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23_統計\厚生労働省\介護保険事業状況報告\02_月報HP\R5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2"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
      <sz val="11"/>
      <color theme="0"/>
      <name val="ＭＳ Ｐゴシック"/>
      <family val="3"/>
      <charset val="128"/>
    </font>
  </fonts>
  <fills count="2">
    <fill>
      <patternFill patternType="none"/>
    </fill>
    <fill>
      <patternFill patternType="gray125"/>
    </fill>
  </fills>
  <borders count="123">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28">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3"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0" xfId="2" applyNumberFormat="1" applyFont="1" applyBorder="1">
      <alignment vertical="center"/>
    </xf>
    <xf numFmtId="180" fontId="2" fillId="0" borderId="66" xfId="2" applyNumberFormat="1" applyFont="1" applyBorder="1">
      <alignment vertical="center"/>
    </xf>
    <xf numFmtId="180" fontId="2" fillId="0" borderId="48" xfId="2" applyNumberFormat="1" applyFont="1" applyBorder="1">
      <alignment vertical="center"/>
    </xf>
    <xf numFmtId="180" fontId="2" fillId="0" borderId="67"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0"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30" xfId="2" applyNumberFormat="1" applyFont="1" applyBorder="1">
      <alignment vertical="center"/>
    </xf>
    <xf numFmtId="180" fontId="2" fillId="0" borderId="76"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0" xfId="0" applyNumberFormat="1" applyFont="1" applyBorder="1"/>
    <xf numFmtId="180" fontId="2" fillId="0" borderId="30" xfId="0" applyNumberFormat="1" applyFont="1" applyBorder="1"/>
    <xf numFmtId="179" fontId="2" fillId="0" borderId="42" xfId="0" applyNumberFormat="1" applyFont="1" applyBorder="1"/>
    <xf numFmtId="179" fontId="2" fillId="0" borderId="79" xfId="0" applyNumberFormat="1" applyFont="1" applyBorder="1"/>
    <xf numFmtId="179" fontId="2" fillId="0" borderId="57" xfId="0" applyNumberFormat="1" applyFont="1" applyBorder="1"/>
    <xf numFmtId="179" fontId="2" fillId="0" borderId="47" xfId="0" applyNumberFormat="1" applyFont="1" applyBorder="1"/>
    <xf numFmtId="179" fontId="2" fillId="0" borderId="66" xfId="0" applyNumberFormat="1" applyFont="1" applyBorder="1"/>
    <xf numFmtId="179" fontId="2" fillId="0" borderId="0" xfId="0" applyNumberFormat="1" applyFont="1"/>
    <xf numFmtId="179" fontId="2" fillId="0" borderId="64"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0"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0"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7" xfId="0" applyNumberFormat="1" applyBorder="1" applyAlignment="1">
      <alignment vertical="center"/>
    </xf>
    <xf numFmtId="178" fontId="0" fillId="0" borderId="76" xfId="0" applyNumberFormat="1" applyBorder="1" applyAlignment="1">
      <alignment vertical="center"/>
    </xf>
    <xf numFmtId="178" fontId="2" fillId="0" borderId="62" xfId="1" applyNumberFormat="1" applyFont="1" applyBorder="1" applyAlignment="1">
      <alignment vertical="center"/>
    </xf>
    <xf numFmtId="178" fontId="2" fillId="0" borderId="67" xfId="1" applyNumberFormat="1" applyFont="1" applyBorder="1" applyAlignment="1">
      <alignment vertical="center"/>
    </xf>
    <xf numFmtId="178" fontId="2" fillId="0" borderId="76"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12" xfId="3" applyFont="1" applyBorder="1" applyAlignment="1">
      <alignment horizontal="center"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7"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42" xfId="1" applyFont="1" applyBorder="1" applyAlignment="1">
      <alignment vertical="center"/>
    </xf>
    <xf numFmtId="38" fontId="9" fillId="0" borderId="79" xfId="1" applyFont="1" applyBorder="1" applyAlignment="1">
      <alignment vertical="center"/>
    </xf>
    <xf numFmtId="38" fontId="9" fillId="0" borderId="95"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8"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7"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0"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7" xfId="0" applyNumberFormat="1" applyFont="1" applyBorder="1"/>
    <xf numFmtId="179" fontId="2" fillId="0" borderId="76"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0" xfId="0" applyFont="1" applyBorder="1" applyAlignment="1">
      <alignment horizontal="center" vertical="center"/>
    </xf>
    <xf numFmtId="0" fontId="2" fillId="0" borderId="117" xfId="0" applyFont="1" applyBorder="1" applyAlignment="1">
      <alignment horizontal="center" vertical="center"/>
    </xf>
    <xf numFmtId="0" fontId="2" fillId="0" borderId="72" xfId="0" applyFont="1" applyBorder="1" applyAlignment="1">
      <alignment horizontal="center" vertical="center"/>
    </xf>
    <xf numFmtId="0" fontId="2" fillId="0" borderId="75" xfId="0" applyFont="1" applyBorder="1" applyAlignment="1">
      <alignment horizontal="center" vertical="center"/>
    </xf>
    <xf numFmtId="0" fontId="2" fillId="0" borderId="73" xfId="0" applyFont="1" applyBorder="1" applyAlignment="1">
      <alignment horizontal="center" vertical="center" wrapText="1"/>
    </xf>
    <xf numFmtId="0" fontId="2" fillId="0" borderId="92" xfId="0" applyFont="1" applyBorder="1" applyAlignment="1">
      <alignment horizontal="center" vertical="center"/>
    </xf>
    <xf numFmtId="0" fontId="3" fillId="0" borderId="19"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0"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0" xfId="1" applyFont="1" applyBorder="1" applyAlignment="1">
      <alignment vertical="center"/>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79" xfId="0" applyNumberFormat="1" applyFont="1" applyBorder="1" applyAlignment="1">
      <alignment shrinkToFit="1"/>
    </xf>
    <xf numFmtId="179" fontId="2" fillId="0" borderId="80"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1"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0" fontId="3" fillId="0" borderId="0" xfId="0" applyFont="1" applyAlignment="1">
      <alignment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7"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3"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7"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0" fontId="2" fillId="0" borderId="0" xfId="0" applyFont="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6" xfId="1" applyNumberFormat="1" applyFont="1" applyBorder="1" applyAlignment="1">
      <alignment vertical="center" shrinkToFit="1"/>
    </xf>
    <xf numFmtId="180" fontId="0" fillId="0" borderId="79"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3" xfId="0" applyBorder="1" applyAlignment="1">
      <alignment horizontal="left" vertical="center" shrinkToFit="1"/>
    </xf>
    <xf numFmtId="0" fontId="0" fillId="0" borderId="7" xfId="0" applyBorder="1" applyAlignment="1">
      <alignment horizontal="left" vertical="center" shrinkToFit="1"/>
    </xf>
    <xf numFmtId="0" fontId="0" fillId="0" borderId="7" xfId="0" applyBorder="1" applyAlignment="1">
      <alignment horizontal="left" vertical="center"/>
    </xf>
    <xf numFmtId="0" fontId="0" fillId="0" borderId="14" xfId="0" applyBorder="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78" fontId="11" fillId="0" borderId="62" xfId="0" applyNumberFormat="1" applyFont="1" applyBorder="1" applyAlignment="1">
      <alignment vertical="center"/>
    </xf>
    <xf numFmtId="178" fontId="11" fillId="0" borderId="67" xfId="0" applyNumberFormat="1" applyFont="1" applyBorder="1" applyAlignment="1">
      <alignment vertical="center"/>
    </xf>
    <xf numFmtId="178" fontId="11" fillId="0" borderId="76" xfId="0" applyNumberFormat="1" applyFont="1" applyBorder="1" applyAlignment="1">
      <alignment vertical="center"/>
    </xf>
    <xf numFmtId="179" fontId="11" fillId="0" borderId="99" xfId="0" applyNumberFormat="1" applyFont="1" applyBorder="1" applyAlignment="1">
      <alignment shrinkToFit="1"/>
    </xf>
    <xf numFmtId="179" fontId="11" fillId="0" borderId="100" xfId="0" applyNumberFormat="1" applyFont="1" applyBorder="1" applyAlignment="1">
      <alignment shrinkToFit="1"/>
    </xf>
    <xf numFmtId="179" fontId="11" fillId="0" borderId="101" xfId="0" applyNumberFormat="1" applyFont="1" applyBorder="1" applyAlignment="1">
      <alignment shrinkToFit="1"/>
    </xf>
    <xf numFmtId="179" fontId="11" fillId="0" borderId="102" xfId="0" applyNumberFormat="1" applyFont="1" applyBorder="1" applyAlignment="1">
      <alignment shrinkToFit="1"/>
    </xf>
    <xf numFmtId="179" fontId="11" fillId="0" borderId="103" xfId="0" applyNumberFormat="1" applyFont="1" applyBorder="1" applyAlignment="1">
      <alignment shrinkToFit="1"/>
    </xf>
    <xf numFmtId="179" fontId="11" fillId="0" borderId="104" xfId="0" applyNumberFormat="1" applyFont="1" applyBorder="1" applyAlignment="1">
      <alignment shrinkToFit="1"/>
    </xf>
    <xf numFmtId="179" fontId="11" fillId="0" borderId="105" xfId="0" applyNumberFormat="1" applyFont="1" applyBorder="1" applyAlignment="1">
      <alignment shrinkToFit="1"/>
    </xf>
    <xf numFmtId="179" fontId="11" fillId="0" borderId="106" xfId="0" applyNumberFormat="1" applyFont="1" applyBorder="1" applyAlignment="1">
      <alignment shrinkToFit="1"/>
    </xf>
    <xf numFmtId="179" fontId="11" fillId="0" borderId="69" xfId="0" applyNumberFormat="1" applyFont="1" applyBorder="1" applyAlignment="1">
      <alignment shrinkToFit="1"/>
    </xf>
    <xf numFmtId="179" fontId="11" fillId="0" borderId="107" xfId="0" applyNumberFormat="1" applyFont="1" applyBorder="1" applyAlignment="1">
      <alignment shrinkToFit="1"/>
    </xf>
    <xf numFmtId="179" fontId="11" fillId="0" borderId="108" xfId="0" applyNumberFormat="1" applyFont="1" applyBorder="1" applyAlignment="1">
      <alignment shrinkToFit="1"/>
    </xf>
    <xf numFmtId="179" fontId="11" fillId="0" borderId="104" xfId="0" applyNumberFormat="1" applyFont="1" applyBorder="1"/>
    <xf numFmtId="179" fontId="11" fillId="0" borderId="105" xfId="0" applyNumberFormat="1" applyFont="1" applyBorder="1"/>
    <xf numFmtId="179" fontId="11" fillId="0" borderId="106" xfId="0" applyNumberFormat="1" applyFont="1" applyBorder="1"/>
    <xf numFmtId="179" fontId="11" fillId="0" borderId="69" xfId="0" applyNumberFormat="1" applyFont="1" applyBorder="1"/>
    <xf numFmtId="179" fontId="11" fillId="0" borderId="107" xfId="0" applyNumberFormat="1" applyFont="1" applyBorder="1"/>
    <xf numFmtId="179" fontId="11" fillId="0" borderId="108" xfId="0" applyNumberFormat="1" applyFont="1" applyBorder="1"/>
    <xf numFmtId="179" fontId="11" fillId="0" borderId="109" xfId="0" applyNumberFormat="1" applyFont="1" applyBorder="1"/>
    <xf numFmtId="179" fontId="11" fillId="0" borderId="110" xfId="0" applyNumberFormat="1" applyFont="1" applyBorder="1"/>
    <xf numFmtId="179" fontId="11" fillId="0" borderId="111" xfId="0" applyNumberFormat="1" applyFont="1" applyBorder="1"/>
    <xf numFmtId="179" fontId="11" fillId="0" borderId="78" xfId="0" applyNumberFormat="1" applyFont="1" applyBorder="1"/>
    <xf numFmtId="179" fontId="11" fillId="0" borderId="112" xfId="0" applyNumberFormat="1" applyFont="1" applyBorder="1"/>
    <xf numFmtId="179" fontId="11" fillId="0" borderId="113" xfId="0" applyNumberFormat="1" applyFont="1" applyBorder="1"/>
    <xf numFmtId="180" fontId="11" fillId="0" borderId="60" xfId="1" applyNumberFormat="1" applyFont="1" applyFill="1" applyBorder="1" applyAlignment="1">
      <alignment vertical="center" shrinkToFit="1"/>
    </xf>
    <xf numFmtId="180" fontId="11" fillId="0" borderId="67" xfId="1" applyNumberFormat="1" applyFont="1" applyFill="1" applyBorder="1" applyAlignment="1">
      <alignment vertical="center" shrinkToFit="1"/>
    </xf>
    <xf numFmtId="180" fontId="11" fillId="0" borderId="67" xfId="1" applyNumberFormat="1" applyFont="1" applyFill="1" applyBorder="1" applyAlignment="1">
      <alignment vertical="center"/>
    </xf>
    <xf numFmtId="180" fontId="11" fillId="0" borderId="76" xfId="1" applyNumberFormat="1" applyFont="1" applyFill="1" applyBorder="1" applyAlignment="1">
      <alignment vertical="center"/>
    </xf>
    <xf numFmtId="0" fontId="5" fillId="0" borderId="0" xfId="0" applyFont="1" applyAlignment="1">
      <alignment horizontal="center" vertical="center"/>
    </xf>
    <xf numFmtId="0" fontId="3" fillId="0" borderId="116" xfId="0" applyFont="1" applyBorder="1" applyAlignment="1">
      <alignment horizontal="center" vertical="center"/>
    </xf>
    <xf numFmtId="0" fontId="3" fillId="0" borderId="83" xfId="0" applyFont="1" applyBorder="1" applyAlignment="1">
      <alignment horizontal="center" vertical="center"/>
    </xf>
    <xf numFmtId="0" fontId="3" fillId="0" borderId="10" xfId="0" applyFont="1" applyBorder="1" applyAlignment="1">
      <alignment horizontal="center" vertical="center"/>
    </xf>
    <xf numFmtId="0" fontId="0" fillId="0" borderId="93" xfId="0" applyBorder="1" applyAlignment="1">
      <alignment horizontal="left" vertical="center"/>
    </xf>
    <xf numFmtId="0" fontId="0" fillId="0" borderId="94" xfId="0" applyBorder="1" applyAlignment="1">
      <alignment horizontal="left" vertical="center"/>
    </xf>
    <xf numFmtId="0" fontId="2" fillId="0" borderId="1" xfId="0" applyFont="1" applyBorder="1" applyAlignment="1">
      <alignment horizontal="left" vertical="center"/>
    </xf>
    <xf numFmtId="0" fontId="2" fillId="0" borderId="83"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3" xfId="0" applyFont="1" applyBorder="1" applyAlignment="1">
      <alignment horizontal="center" vertical="center"/>
    </xf>
    <xf numFmtId="0" fontId="2" fillId="0" borderId="10" xfId="0" applyFont="1" applyBorder="1" applyAlignment="1">
      <alignment horizontal="center" vertical="center"/>
    </xf>
    <xf numFmtId="0" fontId="2" fillId="0" borderId="91" xfId="0" applyFont="1" applyBorder="1" applyAlignment="1">
      <alignment horizontal="center" vertical="center"/>
    </xf>
    <xf numFmtId="0" fontId="2" fillId="0" borderId="74" xfId="0" applyFont="1" applyBorder="1" applyAlignment="1">
      <alignment horizontal="center" vertical="center"/>
    </xf>
    <xf numFmtId="0" fontId="2" fillId="0" borderId="92"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8" xfId="0" applyBorder="1" applyAlignment="1">
      <alignment horizontal="center" vertical="center"/>
    </xf>
    <xf numFmtId="0" fontId="2" fillId="0" borderId="93" xfId="0" applyFont="1" applyBorder="1" applyAlignment="1">
      <alignment horizontal="center" vertical="center"/>
    </xf>
    <xf numFmtId="0" fontId="2" fillId="0" borderId="94"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6" xfId="0" applyFont="1" applyBorder="1" applyAlignment="1">
      <alignment horizontal="center"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6" xfId="3" applyFont="1" applyBorder="1" applyAlignment="1">
      <alignment horizontal="center" vertical="center"/>
    </xf>
    <xf numFmtId="0" fontId="9" fillId="0" borderId="118"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1" xfId="3" applyFont="1" applyBorder="1" applyAlignment="1">
      <alignment horizontal="center" vertical="center"/>
    </xf>
    <xf numFmtId="0" fontId="9" fillId="0" borderId="43" xfId="3" applyFont="1" applyBorder="1" applyAlignment="1">
      <alignment horizontal="center" vertical="center"/>
    </xf>
    <xf numFmtId="0" fontId="9" fillId="0" borderId="98" xfId="3" applyFont="1" applyBorder="1" applyAlignment="1">
      <alignment horizontal="center" vertical="center"/>
    </xf>
    <xf numFmtId="0" fontId="9" fillId="0" borderId="93" xfId="3" applyFont="1" applyBorder="1" applyAlignment="1">
      <alignment horizontal="center" vertical="center"/>
    </xf>
    <xf numFmtId="0" fontId="9" fillId="0" borderId="94" xfId="3" applyFont="1" applyBorder="1" applyAlignment="1">
      <alignment horizontal="center" vertical="center"/>
    </xf>
    <xf numFmtId="0" fontId="9" fillId="0" borderId="87" xfId="3" applyFont="1" applyBorder="1" applyAlignment="1">
      <alignment horizontal="center" vertical="center"/>
    </xf>
    <xf numFmtId="0" fontId="9" fillId="0" borderId="88" xfId="3" applyFont="1" applyBorder="1" applyAlignment="1">
      <alignment horizontal="center" vertical="center"/>
    </xf>
    <xf numFmtId="0" fontId="9" fillId="0" borderId="97" xfId="3" applyFont="1" applyBorder="1" applyAlignment="1">
      <alignment horizontal="center" vertical="center"/>
    </xf>
    <xf numFmtId="0" fontId="9" fillId="0" borderId="83"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6" xfId="0" applyFont="1" applyBorder="1" applyAlignment="1">
      <alignment horizontal="center" vertical="center"/>
    </xf>
    <xf numFmtId="0" fontId="9" fillId="0" borderId="114" xfId="3" applyFont="1" applyBorder="1" applyAlignment="1">
      <alignment horizontal="center" vertical="center"/>
    </xf>
    <xf numFmtId="0" fontId="9" fillId="0" borderId="90"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5"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8"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0" xfId="0" applyFont="1" applyBorder="1" applyAlignment="1">
      <alignment horizontal="center" vertical="center"/>
    </xf>
    <xf numFmtId="0" fontId="3" fillId="0" borderId="57" xfId="0" applyFont="1" applyBorder="1" applyAlignment="1">
      <alignment horizontal="center" vertical="center"/>
    </xf>
    <xf numFmtId="0" fontId="3" fillId="0" borderId="81" xfId="0" applyFont="1" applyBorder="1" applyAlignment="1">
      <alignment horizontal="center" vertical="center"/>
    </xf>
    <xf numFmtId="0" fontId="3" fillId="0" borderId="56" xfId="0" applyFont="1" applyBorder="1" applyAlignment="1">
      <alignment horizontal="center" vertical="center" wrapText="1"/>
    </xf>
    <xf numFmtId="0" fontId="3" fillId="0" borderId="82"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3"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8" xfId="0" applyFont="1" applyBorder="1" applyAlignment="1">
      <alignment horizontal="center" vertical="center"/>
    </xf>
    <xf numFmtId="0" fontId="3" fillId="0" borderId="93" xfId="0" applyFont="1" applyBorder="1" applyAlignment="1">
      <alignment horizontal="center" vertical="center"/>
    </xf>
    <xf numFmtId="0" fontId="3" fillId="0" borderId="94" xfId="0" applyFont="1" applyBorder="1" applyAlignment="1">
      <alignment horizontal="center" vertical="center"/>
    </xf>
    <xf numFmtId="0" fontId="0" fillId="0" borderId="1" xfId="0" applyFont="1" applyBorder="1" applyAlignment="1">
      <alignment vertical="center"/>
    </xf>
    <xf numFmtId="0" fontId="3" fillId="0" borderId="87" xfId="0" applyFont="1" applyBorder="1" applyAlignment="1">
      <alignment horizontal="center" vertical="center"/>
    </xf>
    <xf numFmtId="0" fontId="3" fillId="0" borderId="88" xfId="0" applyFont="1" applyBorder="1" applyAlignment="1">
      <alignment horizontal="center" vertical="center"/>
    </xf>
    <xf numFmtId="0" fontId="3" fillId="0" borderId="84" xfId="0" applyFont="1" applyBorder="1" applyAlignment="1">
      <alignment horizontal="center" vertical="center"/>
    </xf>
    <xf numFmtId="0" fontId="0" fillId="0" borderId="83" xfId="0" applyBorder="1" applyAlignment="1"/>
    <xf numFmtId="0" fontId="0" fillId="0" borderId="10" xfId="0" applyBorder="1" applyAlignment="1"/>
    <xf numFmtId="0" fontId="3" fillId="0" borderId="57" xfId="0" applyFont="1" applyBorder="1" applyAlignment="1">
      <alignment horizontal="center" vertical="center" wrapText="1"/>
    </xf>
    <xf numFmtId="182" fontId="3" fillId="0" borderId="0" xfId="0" applyNumberFormat="1" applyFont="1" applyAlignment="1">
      <alignment horizontal="left" vertical="center"/>
    </xf>
    <xf numFmtId="0" fontId="3" fillId="0" borderId="95" xfId="0" applyFont="1" applyBorder="1" applyAlignment="1">
      <alignment horizontal="center" vertical="center"/>
    </xf>
    <xf numFmtId="0" fontId="3" fillId="0" borderId="89"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6" xfId="0" applyFont="1" applyBorder="1" applyAlignment="1">
      <alignment horizontal="center" vertical="center"/>
    </xf>
    <xf numFmtId="0" fontId="3" fillId="0" borderId="7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2"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2"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3"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3"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3"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3" fillId="0" borderId="1" xfId="0" applyFont="1" applyBorder="1" applyAlignment="1">
      <alignment horizontal="left" vertical="center"/>
    </xf>
    <xf numFmtId="0" fontId="3" fillId="0" borderId="83"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83"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70" xfId="0" applyFont="1" applyBorder="1" applyAlignment="1">
      <alignment horizontal="center" vertical="center"/>
    </xf>
    <xf numFmtId="0" fontId="3" fillId="0" borderId="40" xfId="0" applyFont="1" applyBorder="1" applyAlignment="1">
      <alignment horizontal="center" vertical="center"/>
    </xf>
    <xf numFmtId="0" fontId="3" fillId="0" borderId="30" xfId="0" applyFont="1" applyBorder="1" applyAlignment="1">
      <alignment horizontal="center" vertical="center"/>
    </xf>
    <xf numFmtId="0" fontId="3" fillId="0" borderId="115" xfId="0" applyFont="1" applyBorder="1" applyAlignment="1">
      <alignment horizontal="center" vertical="center"/>
    </xf>
    <xf numFmtId="0" fontId="3" fillId="0" borderId="90"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3"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6" xfId="0" applyFont="1" applyBorder="1" applyAlignment="1">
      <alignment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5" xfId="0" applyFont="1" applyBorder="1" applyAlignment="1">
      <alignment horizontal="center"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7" xfId="0" applyFont="1" applyBorder="1" applyAlignment="1">
      <alignment horizontal="center" vertical="center"/>
    </xf>
    <xf numFmtId="0" fontId="3" fillId="0" borderId="7" xfId="0" applyFont="1" applyBorder="1" applyAlignment="1">
      <alignment horizontal="center" vertical="center"/>
    </xf>
    <xf numFmtId="0" fontId="3" fillId="0" borderId="48" xfId="0" applyFont="1" applyBorder="1" applyAlignment="1">
      <alignment horizontal="center" vertical="center"/>
    </xf>
    <xf numFmtId="182" fontId="3" fillId="0" borderId="0" xfId="0" applyNumberFormat="1" applyFont="1" applyBorder="1" applyAlignment="1">
      <alignment horizontal="left" vertical="center"/>
    </xf>
    <xf numFmtId="0" fontId="3" fillId="0" borderId="118" xfId="0" applyFont="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0" fillId="0" borderId="118"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3"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3"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6"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5"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118"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98"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59" xfId="0" applyFont="1" applyFill="1" applyBorder="1" applyAlignment="1">
      <alignment horizontal="center" vertical="center"/>
    </xf>
    <xf numFmtId="0" fontId="2" fillId="0" borderId="56" xfId="0" applyFont="1" applyBorder="1" applyAlignment="1">
      <alignment horizontal="center" vertical="center"/>
    </xf>
    <xf numFmtId="0" fontId="2" fillId="0" borderId="68" xfId="0" applyFont="1" applyBorder="1" applyAlignment="1">
      <alignment horizontal="center" vertical="center"/>
    </xf>
    <xf numFmtId="0" fontId="2" fillId="0" borderId="77"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96" xfId="0" applyFont="1" applyBorder="1" applyAlignment="1">
      <alignment horizontal="center" vertical="center"/>
    </xf>
    <xf numFmtId="0" fontId="2" fillId="0" borderId="42" xfId="0" applyFont="1" applyBorder="1" applyAlignment="1">
      <alignment horizontal="center" vertical="center"/>
    </xf>
    <xf numFmtId="0" fontId="2" fillId="0" borderId="7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81" xfId="0" applyFont="1" applyBorder="1" applyAlignment="1">
      <alignment horizontal="center" vertical="center"/>
    </xf>
    <xf numFmtId="0" fontId="2" fillId="0" borderId="80" xfId="0" applyFont="1" applyBorder="1" applyAlignment="1">
      <alignment horizontal="center" vertical="center"/>
    </xf>
    <xf numFmtId="0" fontId="2" fillId="0" borderId="30" xfId="0" applyFont="1" applyBorder="1" applyAlignment="1">
      <alignment horizontal="center" vertical="center"/>
    </xf>
    <xf numFmtId="0" fontId="2" fillId="0" borderId="49" xfId="0" applyFont="1" applyBorder="1" applyAlignment="1">
      <alignment horizontal="center" vertical="center"/>
    </xf>
    <xf numFmtId="0" fontId="2" fillId="0" borderId="4"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95" xfId="0" applyFont="1" applyBorder="1" applyAlignment="1">
      <alignment horizontal="center" vertical="center"/>
    </xf>
    <xf numFmtId="0" fontId="2" fillId="0" borderId="115" xfId="0" applyFont="1" applyBorder="1" applyAlignment="1">
      <alignment horizontal="center" vertical="center"/>
    </xf>
    <xf numFmtId="0" fontId="2" fillId="0" borderId="90" xfId="0" applyFont="1" applyBorder="1" applyAlignment="1">
      <alignment horizontal="center" vertical="center"/>
    </xf>
    <xf numFmtId="182" fontId="2" fillId="0" borderId="0" xfId="0" applyNumberFormat="1" applyFont="1" applyBorder="1" applyAlignment="1">
      <alignment horizontal="left" vertical="center"/>
    </xf>
    <xf numFmtId="0" fontId="2" fillId="0" borderId="70" xfId="0" applyFont="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6" xfId="0" applyBorder="1" applyAlignment="1">
      <alignment horizontal="center" vertical="center"/>
    </xf>
    <xf numFmtId="0" fontId="0" fillId="0" borderId="79"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0"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8"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48"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5"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1" xfId="0" applyBorder="1" applyAlignment="1">
      <alignment horizontal="left" vertical="center"/>
    </xf>
    <xf numFmtId="0" fontId="0" fillId="0" borderId="83" xfId="0" applyBorder="1" applyAlignment="1">
      <alignment horizontal="left" vertical="center"/>
    </xf>
    <xf numFmtId="0" fontId="0" fillId="0" borderId="10" xfId="0" applyBorder="1" applyAlignment="1">
      <alignment horizontal="left" vertical="center"/>
    </xf>
    <xf numFmtId="0" fontId="0" fillId="0" borderId="12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I3" sqref="I3"/>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72" t="s">
        <v>0</v>
      </c>
      <c r="F1" s="472"/>
      <c r="G1" s="472"/>
      <c r="H1" s="472"/>
      <c r="I1" s="2"/>
      <c r="J1" s="2"/>
      <c r="K1" s="2"/>
      <c r="L1" s="2"/>
    </row>
    <row r="2" spans="1:13" ht="24" customHeight="1" x14ac:dyDescent="0.2">
      <c r="A2" s="2"/>
      <c r="B2" s="2"/>
      <c r="C2" s="2"/>
      <c r="D2" s="2"/>
      <c r="E2" s="2"/>
      <c r="F2" s="322">
        <v>6</v>
      </c>
      <c r="G2" s="229">
        <v>3</v>
      </c>
      <c r="H2" s="2"/>
      <c r="I2" s="2"/>
      <c r="J2" s="2"/>
      <c r="K2" s="2"/>
      <c r="L2" s="2"/>
      <c r="M2" s="2"/>
    </row>
    <row r="3" spans="1:13" ht="24" customHeight="1" x14ac:dyDescent="0.2"/>
    <row r="4" spans="1:13" ht="20.25" customHeight="1" x14ac:dyDescent="0.2">
      <c r="D4" s="3"/>
      <c r="E4" s="4" t="s">
        <v>1</v>
      </c>
      <c r="F4" s="3"/>
      <c r="H4" s="236">
        <f>G2</f>
        <v>3</v>
      </c>
    </row>
    <row r="5" spans="1:13" ht="10.5" customHeight="1" thickBot="1" x14ac:dyDescent="0.25">
      <c r="E5" s="5"/>
    </row>
    <row r="6" spans="1:13" ht="21" customHeight="1" x14ac:dyDescent="0.2">
      <c r="E6" s="302"/>
      <c r="F6" s="473" t="s">
        <v>2</v>
      </c>
      <c r="G6" s="474"/>
      <c r="H6" s="474"/>
      <c r="I6" s="475"/>
    </row>
    <row r="7" spans="1:13" ht="21" customHeight="1" x14ac:dyDescent="0.2">
      <c r="E7" s="7"/>
      <c r="F7" s="8"/>
      <c r="G7" s="9" t="s">
        <v>3</v>
      </c>
      <c r="H7" s="304" t="s">
        <v>148</v>
      </c>
      <c r="I7" s="305" t="s">
        <v>147</v>
      </c>
    </row>
    <row r="8" spans="1:13" ht="21" customHeight="1" x14ac:dyDescent="0.2">
      <c r="E8" s="439" t="s">
        <v>4</v>
      </c>
      <c r="F8" s="329">
        <v>2351722</v>
      </c>
      <c r="G8" s="329">
        <v>1004496</v>
      </c>
      <c r="H8" s="329">
        <v>934107</v>
      </c>
      <c r="I8" s="330">
        <v>413119</v>
      </c>
    </row>
    <row r="9" spans="1:13" ht="21" customHeight="1" x14ac:dyDescent="0.2">
      <c r="E9" s="440" t="s">
        <v>5</v>
      </c>
      <c r="F9" s="331">
        <v>939313</v>
      </c>
      <c r="G9" s="331">
        <v>400689</v>
      </c>
      <c r="H9" s="331">
        <v>367729</v>
      </c>
      <c r="I9" s="332">
        <v>170895</v>
      </c>
    </row>
    <row r="10" spans="1:13" ht="21" customHeight="1" x14ac:dyDescent="0.2">
      <c r="E10" s="440" t="s">
        <v>6</v>
      </c>
      <c r="F10" s="331">
        <v>309782</v>
      </c>
      <c r="G10" s="331">
        <v>138921</v>
      </c>
      <c r="H10" s="331">
        <v>117121</v>
      </c>
      <c r="I10" s="332">
        <v>53740</v>
      </c>
    </row>
    <row r="11" spans="1:13" ht="21" customHeight="1" x14ac:dyDescent="0.2">
      <c r="E11" s="440" t="s">
        <v>14</v>
      </c>
      <c r="F11" s="331">
        <v>188996</v>
      </c>
      <c r="G11" s="331">
        <v>81424</v>
      </c>
      <c r="H11" s="331">
        <v>77512</v>
      </c>
      <c r="I11" s="332">
        <v>30060</v>
      </c>
    </row>
    <row r="12" spans="1:13" ht="21" customHeight="1" x14ac:dyDescent="0.2">
      <c r="E12" s="440" t="s">
        <v>7</v>
      </c>
      <c r="F12" s="331">
        <v>124913</v>
      </c>
      <c r="G12" s="331">
        <v>50353</v>
      </c>
      <c r="H12" s="331">
        <v>51571</v>
      </c>
      <c r="I12" s="332">
        <v>22989</v>
      </c>
    </row>
    <row r="13" spans="1:13" ht="21" customHeight="1" x14ac:dyDescent="0.2">
      <c r="E13" s="440" t="s">
        <v>8</v>
      </c>
      <c r="F13" s="331">
        <v>73837</v>
      </c>
      <c r="G13" s="331">
        <v>32034</v>
      </c>
      <c r="H13" s="331">
        <v>29631</v>
      </c>
      <c r="I13" s="332">
        <v>12172</v>
      </c>
    </row>
    <row r="14" spans="1:13" ht="21" customHeight="1" x14ac:dyDescent="0.2">
      <c r="E14" s="440" t="s">
        <v>9</v>
      </c>
      <c r="F14" s="331">
        <v>53406</v>
      </c>
      <c r="G14" s="331">
        <v>19865</v>
      </c>
      <c r="H14" s="331">
        <v>21547</v>
      </c>
      <c r="I14" s="332">
        <v>11994</v>
      </c>
    </row>
    <row r="15" spans="1:13" ht="21" customHeight="1" x14ac:dyDescent="0.2">
      <c r="E15" s="440" t="s">
        <v>10</v>
      </c>
      <c r="F15" s="331">
        <v>108946</v>
      </c>
      <c r="G15" s="331">
        <v>45475</v>
      </c>
      <c r="H15" s="331">
        <v>43608</v>
      </c>
      <c r="I15" s="332">
        <v>19863</v>
      </c>
    </row>
    <row r="16" spans="1:13" ht="21" customHeight="1" x14ac:dyDescent="0.2">
      <c r="E16" s="440" t="s">
        <v>11</v>
      </c>
      <c r="F16" s="331">
        <v>57536</v>
      </c>
      <c r="G16" s="331">
        <v>24745</v>
      </c>
      <c r="H16" s="331">
        <v>22478</v>
      </c>
      <c r="I16" s="332">
        <v>10313</v>
      </c>
    </row>
    <row r="17" spans="5:13" ht="21" customHeight="1" x14ac:dyDescent="0.2">
      <c r="E17" s="440" t="s">
        <v>12</v>
      </c>
      <c r="F17" s="331">
        <v>66108</v>
      </c>
      <c r="G17" s="331">
        <v>27576</v>
      </c>
      <c r="H17" s="331">
        <v>26453</v>
      </c>
      <c r="I17" s="332">
        <v>12079</v>
      </c>
    </row>
    <row r="18" spans="5:13" ht="21" customHeight="1" x14ac:dyDescent="0.2">
      <c r="E18" s="440" t="s">
        <v>13</v>
      </c>
      <c r="F18" s="331">
        <v>18488</v>
      </c>
      <c r="G18" s="331">
        <v>6859</v>
      </c>
      <c r="H18" s="331">
        <v>7540</v>
      </c>
      <c r="I18" s="332">
        <v>4089</v>
      </c>
      <c r="M18" s="1" t="s">
        <v>87</v>
      </c>
    </row>
    <row r="19" spans="5:13" ht="21" customHeight="1" x14ac:dyDescent="0.2">
      <c r="E19" s="440" t="s">
        <v>15</v>
      </c>
      <c r="F19" s="331">
        <v>16002</v>
      </c>
      <c r="G19" s="331">
        <v>6805</v>
      </c>
      <c r="H19" s="331">
        <v>6317</v>
      </c>
      <c r="I19" s="332">
        <v>2880</v>
      </c>
    </row>
    <row r="20" spans="5:13" ht="21" customHeight="1" x14ac:dyDescent="0.2">
      <c r="E20" s="440" t="s">
        <v>16</v>
      </c>
      <c r="F20" s="331">
        <v>49613</v>
      </c>
      <c r="G20" s="331">
        <v>22146</v>
      </c>
      <c r="H20" s="331">
        <v>20243</v>
      </c>
      <c r="I20" s="332">
        <v>7224</v>
      </c>
    </row>
    <row r="21" spans="5:13" ht="21" customHeight="1" x14ac:dyDescent="0.2">
      <c r="E21" s="440" t="s">
        <v>17</v>
      </c>
      <c r="F21" s="331">
        <v>58908</v>
      </c>
      <c r="G21" s="331">
        <v>26121</v>
      </c>
      <c r="H21" s="331">
        <v>24270</v>
      </c>
      <c r="I21" s="332">
        <v>8517</v>
      </c>
    </row>
    <row r="22" spans="5:13" ht="21" customHeight="1" x14ac:dyDescent="0.2">
      <c r="E22" s="440" t="s">
        <v>18</v>
      </c>
      <c r="F22" s="331">
        <v>58454</v>
      </c>
      <c r="G22" s="331">
        <v>25006</v>
      </c>
      <c r="H22" s="331">
        <v>24064</v>
      </c>
      <c r="I22" s="332">
        <v>9384</v>
      </c>
    </row>
    <row r="23" spans="5:13" ht="21" customHeight="1" x14ac:dyDescent="0.2">
      <c r="E23" s="440" t="s">
        <v>19</v>
      </c>
      <c r="F23" s="331">
        <v>26737</v>
      </c>
      <c r="G23" s="331">
        <v>11481</v>
      </c>
      <c r="H23" s="331">
        <v>10974</v>
      </c>
      <c r="I23" s="332">
        <v>4282</v>
      </c>
    </row>
    <row r="24" spans="5:13" ht="21" customHeight="1" x14ac:dyDescent="0.2">
      <c r="E24" s="440" t="s">
        <v>20</v>
      </c>
      <c r="F24" s="331">
        <v>34290</v>
      </c>
      <c r="G24" s="331">
        <v>15008</v>
      </c>
      <c r="H24" s="331">
        <v>14160</v>
      </c>
      <c r="I24" s="332">
        <v>5122</v>
      </c>
    </row>
    <row r="25" spans="5:13" ht="21" customHeight="1" x14ac:dyDescent="0.2">
      <c r="E25" s="440" t="s">
        <v>21</v>
      </c>
      <c r="F25" s="331">
        <v>34528</v>
      </c>
      <c r="G25" s="331">
        <v>15035</v>
      </c>
      <c r="H25" s="331">
        <v>14142</v>
      </c>
      <c r="I25" s="332">
        <v>5351</v>
      </c>
    </row>
    <row r="26" spans="5:13" ht="21" customHeight="1" x14ac:dyDescent="0.2">
      <c r="E26" s="440" t="s">
        <v>22</v>
      </c>
      <c r="F26" s="331">
        <v>13632</v>
      </c>
      <c r="G26" s="331">
        <v>5573</v>
      </c>
      <c r="H26" s="331">
        <v>5611</v>
      </c>
      <c r="I26" s="332">
        <v>2448</v>
      </c>
    </row>
    <row r="27" spans="5:13" ht="21" customHeight="1" x14ac:dyDescent="0.2">
      <c r="E27" s="440" t="s">
        <v>23</v>
      </c>
      <c r="F27" s="331">
        <v>22672</v>
      </c>
      <c r="G27" s="331">
        <v>9120</v>
      </c>
      <c r="H27" s="331">
        <v>10131</v>
      </c>
      <c r="I27" s="332">
        <v>3421</v>
      </c>
    </row>
    <row r="28" spans="5:13" ht="21" customHeight="1" x14ac:dyDescent="0.2">
      <c r="E28" s="440" t="s">
        <v>24</v>
      </c>
      <c r="F28" s="331">
        <v>10099</v>
      </c>
      <c r="G28" s="331">
        <v>3704</v>
      </c>
      <c r="H28" s="331">
        <v>4289</v>
      </c>
      <c r="I28" s="332">
        <v>2106</v>
      </c>
    </row>
    <row r="29" spans="5:13" ht="21" customHeight="1" x14ac:dyDescent="0.2">
      <c r="E29" s="440" t="s">
        <v>25</v>
      </c>
      <c r="F29" s="331">
        <v>13497</v>
      </c>
      <c r="G29" s="331">
        <v>6036</v>
      </c>
      <c r="H29" s="331">
        <v>5527</v>
      </c>
      <c r="I29" s="332">
        <v>1934</v>
      </c>
    </row>
    <row r="30" spans="5:13" ht="21" customHeight="1" x14ac:dyDescent="0.2">
      <c r="E30" s="440" t="s">
        <v>26</v>
      </c>
      <c r="F30" s="331">
        <v>11083</v>
      </c>
      <c r="G30" s="331">
        <v>4469</v>
      </c>
      <c r="H30" s="331">
        <v>4641</v>
      </c>
      <c r="I30" s="332">
        <v>1973</v>
      </c>
    </row>
    <row r="31" spans="5:13" ht="21" customHeight="1" x14ac:dyDescent="0.2">
      <c r="E31" s="440" t="s">
        <v>27</v>
      </c>
      <c r="F31" s="331">
        <v>9846</v>
      </c>
      <c r="G31" s="331">
        <v>3819</v>
      </c>
      <c r="H31" s="331">
        <v>4077</v>
      </c>
      <c r="I31" s="332">
        <v>1950</v>
      </c>
    </row>
    <row r="32" spans="5:13" ht="21" customHeight="1" x14ac:dyDescent="0.2">
      <c r="E32" s="440" t="s">
        <v>28</v>
      </c>
      <c r="F32" s="331">
        <v>3213</v>
      </c>
      <c r="G32" s="331">
        <v>1420</v>
      </c>
      <c r="H32" s="331">
        <v>1339</v>
      </c>
      <c r="I32" s="332">
        <v>454</v>
      </c>
    </row>
    <row r="33" spans="5:9" ht="21" customHeight="1" x14ac:dyDescent="0.2">
      <c r="E33" s="440" t="s">
        <v>29</v>
      </c>
      <c r="F33" s="331">
        <v>5002</v>
      </c>
      <c r="G33" s="331">
        <v>2149</v>
      </c>
      <c r="H33" s="331">
        <v>2085</v>
      </c>
      <c r="I33" s="332">
        <v>768</v>
      </c>
    </row>
    <row r="34" spans="5:9" ht="21" customHeight="1" x14ac:dyDescent="0.2">
      <c r="E34" s="440" t="s">
        <v>30</v>
      </c>
      <c r="F34" s="331">
        <v>3715</v>
      </c>
      <c r="G34" s="331">
        <v>1528</v>
      </c>
      <c r="H34" s="331">
        <v>1469</v>
      </c>
      <c r="I34" s="332">
        <v>718</v>
      </c>
    </row>
    <row r="35" spans="5:9" ht="21" customHeight="1" x14ac:dyDescent="0.2">
      <c r="E35" s="440" t="s">
        <v>31</v>
      </c>
      <c r="F35" s="331">
        <v>4010</v>
      </c>
      <c r="G35" s="331">
        <v>1815</v>
      </c>
      <c r="H35" s="331">
        <v>1442</v>
      </c>
      <c r="I35" s="332">
        <v>753</v>
      </c>
    </row>
    <row r="36" spans="5:9" ht="21" customHeight="1" x14ac:dyDescent="0.2">
      <c r="E36" s="440" t="s">
        <v>32</v>
      </c>
      <c r="F36" s="331">
        <v>4693</v>
      </c>
      <c r="G36" s="331">
        <v>2038</v>
      </c>
      <c r="H36" s="331">
        <v>1860</v>
      </c>
      <c r="I36" s="332">
        <v>795</v>
      </c>
    </row>
    <row r="37" spans="5:9" ht="21" customHeight="1" x14ac:dyDescent="0.2">
      <c r="E37" s="440" t="s">
        <v>33</v>
      </c>
      <c r="F37" s="331">
        <v>4124</v>
      </c>
      <c r="G37" s="331">
        <v>1761</v>
      </c>
      <c r="H37" s="331">
        <v>1645</v>
      </c>
      <c r="I37" s="332">
        <v>718</v>
      </c>
    </row>
    <row r="38" spans="5:9" ht="21" customHeight="1" x14ac:dyDescent="0.2">
      <c r="E38" s="440" t="s">
        <v>34</v>
      </c>
      <c r="F38" s="331">
        <v>3011</v>
      </c>
      <c r="G38" s="331">
        <v>1244</v>
      </c>
      <c r="H38" s="331">
        <v>1220</v>
      </c>
      <c r="I38" s="332">
        <v>547</v>
      </c>
    </row>
    <row r="39" spans="5:9" ht="21" customHeight="1" x14ac:dyDescent="0.2">
      <c r="E39" s="440" t="s">
        <v>35</v>
      </c>
      <c r="F39" s="331">
        <v>9781</v>
      </c>
      <c r="G39" s="331">
        <v>3943</v>
      </c>
      <c r="H39" s="331">
        <v>4028</v>
      </c>
      <c r="I39" s="332">
        <v>1810</v>
      </c>
    </row>
    <row r="40" spans="5:9" ht="21" customHeight="1" x14ac:dyDescent="0.2">
      <c r="E40" s="440" t="s">
        <v>36</v>
      </c>
      <c r="F40" s="331">
        <v>12412</v>
      </c>
      <c r="G40" s="331">
        <v>5823</v>
      </c>
      <c r="H40" s="331">
        <v>4977</v>
      </c>
      <c r="I40" s="332">
        <v>1612</v>
      </c>
    </row>
    <row r="41" spans="5:9" ht="21" customHeight="1" thickBot="1" x14ac:dyDescent="0.25">
      <c r="E41" s="441" t="s">
        <v>37</v>
      </c>
      <c r="F41" s="333">
        <v>1075</v>
      </c>
      <c r="G41" s="333">
        <v>511</v>
      </c>
      <c r="H41" s="333">
        <v>406</v>
      </c>
      <c r="I41" s="334">
        <v>158</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5" width="9" style="238"/>
    <col min="6" max="6" width="7.77734375" style="238" customWidth="1"/>
    <col min="7" max="7" width="9" style="238"/>
    <col min="8" max="8" width="10.6640625" style="238" customWidth="1"/>
    <col min="9" max="16" width="9" style="238"/>
    <col min="17" max="17" width="7.88671875" style="238" customWidth="1"/>
    <col min="18" max="27" width="9" style="238"/>
    <col min="28" max="28" width="7.77734375" style="238" customWidth="1"/>
    <col min="29" max="38" width="9" style="238"/>
    <col min="39" max="39" width="6.77734375" style="238" customWidth="1"/>
    <col min="40" max="49" width="9" style="238"/>
    <col min="50" max="50" width="7.77734375" style="238" customWidth="1"/>
    <col min="51" max="60" width="9" style="238"/>
    <col min="61" max="61" width="7.44140625" style="238" customWidth="1"/>
    <col min="62" max="71" width="9" style="238"/>
    <col min="72" max="72" width="7.33203125" style="238" customWidth="1"/>
    <col min="73" max="82" width="9" style="238"/>
    <col min="83" max="83" width="7.44140625" style="238" customWidth="1"/>
    <col min="84" max="93" width="9" style="238"/>
    <col min="94" max="94" width="7.6640625" style="238" customWidth="1"/>
    <col min="95" max="16384" width="9" style="238"/>
  </cols>
  <sheetData>
    <row r="1" spans="2:112" ht="24" customHeight="1" x14ac:dyDescent="0.2">
      <c r="B1" s="267" t="s">
        <v>122</v>
      </c>
      <c r="J1" s="495">
        <f>第１表!F2</f>
        <v>6</v>
      </c>
      <c r="K1" s="495"/>
      <c r="L1" s="231">
        <f>第１表!G2</f>
        <v>3</v>
      </c>
      <c r="M1" s="499">
        <f>IF(L1&lt;3,L1+12-2,L1-2)</f>
        <v>1</v>
      </c>
      <c r="N1" s="499"/>
    </row>
    <row r="2" spans="2:112" ht="24" customHeight="1" thickBot="1" x14ac:dyDescent="0.25">
      <c r="B2" s="267" t="s">
        <v>129</v>
      </c>
    </row>
    <row r="3" spans="2:112" ht="21" customHeight="1" thickBot="1" x14ac:dyDescent="0.25">
      <c r="B3" s="519"/>
      <c r="C3" s="522" t="s">
        <v>112</v>
      </c>
      <c r="D3" s="522"/>
      <c r="E3" s="522"/>
      <c r="F3" s="522"/>
      <c r="G3" s="522"/>
      <c r="H3" s="522"/>
      <c r="I3" s="522"/>
      <c r="J3" s="522"/>
      <c r="K3" s="522"/>
      <c r="L3" s="522"/>
      <c r="M3" s="523"/>
      <c r="N3" s="517" t="s">
        <v>111</v>
      </c>
      <c r="O3" s="517"/>
      <c r="P3" s="517"/>
      <c r="Q3" s="517"/>
      <c r="R3" s="517"/>
      <c r="S3" s="517"/>
      <c r="T3" s="517"/>
      <c r="U3" s="517"/>
      <c r="V3" s="517"/>
      <c r="W3" s="517"/>
      <c r="X3" s="518"/>
      <c r="Y3" s="516" t="s">
        <v>110</v>
      </c>
      <c r="Z3" s="517"/>
      <c r="AA3" s="517"/>
      <c r="AB3" s="517"/>
      <c r="AC3" s="517"/>
      <c r="AD3" s="517"/>
      <c r="AE3" s="517"/>
      <c r="AF3" s="517"/>
      <c r="AG3" s="517"/>
      <c r="AH3" s="517"/>
      <c r="AI3" s="518"/>
      <c r="AJ3" s="516" t="s">
        <v>109</v>
      </c>
      <c r="AK3" s="517"/>
      <c r="AL3" s="517"/>
      <c r="AM3" s="517"/>
      <c r="AN3" s="517"/>
      <c r="AO3" s="517"/>
      <c r="AP3" s="517"/>
      <c r="AQ3" s="517"/>
      <c r="AR3" s="517"/>
      <c r="AS3" s="517"/>
      <c r="AT3" s="518"/>
      <c r="AU3" s="516" t="s">
        <v>108</v>
      </c>
      <c r="AV3" s="517"/>
      <c r="AW3" s="517"/>
      <c r="AX3" s="517"/>
      <c r="AY3" s="517"/>
      <c r="AZ3" s="517"/>
      <c r="BA3" s="517"/>
      <c r="BB3" s="517"/>
      <c r="BC3" s="517"/>
      <c r="BD3" s="517"/>
      <c r="BE3" s="518"/>
      <c r="BF3" s="516" t="s">
        <v>107</v>
      </c>
      <c r="BG3" s="517"/>
      <c r="BH3" s="517"/>
      <c r="BI3" s="517"/>
      <c r="BJ3" s="517"/>
      <c r="BK3" s="517"/>
      <c r="BL3" s="517"/>
      <c r="BM3" s="517"/>
      <c r="BN3" s="517"/>
      <c r="BO3" s="517"/>
      <c r="BP3" s="518"/>
      <c r="BQ3" s="516" t="s">
        <v>106</v>
      </c>
      <c r="BR3" s="517"/>
      <c r="BS3" s="517"/>
      <c r="BT3" s="517"/>
      <c r="BU3" s="517"/>
      <c r="BV3" s="517"/>
      <c r="BW3" s="517"/>
      <c r="BX3" s="517"/>
      <c r="BY3" s="517"/>
      <c r="BZ3" s="517"/>
      <c r="CA3" s="518"/>
      <c r="CB3" s="516" t="s">
        <v>126</v>
      </c>
      <c r="CC3" s="517"/>
      <c r="CD3" s="517"/>
      <c r="CE3" s="517"/>
      <c r="CF3" s="517"/>
      <c r="CG3" s="517"/>
      <c r="CH3" s="517"/>
      <c r="CI3" s="517"/>
      <c r="CJ3" s="517"/>
      <c r="CK3" s="517"/>
      <c r="CL3" s="518"/>
      <c r="CM3" s="516" t="s">
        <v>159</v>
      </c>
      <c r="CN3" s="517"/>
      <c r="CO3" s="517"/>
      <c r="CP3" s="517"/>
      <c r="CQ3" s="517"/>
      <c r="CR3" s="517"/>
      <c r="CS3" s="517"/>
      <c r="CT3" s="517"/>
      <c r="CU3" s="517"/>
      <c r="CV3" s="517"/>
      <c r="CW3" s="518"/>
      <c r="CX3" s="516" t="s">
        <v>155</v>
      </c>
      <c r="CY3" s="517"/>
      <c r="CZ3" s="517"/>
      <c r="DA3" s="517"/>
      <c r="DB3" s="517"/>
      <c r="DC3" s="517"/>
      <c r="DD3" s="517"/>
      <c r="DE3" s="517"/>
      <c r="DF3" s="517"/>
      <c r="DG3" s="517"/>
      <c r="DH3" s="518"/>
    </row>
    <row r="4" spans="2:112" ht="21" customHeight="1" x14ac:dyDescent="0.2">
      <c r="B4" s="520"/>
      <c r="C4" s="524" t="s">
        <v>61</v>
      </c>
      <c r="D4" s="507"/>
      <c r="E4" s="508"/>
      <c r="F4" s="506" t="s">
        <v>62</v>
      </c>
      <c r="G4" s="507"/>
      <c r="H4" s="507"/>
      <c r="I4" s="507"/>
      <c r="J4" s="507"/>
      <c r="K4" s="507"/>
      <c r="L4" s="515"/>
      <c r="M4" s="509" t="s">
        <v>52</v>
      </c>
      <c r="N4" s="524" t="s">
        <v>61</v>
      </c>
      <c r="O4" s="507"/>
      <c r="P4" s="508"/>
      <c r="Q4" s="506" t="s">
        <v>62</v>
      </c>
      <c r="R4" s="507"/>
      <c r="S4" s="507"/>
      <c r="T4" s="507"/>
      <c r="U4" s="507"/>
      <c r="V4" s="507"/>
      <c r="W4" s="508"/>
      <c r="X4" s="509" t="s">
        <v>52</v>
      </c>
      <c r="Y4" s="511" t="s">
        <v>61</v>
      </c>
      <c r="Z4" s="507"/>
      <c r="AA4" s="515"/>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15"/>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row>
    <row r="5" spans="2:112" ht="30" customHeight="1" thickBot="1" x14ac:dyDescent="0.25">
      <c r="B5" s="521"/>
      <c r="C5" s="241" t="s">
        <v>43</v>
      </c>
      <c r="D5" s="239" t="s">
        <v>44</v>
      </c>
      <c r="E5" s="338" t="s">
        <v>45</v>
      </c>
      <c r="F5" s="244" t="s">
        <v>83</v>
      </c>
      <c r="G5" s="239" t="s">
        <v>47</v>
      </c>
      <c r="H5" s="239" t="s">
        <v>48</v>
      </c>
      <c r="I5" s="239" t="s">
        <v>49</v>
      </c>
      <c r="J5" s="239" t="s">
        <v>50</v>
      </c>
      <c r="K5" s="239" t="s">
        <v>51</v>
      </c>
      <c r="L5" s="245" t="s">
        <v>45</v>
      </c>
      <c r="M5" s="510"/>
      <c r="N5" s="241" t="s">
        <v>43</v>
      </c>
      <c r="O5" s="239" t="s">
        <v>44</v>
      </c>
      <c r="P5" s="242" t="s">
        <v>45</v>
      </c>
      <c r="Q5" s="244" t="s">
        <v>83</v>
      </c>
      <c r="R5" s="239" t="s">
        <v>47</v>
      </c>
      <c r="S5" s="239" t="s">
        <v>48</v>
      </c>
      <c r="T5" s="239" t="s">
        <v>49</v>
      </c>
      <c r="U5" s="239" t="s">
        <v>50</v>
      </c>
      <c r="V5" s="239" t="s">
        <v>51</v>
      </c>
      <c r="W5" s="242" t="s">
        <v>45</v>
      </c>
      <c r="X5" s="510"/>
      <c r="Y5" s="295" t="s">
        <v>43</v>
      </c>
      <c r="Z5" s="239" t="s">
        <v>44</v>
      </c>
      <c r="AA5" s="245" t="s">
        <v>45</v>
      </c>
      <c r="AB5" s="244" t="s">
        <v>83</v>
      </c>
      <c r="AC5" s="239" t="s">
        <v>47</v>
      </c>
      <c r="AD5" s="239" t="s">
        <v>48</v>
      </c>
      <c r="AE5" s="239" t="s">
        <v>49</v>
      </c>
      <c r="AF5" s="239" t="s">
        <v>50</v>
      </c>
      <c r="AG5" s="239" t="s">
        <v>51</v>
      </c>
      <c r="AH5" s="242" t="s">
        <v>45</v>
      </c>
      <c r="AI5" s="510"/>
      <c r="AJ5" s="295" t="s">
        <v>43</v>
      </c>
      <c r="AK5" s="239" t="s">
        <v>44</v>
      </c>
      <c r="AL5" s="242" t="s">
        <v>45</v>
      </c>
      <c r="AM5" s="244" t="s">
        <v>83</v>
      </c>
      <c r="AN5" s="239" t="s">
        <v>47</v>
      </c>
      <c r="AO5" s="239" t="s">
        <v>48</v>
      </c>
      <c r="AP5" s="239" t="s">
        <v>49</v>
      </c>
      <c r="AQ5" s="239" t="s">
        <v>50</v>
      </c>
      <c r="AR5" s="239" t="s">
        <v>51</v>
      </c>
      <c r="AS5" s="242" t="s">
        <v>45</v>
      </c>
      <c r="AT5" s="510"/>
      <c r="AU5" s="295" t="s">
        <v>43</v>
      </c>
      <c r="AV5" s="239" t="s">
        <v>44</v>
      </c>
      <c r="AW5" s="245" t="s">
        <v>45</v>
      </c>
      <c r="AX5" s="244" t="s">
        <v>83</v>
      </c>
      <c r="AY5" s="239" t="s">
        <v>47</v>
      </c>
      <c r="AZ5" s="239" t="s">
        <v>48</v>
      </c>
      <c r="BA5" s="239" t="s">
        <v>49</v>
      </c>
      <c r="BB5" s="239" t="s">
        <v>50</v>
      </c>
      <c r="BC5" s="239" t="s">
        <v>51</v>
      </c>
      <c r="BD5" s="245" t="s">
        <v>45</v>
      </c>
      <c r="BE5" s="510"/>
      <c r="BF5" s="295" t="s">
        <v>43</v>
      </c>
      <c r="BG5" s="239" t="s">
        <v>44</v>
      </c>
      <c r="BH5" s="242" t="s">
        <v>45</v>
      </c>
      <c r="BI5" s="244" t="s">
        <v>83</v>
      </c>
      <c r="BJ5" s="239" t="s">
        <v>47</v>
      </c>
      <c r="BK5" s="239" t="s">
        <v>48</v>
      </c>
      <c r="BL5" s="239" t="s">
        <v>49</v>
      </c>
      <c r="BM5" s="239" t="s">
        <v>50</v>
      </c>
      <c r="BN5" s="239" t="s">
        <v>51</v>
      </c>
      <c r="BO5" s="242" t="s">
        <v>45</v>
      </c>
      <c r="BP5" s="510"/>
      <c r="BQ5" s="295" t="s">
        <v>43</v>
      </c>
      <c r="BR5" s="239" t="s">
        <v>44</v>
      </c>
      <c r="BS5" s="242" t="s">
        <v>45</v>
      </c>
      <c r="BT5" s="244" t="s">
        <v>83</v>
      </c>
      <c r="BU5" s="239" t="s">
        <v>47</v>
      </c>
      <c r="BV5" s="239" t="s">
        <v>48</v>
      </c>
      <c r="BW5" s="239" t="s">
        <v>49</v>
      </c>
      <c r="BX5" s="239" t="s">
        <v>50</v>
      </c>
      <c r="BY5" s="239" t="s">
        <v>51</v>
      </c>
      <c r="BZ5" s="242" t="s">
        <v>45</v>
      </c>
      <c r="CA5" s="510"/>
      <c r="CB5" s="295" t="s">
        <v>43</v>
      </c>
      <c r="CC5" s="239" t="s">
        <v>44</v>
      </c>
      <c r="CD5" s="242" t="s">
        <v>45</v>
      </c>
      <c r="CE5" s="244" t="s">
        <v>83</v>
      </c>
      <c r="CF5" s="239" t="s">
        <v>47</v>
      </c>
      <c r="CG5" s="239" t="s">
        <v>48</v>
      </c>
      <c r="CH5" s="239" t="s">
        <v>49</v>
      </c>
      <c r="CI5" s="239" t="s">
        <v>50</v>
      </c>
      <c r="CJ5" s="239" t="s">
        <v>51</v>
      </c>
      <c r="CK5" s="242" t="s">
        <v>45</v>
      </c>
      <c r="CL5" s="510"/>
      <c r="CM5" s="295" t="s">
        <v>43</v>
      </c>
      <c r="CN5" s="239" t="s">
        <v>44</v>
      </c>
      <c r="CO5" s="242" t="s">
        <v>45</v>
      </c>
      <c r="CP5" s="244" t="s">
        <v>83</v>
      </c>
      <c r="CQ5" s="239" t="s">
        <v>47</v>
      </c>
      <c r="CR5" s="239" t="s">
        <v>48</v>
      </c>
      <c r="CS5" s="239" t="s">
        <v>49</v>
      </c>
      <c r="CT5" s="239" t="s">
        <v>50</v>
      </c>
      <c r="CU5" s="239" t="s">
        <v>51</v>
      </c>
      <c r="CV5" s="242" t="s">
        <v>45</v>
      </c>
      <c r="CW5" s="510"/>
      <c r="CX5" s="321" t="s">
        <v>43</v>
      </c>
      <c r="CY5" s="239" t="s">
        <v>44</v>
      </c>
      <c r="CZ5" s="242" t="s">
        <v>45</v>
      </c>
      <c r="DA5" s="244" t="s">
        <v>83</v>
      </c>
      <c r="DB5" s="239" t="s">
        <v>47</v>
      </c>
      <c r="DC5" s="239" t="s">
        <v>48</v>
      </c>
      <c r="DD5" s="239" t="s">
        <v>49</v>
      </c>
      <c r="DE5" s="239" t="s">
        <v>50</v>
      </c>
      <c r="DF5" s="239" t="s">
        <v>51</v>
      </c>
      <c r="DG5" s="242" t="s">
        <v>45</v>
      </c>
      <c r="DH5" s="510"/>
    </row>
    <row r="6" spans="2:112" ht="21" customHeight="1" x14ac:dyDescent="0.2">
      <c r="B6" s="435" t="s">
        <v>4</v>
      </c>
      <c r="C6" s="246">
        <v>0</v>
      </c>
      <c r="D6" s="250">
        <v>0</v>
      </c>
      <c r="E6" s="339">
        <v>0</v>
      </c>
      <c r="F6" s="249">
        <v>0</v>
      </c>
      <c r="G6" s="250">
        <v>13615</v>
      </c>
      <c r="H6" s="250">
        <v>19244</v>
      </c>
      <c r="I6" s="250">
        <v>19409</v>
      </c>
      <c r="J6" s="250">
        <v>23105</v>
      </c>
      <c r="K6" s="250">
        <v>21209</v>
      </c>
      <c r="L6" s="251">
        <v>96582</v>
      </c>
      <c r="M6" s="252">
        <v>96582</v>
      </c>
      <c r="N6" s="246">
        <v>0</v>
      </c>
      <c r="O6" s="250">
        <v>2</v>
      </c>
      <c r="P6" s="247">
        <v>2</v>
      </c>
      <c r="Q6" s="249">
        <v>0</v>
      </c>
      <c r="R6" s="250">
        <v>23</v>
      </c>
      <c r="S6" s="250">
        <v>83</v>
      </c>
      <c r="T6" s="250">
        <v>261</v>
      </c>
      <c r="U6" s="250">
        <v>544</v>
      </c>
      <c r="V6" s="250">
        <v>982</v>
      </c>
      <c r="W6" s="247">
        <v>1893</v>
      </c>
      <c r="X6" s="252">
        <v>1895</v>
      </c>
      <c r="Y6" s="246">
        <v>1081</v>
      </c>
      <c r="Z6" s="250">
        <v>2797</v>
      </c>
      <c r="AA6" s="247">
        <v>3878</v>
      </c>
      <c r="AB6" s="249">
        <v>0</v>
      </c>
      <c r="AC6" s="250">
        <v>8120</v>
      </c>
      <c r="AD6" s="250">
        <v>12552</v>
      </c>
      <c r="AE6" s="250">
        <v>7684</v>
      </c>
      <c r="AF6" s="250">
        <v>6254</v>
      </c>
      <c r="AG6" s="250">
        <v>4212</v>
      </c>
      <c r="AH6" s="247">
        <v>38822</v>
      </c>
      <c r="AI6" s="252">
        <v>42700</v>
      </c>
      <c r="AJ6" s="246">
        <v>195</v>
      </c>
      <c r="AK6" s="250">
        <v>570</v>
      </c>
      <c r="AL6" s="247">
        <v>765</v>
      </c>
      <c r="AM6" s="249">
        <v>0</v>
      </c>
      <c r="AN6" s="250">
        <v>863</v>
      </c>
      <c r="AO6" s="250">
        <v>1164</v>
      </c>
      <c r="AP6" s="250">
        <v>1057</v>
      </c>
      <c r="AQ6" s="250">
        <v>871</v>
      </c>
      <c r="AR6" s="250">
        <v>428</v>
      </c>
      <c r="AS6" s="247">
        <v>4383</v>
      </c>
      <c r="AT6" s="252">
        <v>5148</v>
      </c>
      <c r="AU6" s="246">
        <v>0</v>
      </c>
      <c r="AV6" s="250">
        <v>0</v>
      </c>
      <c r="AW6" s="247">
        <v>0</v>
      </c>
      <c r="AX6" s="249">
        <v>0</v>
      </c>
      <c r="AY6" s="250">
        <v>11859</v>
      </c>
      <c r="AZ6" s="250">
        <v>11242</v>
      </c>
      <c r="BA6" s="250">
        <v>6867</v>
      </c>
      <c r="BB6" s="250">
        <v>3136</v>
      </c>
      <c r="BC6" s="250">
        <v>1289</v>
      </c>
      <c r="BD6" s="251">
        <v>34393</v>
      </c>
      <c r="BE6" s="252">
        <v>34393</v>
      </c>
      <c r="BF6" s="246">
        <v>0</v>
      </c>
      <c r="BG6" s="250">
        <v>0</v>
      </c>
      <c r="BH6" s="247">
        <v>0</v>
      </c>
      <c r="BI6" s="249">
        <v>0</v>
      </c>
      <c r="BJ6" s="250">
        <v>2358</v>
      </c>
      <c r="BK6" s="250">
        <v>3406</v>
      </c>
      <c r="BL6" s="250">
        <v>2164</v>
      </c>
      <c r="BM6" s="250">
        <v>1204</v>
      </c>
      <c r="BN6" s="250">
        <v>285</v>
      </c>
      <c r="BO6" s="247">
        <v>9417</v>
      </c>
      <c r="BP6" s="252">
        <v>9417</v>
      </c>
      <c r="BQ6" s="246">
        <v>17</v>
      </c>
      <c r="BR6" s="250">
        <v>117</v>
      </c>
      <c r="BS6" s="247">
        <v>134</v>
      </c>
      <c r="BT6" s="249">
        <v>0</v>
      </c>
      <c r="BU6" s="250">
        <v>1150</v>
      </c>
      <c r="BV6" s="250">
        <v>1756</v>
      </c>
      <c r="BW6" s="250">
        <v>2958</v>
      </c>
      <c r="BX6" s="250">
        <v>2675</v>
      </c>
      <c r="BY6" s="250">
        <v>984</v>
      </c>
      <c r="BZ6" s="247">
        <v>9523</v>
      </c>
      <c r="CA6" s="252">
        <v>9657</v>
      </c>
      <c r="CB6" s="246">
        <v>0</v>
      </c>
      <c r="CC6" s="250">
        <v>13</v>
      </c>
      <c r="CD6" s="247">
        <v>13</v>
      </c>
      <c r="CE6" s="249">
        <v>0</v>
      </c>
      <c r="CF6" s="250">
        <v>73</v>
      </c>
      <c r="CG6" s="250">
        <v>228</v>
      </c>
      <c r="CH6" s="250">
        <v>379</v>
      </c>
      <c r="CI6" s="250">
        <v>311</v>
      </c>
      <c r="CJ6" s="250">
        <v>153</v>
      </c>
      <c r="CK6" s="247">
        <v>1144</v>
      </c>
      <c r="CL6" s="252">
        <v>1157</v>
      </c>
      <c r="CM6" s="246">
        <v>0</v>
      </c>
      <c r="CN6" s="250">
        <v>0</v>
      </c>
      <c r="CO6" s="247">
        <v>0</v>
      </c>
      <c r="CP6" s="249">
        <v>0</v>
      </c>
      <c r="CQ6" s="250">
        <v>0</v>
      </c>
      <c r="CR6" s="250">
        <v>0</v>
      </c>
      <c r="CS6" s="250">
        <v>0</v>
      </c>
      <c r="CT6" s="250">
        <v>0</v>
      </c>
      <c r="CU6" s="250">
        <v>0</v>
      </c>
      <c r="CV6" s="247">
        <v>0</v>
      </c>
      <c r="CW6" s="252">
        <v>0</v>
      </c>
      <c r="CX6" s="246">
        <v>0</v>
      </c>
      <c r="CY6" s="250">
        <v>0</v>
      </c>
      <c r="CZ6" s="247">
        <v>0</v>
      </c>
      <c r="DA6" s="249">
        <v>0</v>
      </c>
      <c r="DB6" s="250">
        <v>0</v>
      </c>
      <c r="DC6" s="250">
        <v>0</v>
      </c>
      <c r="DD6" s="250">
        <v>0</v>
      </c>
      <c r="DE6" s="250">
        <v>0</v>
      </c>
      <c r="DF6" s="250">
        <v>0</v>
      </c>
      <c r="DG6" s="247">
        <v>0</v>
      </c>
      <c r="DH6" s="252">
        <v>0</v>
      </c>
    </row>
    <row r="7" spans="2:112" ht="21" customHeight="1" x14ac:dyDescent="0.2">
      <c r="B7" s="436" t="s">
        <v>5</v>
      </c>
      <c r="C7" s="253">
        <v>0</v>
      </c>
      <c r="D7" s="257">
        <v>0</v>
      </c>
      <c r="E7" s="340">
        <v>0</v>
      </c>
      <c r="F7" s="256">
        <v>0</v>
      </c>
      <c r="G7" s="257">
        <v>5227</v>
      </c>
      <c r="H7" s="257">
        <v>8855</v>
      </c>
      <c r="I7" s="257">
        <v>8630</v>
      </c>
      <c r="J7" s="257">
        <v>9026</v>
      </c>
      <c r="K7" s="257">
        <v>8119</v>
      </c>
      <c r="L7" s="258">
        <v>39857</v>
      </c>
      <c r="M7" s="259">
        <v>39857</v>
      </c>
      <c r="N7" s="253">
        <v>0</v>
      </c>
      <c r="O7" s="257">
        <v>2</v>
      </c>
      <c r="P7" s="254">
        <v>2</v>
      </c>
      <c r="Q7" s="256">
        <v>0</v>
      </c>
      <c r="R7" s="257">
        <v>8</v>
      </c>
      <c r="S7" s="257">
        <v>32</v>
      </c>
      <c r="T7" s="257">
        <v>118</v>
      </c>
      <c r="U7" s="257">
        <v>266</v>
      </c>
      <c r="V7" s="257">
        <v>482</v>
      </c>
      <c r="W7" s="254">
        <v>906</v>
      </c>
      <c r="X7" s="259">
        <v>908</v>
      </c>
      <c r="Y7" s="253">
        <v>558</v>
      </c>
      <c r="Z7" s="257">
        <v>1719</v>
      </c>
      <c r="AA7" s="254">
        <v>2277</v>
      </c>
      <c r="AB7" s="256">
        <v>0</v>
      </c>
      <c r="AC7" s="257">
        <v>3357</v>
      </c>
      <c r="AD7" s="257">
        <v>7142</v>
      </c>
      <c r="AE7" s="257">
        <v>4232</v>
      </c>
      <c r="AF7" s="257">
        <v>3333</v>
      </c>
      <c r="AG7" s="257">
        <v>1869</v>
      </c>
      <c r="AH7" s="254">
        <v>19933</v>
      </c>
      <c r="AI7" s="259">
        <v>22210</v>
      </c>
      <c r="AJ7" s="253">
        <v>68</v>
      </c>
      <c r="AK7" s="257">
        <v>282</v>
      </c>
      <c r="AL7" s="254">
        <v>350</v>
      </c>
      <c r="AM7" s="256">
        <v>0</v>
      </c>
      <c r="AN7" s="257">
        <v>272</v>
      </c>
      <c r="AO7" s="257">
        <v>463</v>
      </c>
      <c r="AP7" s="257">
        <v>387</v>
      </c>
      <c r="AQ7" s="257">
        <v>301</v>
      </c>
      <c r="AR7" s="257">
        <v>165</v>
      </c>
      <c r="AS7" s="254">
        <v>1588</v>
      </c>
      <c r="AT7" s="259">
        <v>1938</v>
      </c>
      <c r="AU7" s="253">
        <v>0</v>
      </c>
      <c r="AV7" s="257">
        <v>0</v>
      </c>
      <c r="AW7" s="254">
        <v>0</v>
      </c>
      <c r="AX7" s="256">
        <v>0</v>
      </c>
      <c r="AY7" s="257">
        <v>4101</v>
      </c>
      <c r="AZ7" s="257">
        <v>4635</v>
      </c>
      <c r="BA7" s="257">
        <v>2741</v>
      </c>
      <c r="BB7" s="257">
        <v>1122</v>
      </c>
      <c r="BC7" s="257">
        <v>585</v>
      </c>
      <c r="BD7" s="258">
        <v>13184</v>
      </c>
      <c r="BE7" s="259">
        <v>13184</v>
      </c>
      <c r="BF7" s="253">
        <v>0</v>
      </c>
      <c r="BG7" s="257">
        <v>0</v>
      </c>
      <c r="BH7" s="254">
        <v>0</v>
      </c>
      <c r="BI7" s="256">
        <v>0</v>
      </c>
      <c r="BJ7" s="257">
        <v>821</v>
      </c>
      <c r="BK7" s="257">
        <v>1597</v>
      </c>
      <c r="BL7" s="257">
        <v>1037</v>
      </c>
      <c r="BM7" s="257">
        <v>616</v>
      </c>
      <c r="BN7" s="257">
        <v>100</v>
      </c>
      <c r="BO7" s="254">
        <v>4171</v>
      </c>
      <c r="BP7" s="259">
        <v>4171</v>
      </c>
      <c r="BQ7" s="253">
        <v>2</v>
      </c>
      <c r="BR7" s="257">
        <v>59</v>
      </c>
      <c r="BS7" s="254">
        <v>61</v>
      </c>
      <c r="BT7" s="256">
        <v>0</v>
      </c>
      <c r="BU7" s="257">
        <v>477</v>
      </c>
      <c r="BV7" s="257">
        <v>567</v>
      </c>
      <c r="BW7" s="257">
        <v>1244</v>
      </c>
      <c r="BX7" s="257">
        <v>1055</v>
      </c>
      <c r="BY7" s="257">
        <v>330</v>
      </c>
      <c r="BZ7" s="254">
        <v>3673</v>
      </c>
      <c r="CA7" s="259">
        <v>3734</v>
      </c>
      <c r="CB7" s="253">
        <v>0</v>
      </c>
      <c r="CC7" s="257">
        <v>13</v>
      </c>
      <c r="CD7" s="254">
        <v>13</v>
      </c>
      <c r="CE7" s="256">
        <v>0</v>
      </c>
      <c r="CF7" s="257">
        <v>52</v>
      </c>
      <c r="CG7" s="257">
        <v>132</v>
      </c>
      <c r="CH7" s="257">
        <v>232</v>
      </c>
      <c r="CI7" s="257">
        <v>165</v>
      </c>
      <c r="CJ7" s="257">
        <v>107</v>
      </c>
      <c r="CK7" s="254">
        <v>688</v>
      </c>
      <c r="CL7" s="259">
        <v>701</v>
      </c>
      <c r="CM7" s="253">
        <v>0</v>
      </c>
      <c r="CN7" s="257">
        <v>0</v>
      </c>
      <c r="CO7" s="254">
        <v>0</v>
      </c>
      <c r="CP7" s="256">
        <v>0</v>
      </c>
      <c r="CQ7" s="257">
        <v>0</v>
      </c>
      <c r="CR7" s="257">
        <v>0</v>
      </c>
      <c r="CS7" s="257">
        <v>0</v>
      </c>
      <c r="CT7" s="257">
        <v>0</v>
      </c>
      <c r="CU7" s="257">
        <v>0</v>
      </c>
      <c r="CV7" s="254">
        <v>0</v>
      </c>
      <c r="CW7" s="259">
        <v>0</v>
      </c>
      <c r="CX7" s="253">
        <v>0</v>
      </c>
      <c r="CY7" s="257">
        <v>0</v>
      </c>
      <c r="CZ7" s="254">
        <v>0</v>
      </c>
      <c r="DA7" s="256">
        <v>0</v>
      </c>
      <c r="DB7" s="257">
        <v>0</v>
      </c>
      <c r="DC7" s="257">
        <v>0</v>
      </c>
      <c r="DD7" s="257">
        <v>0</v>
      </c>
      <c r="DE7" s="257">
        <v>0</v>
      </c>
      <c r="DF7" s="257">
        <v>0</v>
      </c>
      <c r="DG7" s="254">
        <v>0</v>
      </c>
      <c r="DH7" s="259">
        <v>0</v>
      </c>
    </row>
    <row r="8" spans="2:112" ht="21" customHeight="1" x14ac:dyDescent="0.2">
      <c r="B8" s="437" t="s">
        <v>6</v>
      </c>
      <c r="C8" s="253">
        <v>0</v>
      </c>
      <c r="D8" s="257">
        <v>0</v>
      </c>
      <c r="E8" s="340">
        <v>0</v>
      </c>
      <c r="F8" s="256">
        <v>0</v>
      </c>
      <c r="G8" s="257">
        <v>1889</v>
      </c>
      <c r="H8" s="257">
        <v>1992</v>
      </c>
      <c r="I8" s="257">
        <v>1678</v>
      </c>
      <c r="J8" s="257">
        <v>2208</v>
      </c>
      <c r="K8" s="257">
        <v>2924</v>
      </c>
      <c r="L8" s="258">
        <v>10691</v>
      </c>
      <c r="M8" s="259">
        <v>10691</v>
      </c>
      <c r="N8" s="253">
        <v>0</v>
      </c>
      <c r="O8" s="257">
        <v>0</v>
      </c>
      <c r="P8" s="254">
        <v>0</v>
      </c>
      <c r="Q8" s="256">
        <v>0</v>
      </c>
      <c r="R8" s="257">
        <v>0</v>
      </c>
      <c r="S8" s="257">
        <v>9</v>
      </c>
      <c r="T8" s="257">
        <v>19</v>
      </c>
      <c r="U8" s="257">
        <v>20</v>
      </c>
      <c r="V8" s="257">
        <v>102</v>
      </c>
      <c r="W8" s="254">
        <v>150</v>
      </c>
      <c r="X8" s="259">
        <v>150</v>
      </c>
      <c r="Y8" s="253">
        <v>74</v>
      </c>
      <c r="Z8" s="257">
        <v>306</v>
      </c>
      <c r="AA8" s="254">
        <v>380</v>
      </c>
      <c r="AB8" s="256">
        <v>0</v>
      </c>
      <c r="AC8" s="257">
        <v>1489</v>
      </c>
      <c r="AD8" s="257">
        <v>1880</v>
      </c>
      <c r="AE8" s="257">
        <v>726</v>
      </c>
      <c r="AF8" s="257">
        <v>775</v>
      </c>
      <c r="AG8" s="257">
        <v>611</v>
      </c>
      <c r="AH8" s="254">
        <v>5481</v>
      </c>
      <c r="AI8" s="259">
        <v>5861</v>
      </c>
      <c r="AJ8" s="253">
        <v>10</v>
      </c>
      <c r="AK8" s="257">
        <v>48</v>
      </c>
      <c r="AL8" s="254">
        <v>58</v>
      </c>
      <c r="AM8" s="256">
        <v>0</v>
      </c>
      <c r="AN8" s="257">
        <v>181</v>
      </c>
      <c r="AO8" s="257">
        <v>154</v>
      </c>
      <c r="AP8" s="257">
        <v>139</v>
      </c>
      <c r="AQ8" s="257">
        <v>75</v>
      </c>
      <c r="AR8" s="257">
        <v>95</v>
      </c>
      <c r="AS8" s="254">
        <v>644</v>
      </c>
      <c r="AT8" s="259">
        <v>702</v>
      </c>
      <c r="AU8" s="253">
        <v>0</v>
      </c>
      <c r="AV8" s="257">
        <v>0</v>
      </c>
      <c r="AW8" s="254">
        <v>0</v>
      </c>
      <c r="AX8" s="256">
        <v>0</v>
      </c>
      <c r="AY8" s="257">
        <v>1652</v>
      </c>
      <c r="AZ8" s="257">
        <v>1543</v>
      </c>
      <c r="BA8" s="257">
        <v>881</v>
      </c>
      <c r="BB8" s="257">
        <v>384</v>
      </c>
      <c r="BC8" s="257">
        <v>154</v>
      </c>
      <c r="BD8" s="258">
        <v>4614</v>
      </c>
      <c r="BE8" s="259">
        <v>4614</v>
      </c>
      <c r="BF8" s="253">
        <v>0</v>
      </c>
      <c r="BG8" s="257">
        <v>0</v>
      </c>
      <c r="BH8" s="254">
        <v>0</v>
      </c>
      <c r="BI8" s="256">
        <v>0</v>
      </c>
      <c r="BJ8" s="257">
        <v>269</v>
      </c>
      <c r="BK8" s="257">
        <v>405</v>
      </c>
      <c r="BL8" s="257">
        <v>228</v>
      </c>
      <c r="BM8" s="257">
        <v>110</v>
      </c>
      <c r="BN8" s="257">
        <v>37</v>
      </c>
      <c r="BO8" s="254">
        <v>1049</v>
      </c>
      <c r="BP8" s="259">
        <v>1049</v>
      </c>
      <c r="BQ8" s="253">
        <v>5</v>
      </c>
      <c r="BR8" s="257">
        <v>10</v>
      </c>
      <c r="BS8" s="254">
        <v>15</v>
      </c>
      <c r="BT8" s="256">
        <v>0</v>
      </c>
      <c r="BU8" s="257">
        <v>90</v>
      </c>
      <c r="BV8" s="257">
        <v>174</v>
      </c>
      <c r="BW8" s="257">
        <v>240</v>
      </c>
      <c r="BX8" s="257">
        <v>272</v>
      </c>
      <c r="BY8" s="257">
        <v>108</v>
      </c>
      <c r="BZ8" s="254">
        <v>884</v>
      </c>
      <c r="CA8" s="259">
        <v>899</v>
      </c>
      <c r="CB8" s="253">
        <v>0</v>
      </c>
      <c r="CC8" s="257">
        <v>0</v>
      </c>
      <c r="CD8" s="254">
        <v>0</v>
      </c>
      <c r="CE8" s="256">
        <v>0</v>
      </c>
      <c r="CF8" s="257">
        <v>3</v>
      </c>
      <c r="CG8" s="257">
        <v>26</v>
      </c>
      <c r="CH8" s="257">
        <v>35</v>
      </c>
      <c r="CI8" s="257">
        <v>18</v>
      </c>
      <c r="CJ8" s="257">
        <v>24</v>
      </c>
      <c r="CK8" s="254">
        <v>106</v>
      </c>
      <c r="CL8" s="259">
        <v>106</v>
      </c>
      <c r="CM8" s="253">
        <v>0</v>
      </c>
      <c r="CN8" s="257">
        <v>0</v>
      </c>
      <c r="CO8" s="254">
        <v>0</v>
      </c>
      <c r="CP8" s="256">
        <v>0</v>
      </c>
      <c r="CQ8" s="257">
        <v>0</v>
      </c>
      <c r="CR8" s="257">
        <v>0</v>
      </c>
      <c r="CS8" s="257">
        <v>0</v>
      </c>
      <c r="CT8" s="257">
        <v>0</v>
      </c>
      <c r="CU8" s="257">
        <v>0</v>
      </c>
      <c r="CV8" s="254">
        <v>0</v>
      </c>
      <c r="CW8" s="259">
        <v>0</v>
      </c>
      <c r="CX8" s="253">
        <v>0</v>
      </c>
      <c r="CY8" s="257">
        <v>0</v>
      </c>
      <c r="CZ8" s="254">
        <v>0</v>
      </c>
      <c r="DA8" s="256">
        <v>0</v>
      </c>
      <c r="DB8" s="257">
        <v>0</v>
      </c>
      <c r="DC8" s="257">
        <v>0</v>
      </c>
      <c r="DD8" s="257">
        <v>0</v>
      </c>
      <c r="DE8" s="257">
        <v>0</v>
      </c>
      <c r="DF8" s="257">
        <v>0</v>
      </c>
      <c r="DG8" s="254">
        <v>0</v>
      </c>
      <c r="DH8" s="259">
        <v>0</v>
      </c>
    </row>
    <row r="9" spans="2:112" ht="21" customHeight="1" x14ac:dyDescent="0.2">
      <c r="B9" s="437" t="s">
        <v>14</v>
      </c>
      <c r="C9" s="253">
        <v>0</v>
      </c>
      <c r="D9" s="257">
        <v>0</v>
      </c>
      <c r="E9" s="340">
        <v>0</v>
      </c>
      <c r="F9" s="256">
        <v>0</v>
      </c>
      <c r="G9" s="257">
        <v>675</v>
      </c>
      <c r="H9" s="257">
        <v>1262</v>
      </c>
      <c r="I9" s="257">
        <v>1292</v>
      </c>
      <c r="J9" s="257">
        <v>2289</v>
      </c>
      <c r="K9" s="257">
        <v>2068</v>
      </c>
      <c r="L9" s="258">
        <v>7586</v>
      </c>
      <c r="M9" s="259">
        <v>7586</v>
      </c>
      <c r="N9" s="253">
        <v>0</v>
      </c>
      <c r="O9" s="257">
        <v>0</v>
      </c>
      <c r="P9" s="254">
        <v>0</v>
      </c>
      <c r="Q9" s="256">
        <v>0</v>
      </c>
      <c r="R9" s="257">
        <v>0</v>
      </c>
      <c r="S9" s="257">
        <v>0</v>
      </c>
      <c r="T9" s="257">
        <v>26</v>
      </c>
      <c r="U9" s="257">
        <v>27</v>
      </c>
      <c r="V9" s="257">
        <v>27</v>
      </c>
      <c r="W9" s="254">
        <v>80</v>
      </c>
      <c r="X9" s="259">
        <v>80</v>
      </c>
      <c r="Y9" s="253">
        <v>60</v>
      </c>
      <c r="Z9" s="257">
        <v>149</v>
      </c>
      <c r="AA9" s="254">
        <v>209</v>
      </c>
      <c r="AB9" s="256">
        <v>0</v>
      </c>
      <c r="AC9" s="257">
        <v>422</v>
      </c>
      <c r="AD9" s="257">
        <v>747</v>
      </c>
      <c r="AE9" s="257">
        <v>625</v>
      </c>
      <c r="AF9" s="257">
        <v>340</v>
      </c>
      <c r="AG9" s="257">
        <v>324</v>
      </c>
      <c r="AH9" s="254">
        <v>2458</v>
      </c>
      <c r="AI9" s="259">
        <v>2667</v>
      </c>
      <c r="AJ9" s="253">
        <v>0</v>
      </c>
      <c r="AK9" s="257">
        <v>34</v>
      </c>
      <c r="AL9" s="254">
        <v>34</v>
      </c>
      <c r="AM9" s="256">
        <v>0</v>
      </c>
      <c r="AN9" s="257">
        <v>0</v>
      </c>
      <c r="AO9" s="257">
        <v>18</v>
      </c>
      <c r="AP9" s="257">
        <v>32</v>
      </c>
      <c r="AQ9" s="257">
        <v>74</v>
      </c>
      <c r="AR9" s="257">
        <v>10</v>
      </c>
      <c r="AS9" s="254">
        <v>134</v>
      </c>
      <c r="AT9" s="259">
        <v>168</v>
      </c>
      <c r="AU9" s="253">
        <v>0</v>
      </c>
      <c r="AV9" s="257">
        <v>0</v>
      </c>
      <c r="AW9" s="254">
        <v>0</v>
      </c>
      <c r="AX9" s="256">
        <v>0</v>
      </c>
      <c r="AY9" s="257">
        <v>920</v>
      </c>
      <c r="AZ9" s="257">
        <v>924</v>
      </c>
      <c r="BA9" s="257">
        <v>817</v>
      </c>
      <c r="BB9" s="257">
        <v>320</v>
      </c>
      <c r="BC9" s="257">
        <v>108</v>
      </c>
      <c r="BD9" s="258">
        <v>3089</v>
      </c>
      <c r="BE9" s="259">
        <v>3089</v>
      </c>
      <c r="BF9" s="253">
        <v>0</v>
      </c>
      <c r="BG9" s="257">
        <v>0</v>
      </c>
      <c r="BH9" s="254">
        <v>0</v>
      </c>
      <c r="BI9" s="256">
        <v>0</v>
      </c>
      <c r="BJ9" s="257">
        <v>88</v>
      </c>
      <c r="BK9" s="257">
        <v>231</v>
      </c>
      <c r="BL9" s="257">
        <v>90</v>
      </c>
      <c r="BM9" s="257">
        <v>54</v>
      </c>
      <c r="BN9" s="257">
        <v>2</v>
      </c>
      <c r="BO9" s="254">
        <v>465</v>
      </c>
      <c r="BP9" s="259">
        <v>465</v>
      </c>
      <c r="BQ9" s="253">
        <v>0</v>
      </c>
      <c r="BR9" s="257">
        <v>-3</v>
      </c>
      <c r="BS9" s="254">
        <v>-3</v>
      </c>
      <c r="BT9" s="256">
        <v>0</v>
      </c>
      <c r="BU9" s="257">
        <v>86</v>
      </c>
      <c r="BV9" s="257">
        <v>185</v>
      </c>
      <c r="BW9" s="257">
        <v>296</v>
      </c>
      <c r="BX9" s="257">
        <v>234</v>
      </c>
      <c r="BY9" s="257">
        <v>49</v>
      </c>
      <c r="BZ9" s="254">
        <v>850</v>
      </c>
      <c r="CA9" s="259">
        <v>847</v>
      </c>
      <c r="CB9" s="253">
        <v>0</v>
      </c>
      <c r="CC9" s="257">
        <v>0</v>
      </c>
      <c r="CD9" s="254">
        <v>0</v>
      </c>
      <c r="CE9" s="256">
        <v>0</v>
      </c>
      <c r="CF9" s="257">
        <v>0</v>
      </c>
      <c r="CG9" s="257">
        <v>25</v>
      </c>
      <c r="CH9" s="257">
        <v>17</v>
      </c>
      <c r="CI9" s="257">
        <v>6</v>
      </c>
      <c r="CJ9" s="257">
        <v>4</v>
      </c>
      <c r="CK9" s="254">
        <v>52</v>
      </c>
      <c r="CL9" s="259">
        <v>52</v>
      </c>
      <c r="CM9" s="253">
        <v>0</v>
      </c>
      <c r="CN9" s="257">
        <v>0</v>
      </c>
      <c r="CO9" s="254">
        <v>0</v>
      </c>
      <c r="CP9" s="256">
        <v>0</v>
      </c>
      <c r="CQ9" s="257">
        <v>0</v>
      </c>
      <c r="CR9" s="257">
        <v>0</v>
      </c>
      <c r="CS9" s="257">
        <v>0</v>
      </c>
      <c r="CT9" s="257">
        <v>0</v>
      </c>
      <c r="CU9" s="257">
        <v>0</v>
      </c>
      <c r="CV9" s="254">
        <v>0</v>
      </c>
      <c r="CW9" s="259">
        <v>0</v>
      </c>
      <c r="CX9" s="253">
        <v>0</v>
      </c>
      <c r="CY9" s="257">
        <v>0</v>
      </c>
      <c r="CZ9" s="254">
        <v>0</v>
      </c>
      <c r="DA9" s="256">
        <v>0</v>
      </c>
      <c r="DB9" s="257">
        <v>0</v>
      </c>
      <c r="DC9" s="257">
        <v>0</v>
      </c>
      <c r="DD9" s="257">
        <v>0</v>
      </c>
      <c r="DE9" s="257">
        <v>0</v>
      </c>
      <c r="DF9" s="257">
        <v>0</v>
      </c>
      <c r="DG9" s="254">
        <v>0</v>
      </c>
      <c r="DH9" s="259">
        <v>0</v>
      </c>
    </row>
    <row r="10" spans="2:112" ht="21" customHeight="1" x14ac:dyDescent="0.2">
      <c r="B10" s="437" t="s">
        <v>7</v>
      </c>
      <c r="C10" s="253">
        <v>0</v>
      </c>
      <c r="D10" s="257">
        <v>0</v>
      </c>
      <c r="E10" s="340">
        <v>0</v>
      </c>
      <c r="F10" s="256">
        <v>0</v>
      </c>
      <c r="G10" s="257">
        <v>1338</v>
      </c>
      <c r="H10" s="257">
        <v>1479</v>
      </c>
      <c r="I10" s="257">
        <v>1228</v>
      </c>
      <c r="J10" s="257">
        <v>1833</v>
      </c>
      <c r="K10" s="257">
        <v>1355</v>
      </c>
      <c r="L10" s="258">
        <v>7233</v>
      </c>
      <c r="M10" s="259">
        <v>7233</v>
      </c>
      <c r="N10" s="253">
        <v>0</v>
      </c>
      <c r="O10" s="257">
        <v>0</v>
      </c>
      <c r="P10" s="254">
        <v>0</v>
      </c>
      <c r="Q10" s="256">
        <v>0</v>
      </c>
      <c r="R10" s="257">
        <v>1</v>
      </c>
      <c r="S10" s="257">
        <v>16</v>
      </c>
      <c r="T10" s="257">
        <v>28</v>
      </c>
      <c r="U10" s="257">
        <v>34</v>
      </c>
      <c r="V10" s="257">
        <v>85</v>
      </c>
      <c r="W10" s="254">
        <v>164</v>
      </c>
      <c r="X10" s="259">
        <v>164</v>
      </c>
      <c r="Y10" s="253">
        <v>22</v>
      </c>
      <c r="Z10" s="257">
        <v>22</v>
      </c>
      <c r="AA10" s="254">
        <v>44</v>
      </c>
      <c r="AB10" s="256">
        <v>0</v>
      </c>
      <c r="AC10" s="257">
        <v>384</v>
      </c>
      <c r="AD10" s="257">
        <v>414</v>
      </c>
      <c r="AE10" s="257">
        <v>289</v>
      </c>
      <c r="AF10" s="257">
        <v>184</v>
      </c>
      <c r="AG10" s="257">
        <v>236</v>
      </c>
      <c r="AH10" s="254">
        <v>1507</v>
      </c>
      <c r="AI10" s="259">
        <v>1551</v>
      </c>
      <c r="AJ10" s="253">
        <v>16</v>
      </c>
      <c r="AK10" s="257">
        <v>0</v>
      </c>
      <c r="AL10" s="254">
        <v>16</v>
      </c>
      <c r="AM10" s="256">
        <v>0</v>
      </c>
      <c r="AN10" s="257">
        <v>106</v>
      </c>
      <c r="AO10" s="257">
        <v>48</v>
      </c>
      <c r="AP10" s="257">
        <v>91</v>
      </c>
      <c r="AQ10" s="257">
        <v>44</v>
      </c>
      <c r="AR10" s="257">
        <v>14</v>
      </c>
      <c r="AS10" s="254">
        <v>303</v>
      </c>
      <c r="AT10" s="259">
        <v>319</v>
      </c>
      <c r="AU10" s="253">
        <v>0</v>
      </c>
      <c r="AV10" s="257">
        <v>0</v>
      </c>
      <c r="AW10" s="254">
        <v>0</v>
      </c>
      <c r="AX10" s="256">
        <v>0</v>
      </c>
      <c r="AY10" s="257">
        <v>1137</v>
      </c>
      <c r="AZ10" s="257">
        <v>777</v>
      </c>
      <c r="BA10" s="257">
        <v>326</v>
      </c>
      <c r="BB10" s="257">
        <v>143</v>
      </c>
      <c r="BC10" s="257">
        <v>83</v>
      </c>
      <c r="BD10" s="258">
        <v>2466</v>
      </c>
      <c r="BE10" s="259">
        <v>2466</v>
      </c>
      <c r="BF10" s="253">
        <v>0</v>
      </c>
      <c r="BG10" s="257">
        <v>0</v>
      </c>
      <c r="BH10" s="254">
        <v>0</v>
      </c>
      <c r="BI10" s="256">
        <v>0</v>
      </c>
      <c r="BJ10" s="257">
        <v>134</v>
      </c>
      <c r="BK10" s="257">
        <v>133</v>
      </c>
      <c r="BL10" s="257">
        <v>76</v>
      </c>
      <c r="BM10" s="257">
        <v>28</v>
      </c>
      <c r="BN10" s="257">
        <v>25</v>
      </c>
      <c r="BO10" s="254">
        <v>396</v>
      </c>
      <c r="BP10" s="259">
        <v>396</v>
      </c>
      <c r="BQ10" s="253">
        <v>0</v>
      </c>
      <c r="BR10" s="257">
        <v>9</v>
      </c>
      <c r="BS10" s="254">
        <v>9</v>
      </c>
      <c r="BT10" s="256">
        <v>0</v>
      </c>
      <c r="BU10" s="257">
        <v>106</v>
      </c>
      <c r="BV10" s="257">
        <v>228</v>
      </c>
      <c r="BW10" s="257">
        <v>299</v>
      </c>
      <c r="BX10" s="257">
        <v>110</v>
      </c>
      <c r="BY10" s="257">
        <v>107</v>
      </c>
      <c r="BZ10" s="254">
        <v>850</v>
      </c>
      <c r="CA10" s="259">
        <v>859</v>
      </c>
      <c r="CB10" s="253">
        <v>0</v>
      </c>
      <c r="CC10" s="257">
        <v>0</v>
      </c>
      <c r="CD10" s="254">
        <v>0</v>
      </c>
      <c r="CE10" s="256">
        <v>0</v>
      </c>
      <c r="CF10" s="257">
        <v>0</v>
      </c>
      <c r="CG10" s="257">
        <v>12</v>
      </c>
      <c r="CH10" s="257">
        <v>8</v>
      </c>
      <c r="CI10" s="257">
        <v>43</v>
      </c>
      <c r="CJ10" s="257">
        <v>0</v>
      </c>
      <c r="CK10" s="254">
        <v>63</v>
      </c>
      <c r="CL10" s="259">
        <v>63</v>
      </c>
      <c r="CM10" s="253">
        <v>0</v>
      </c>
      <c r="CN10" s="257">
        <v>0</v>
      </c>
      <c r="CO10" s="254">
        <v>0</v>
      </c>
      <c r="CP10" s="256">
        <v>0</v>
      </c>
      <c r="CQ10" s="257">
        <v>0</v>
      </c>
      <c r="CR10" s="257">
        <v>0</v>
      </c>
      <c r="CS10" s="257">
        <v>0</v>
      </c>
      <c r="CT10" s="257">
        <v>0</v>
      </c>
      <c r="CU10" s="257">
        <v>0</v>
      </c>
      <c r="CV10" s="254">
        <v>0</v>
      </c>
      <c r="CW10" s="259">
        <v>0</v>
      </c>
      <c r="CX10" s="253">
        <v>0</v>
      </c>
      <c r="CY10" s="257">
        <v>0</v>
      </c>
      <c r="CZ10" s="254">
        <v>0</v>
      </c>
      <c r="DA10" s="256">
        <v>0</v>
      </c>
      <c r="DB10" s="257">
        <v>0</v>
      </c>
      <c r="DC10" s="257">
        <v>0</v>
      </c>
      <c r="DD10" s="257">
        <v>0</v>
      </c>
      <c r="DE10" s="257">
        <v>0</v>
      </c>
      <c r="DF10" s="257">
        <v>0</v>
      </c>
      <c r="DG10" s="254">
        <v>0</v>
      </c>
      <c r="DH10" s="259">
        <v>0</v>
      </c>
    </row>
    <row r="11" spans="2:112" ht="21" customHeight="1" x14ac:dyDescent="0.2">
      <c r="B11" s="437" t="s">
        <v>8</v>
      </c>
      <c r="C11" s="253">
        <v>0</v>
      </c>
      <c r="D11" s="257">
        <v>0</v>
      </c>
      <c r="E11" s="340">
        <v>0</v>
      </c>
      <c r="F11" s="256">
        <v>0</v>
      </c>
      <c r="G11" s="257">
        <v>183</v>
      </c>
      <c r="H11" s="257">
        <v>592</v>
      </c>
      <c r="I11" s="257">
        <v>1118</v>
      </c>
      <c r="J11" s="257">
        <v>478</v>
      </c>
      <c r="K11" s="257">
        <v>628</v>
      </c>
      <c r="L11" s="258">
        <v>2999</v>
      </c>
      <c r="M11" s="259">
        <v>2999</v>
      </c>
      <c r="N11" s="253">
        <v>0</v>
      </c>
      <c r="O11" s="257">
        <v>0</v>
      </c>
      <c r="P11" s="254">
        <v>0</v>
      </c>
      <c r="Q11" s="256">
        <v>0</v>
      </c>
      <c r="R11" s="257">
        <v>0</v>
      </c>
      <c r="S11" s="257">
        <v>0</v>
      </c>
      <c r="T11" s="257">
        <v>9</v>
      </c>
      <c r="U11" s="257">
        <v>8</v>
      </c>
      <c r="V11" s="257">
        <v>20</v>
      </c>
      <c r="W11" s="254">
        <v>37</v>
      </c>
      <c r="X11" s="259">
        <v>37</v>
      </c>
      <c r="Y11" s="253">
        <v>9</v>
      </c>
      <c r="Z11" s="257">
        <v>7</v>
      </c>
      <c r="AA11" s="254">
        <v>16</v>
      </c>
      <c r="AB11" s="256">
        <v>0</v>
      </c>
      <c r="AC11" s="257">
        <v>81</v>
      </c>
      <c r="AD11" s="257">
        <v>149</v>
      </c>
      <c r="AE11" s="257">
        <v>274</v>
      </c>
      <c r="AF11" s="257">
        <v>56</v>
      </c>
      <c r="AG11" s="257">
        <v>89</v>
      </c>
      <c r="AH11" s="254">
        <v>649</v>
      </c>
      <c r="AI11" s="259">
        <v>665</v>
      </c>
      <c r="AJ11" s="253">
        <v>0</v>
      </c>
      <c r="AK11" s="257">
        <v>0</v>
      </c>
      <c r="AL11" s="254">
        <v>0</v>
      </c>
      <c r="AM11" s="256">
        <v>0</v>
      </c>
      <c r="AN11" s="257">
        <v>32</v>
      </c>
      <c r="AO11" s="257">
        <v>12</v>
      </c>
      <c r="AP11" s="257">
        <v>94</v>
      </c>
      <c r="AQ11" s="257">
        <v>34</v>
      </c>
      <c r="AR11" s="257">
        <v>8</v>
      </c>
      <c r="AS11" s="254">
        <v>180</v>
      </c>
      <c r="AT11" s="259">
        <v>180</v>
      </c>
      <c r="AU11" s="253">
        <v>0</v>
      </c>
      <c r="AV11" s="257">
        <v>0</v>
      </c>
      <c r="AW11" s="254">
        <v>0</v>
      </c>
      <c r="AX11" s="256">
        <v>0</v>
      </c>
      <c r="AY11" s="257">
        <v>262</v>
      </c>
      <c r="AZ11" s="257">
        <v>313</v>
      </c>
      <c r="BA11" s="257">
        <v>186</v>
      </c>
      <c r="BB11" s="257">
        <v>164</v>
      </c>
      <c r="BC11" s="257">
        <v>123</v>
      </c>
      <c r="BD11" s="258">
        <v>1048</v>
      </c>
      <c r="BE11" s="259">
        <v>1048</v>
      </c>
      <c r="BF11" s="253">
        <v>0</v>
      </c>
      <c r="BG11" s="257">
        <v>0</v>
      </c>
      <c r="BH11" s="254">
        <v>0</v>
      </c>
      <c r="BI11" s="256">
        <v>0</v>
      </c>
      <c r="BJ11" s="257">
        <v>86</v>
      </c>
      <c r="BK11" s="257">
        <v>50</v>
      </c>
      <c r="BL11" s="257">
        <v>63</v>
      </c>
      <c r="BM11" s="257">
        <v>23</v>
      </c>
      <c r="BN11" s="257">
        <v>0</v>
      </c>
      <c r="BO11" s="254">
        <v>222</v>
      </c>
      <c r="BP11" s="259">
        <v>222</v>
      </c>
      <c r="BQ11" s="253">
        <v>10</v>
      </c>
      <c r="BR11" s="257">
        <v>10</v>
      </c>
      <c r="BS11" s="254">
        <v>20</v>
      </c>
      <c r="BT11" s="256">
        <v>0</v>
      </c>
      <c r="BU11" s="257">
        <v>28</v>
      </c>
      <c r="BV11" s="257">
        <v>35</v>
      </c>
      <c r="BW11" s="257">
        <v>191</v>
      </c>
      <c r="BX11" s="257">
        <v>45</v>
      </c>
      <c r="BY11" s="257">
        <v>16</v>
      </c>
      <c r="BZ11" s="254">
        <v>315</v>
      </c>
      <c r="CA11" s="259">
        <v>335</v>
      </c>
      <c r="CB11" s="253">
        <v>0</v>
      </c>
      <c r="CC11" s="257">
        <v>0</v>
      </c>
      <c r="CD11" s="254">
        <v>0</v>
      </c>
      <c r="CE11" s="256">
        <v>0</v>
      </c>
      <c r="CF11" s="257">
        <v>0</v>
      </c>
      <c r="CG11" s="257">
        <v>0</v>
      </c>
      <c r="CH11" s="257">
        <v>8</v>
      </c>
      <c r="CI11" s="257">
        <v>0</v>
      </c>
      <c r="CJ11" s="257">
        <v>0</v>
      </c>
      <c r="CK11" s="254">
        <v>8</v>
      </c>
      <c r="CL11" s="259">
        <v>8</v>
      </c>
      <c r="CM11" s="253">
        <v>0</v>
      </c>
      <c r="CN11" s="257">
        <v>0</v>
      </c>
      <c r="CO11" s="254">
        <v>0</v>
      </c>
      <c r="CP11" s="256">
        <v>0</v>
      </c>
      <c r="CQ11" s="257">
        <v>0</v>
      </c>
      <c r="CR11" s="257">
        <v>0</v>
      </c>
      <c r="CS11" s="257">
        <v>0</v>
      </c>
      <c r="CT11" s="257">
        <v>0</v>
      </c>
      <c r="CU11" s="257">
        <v>0</v>
      </c>
      <c r="CV11" s="254">
        <v>0</v>
      </c>
      <c r="CW11" s="259">
        <v>0</v>
      </c>
      <c r="CX11" s="253">
        <v>0</v>
      </c>
      <c r="CY11" s="257">
        <v>0</v>
      </c>
      <c r="CZ11" s="254">
        <v>0</v>
      </c>
      <c r="DA11" s="256">
        <v>0</v>
      </c>
      <c r="DB11" s="257">
        <v>0</v>
      </c>
      <c r="DC11" s="257">
        <v>0</v>
      </c>
      <c r="DD11" s="257">
        <v>0</v>
      </c>
      <c r="DE11" s="257">
        <v>0</v>
      </c>
      <c r="DF11" s="257">
        <v>0</v>
      </c>
      <c r="DG11" s="254">
        <v>0</v>
      </c>
      <c r="DH11" s="259">
        <v>0</v>
      </c>
    </row>
    <row r="12" spans="2:112" ht="21" customHeight="1" x14ac:dyDescent="0.2">
      <c r="B12" s="437" t="s">
        <v>9</v>
      </c>
      <c r="C12" s="253">
        <v>0</v>
      </c>
      <c r="D12" s="257">
        <v>0</v>
      </c>
      <c r="E12" s="340">
        <v>0</v>
      </c>
      <c r="F12" s="256">
        <v>0</v>
      </c>
      <c r="G12" s="257">
        <v>647</v>
      </c>
      <c r="H12" s="257">
        <v>657</v>
      </c>
      <c r="I12" s="257">
        <v>856</v>
      </c>
      <c r="J12" s="257">
        <v>1151</v>
      </c>
      <c r="K12" s="257">
        <v>825</v>
      </c>
      <c r="L12" s="258">
        <v>4136</v>
      </c>
      <c r="M12" s="259">
        <v>4136</v>
      </c>
      <c r="N12" s="253">
        <v>0</v>
      </c>
      <c r="O12" s="257">
        <v>0</v>
      </c>
      <c r="P12" s="254">
        <v>0</v>
      </c>
      <c r="Q12" s="256">
        <v>0</v>
      </c>
      <c r="R12" s="257">
        <v>0</v>
      </c>
      <c r="S12" s="257">
        <v>5</v>
      </c>
      <c r="T12" s="257">
        <v>3</v>
      </c>
      <c r="U12" s="257">
        <v>0</v>
      </c>
      <c r="V12" s="257">
        <v>47</v>
      </c>
      <c r="W12" s="254">
        <v>55</v>
      </c>
      <c r="X12" s="259">
        <v>55</v>
      </c>
      <c r="Y12" s="253">
        <v>21</v>
      </c>
      <c r="Z12" s="257">
        <v>59</v>
      </c>
      <c r="AA12" s="254">
        <v>80</v>
      </c>
      <c r="AB12" s="256">
        <v>0</v>
      </c>
      <c r="AC12" s="257">
        <v>474</v>
      </c>
      <c r="AD12" s="257">
        <v>213</v>
      </c>
      <c r="AE12" s="257">
        <v>235</v>
      </c>
      <c r="AF12" s="257">
        <v>187</v>
      </c>
      <c r="AG12" s="257">
        <v>284</v>
      </c>
      <c r="AH12" s="254">
        <v>1393</v>
      </c>
      <c r="AI12" s="259">
        <v>1473</v>
      </c>
      <c r="AJ12" s="253">
        <v>0</v>
      </c>
      <c r="AK12" s="257">
        <v>24</v>
      </c>
      <c r="AL12" s="254">
        <v>24</v>
      </c>
      <c r="AM12" s="256">
        <v>0</v>
      </c>
      <c r="AN12" s="257">
        <v>20</v>
      </c>
      <c r="AO12" s="257">
        <v>59</v>
      </c>
      <c r="AP12" s="257">
        <v>18</v>
      </c>
      <c r="AQ12" s="257">
        <v>44</v>
      </c>
      <c r="AR12" s="257">
        <v>16</v>
      </c>
      <c r="AS12" s="254">
        <v>157</v>
      </c>
      <c r="AT12" s="259">
        <v>181</v>
      </c>
      <c r="AU12" s="253">
        <v>0</v>
      </c>
      <c r="AV12" s="257">
        <v>0</v>
      </c>
      <c r="AW12" s="254">
        <v>0</v>
      </c>
      <c r="AX12" s="256">
        <v>0</v>
      </c>
      <c r="AY12" s="257">
        <v>355</v>
      </c>
      <c r="AZ12" s="257">
        <v>278</v>
      </c>
      <c r="BA12" s="257">
        <v>193</v>
      </c>
      <c r="BB12" s="257">
        <v>128</v>
      </c>
      <c r="BC12" s="257">
        <v>16</v>
      </c>
      <c r="BD12" s="258">
        <v>970</v>
      </c>
      <c r="BE12" s="259">
        <v>970</v>
      </c>
      <c r="BF12" s="253">
        <v>0</v>
      </c>
      <c r="BG12" s="257">
        <v>0</v>
      </c>
      <c r="BH12" s="254">
        <v>0</v>
      </c>
      <c r="BI12" s="256">
        <v>0</v>
      </c>
      <c r="BJ12" s="257">
        <v>98</v>
      </c>
      <c r="BK12" s="257">
        <v>71</v>
      </c>
      <c r="BL12" s="257">
        <v>76</v>
      </c>
      <c r="BM12" s="257">
        <v>42</v>
      </c>
      <c r="BN12" s="257">
        <v>12</v>
      </c>
      <c r="BO12" s="254">
        <v>299</v>
      </c>
      <c r="BP12" s="259">
        <v>299</v>
      </c>
      <c r="BQ12" s="253">
        <v>0</v>
      </c>
      <c r="BR12" s="257">
        <v>0</v>
      </c>
      <c r="BS12" s="254">
        <v>0</v>
      </c>
      <c r="BT12" s="256">
        <v>0</v>
      </c>
      <c r="BU12" s="257">
        <v>36</v>
      </c>
      <c r="BV12" s="257">
        <v>84</v>
      </c>
      <c r="BW12" s="257">
        <v>110</v>
      </c>
      <c r="BX12" s="257">
        <v>167</v>
      </c>
      <c r="BY12" s="257">
        <v>35</v>
      </c>
      <c r="BZ12" s="254">
        <v>432</v>
      </c>
      <c r="CA12" s="259">
        <v>432</v>
      </c>
      <c r="CB12" s="253">
        <v>0</v>
      </c>
      <c r="CC12" s="257">
        <v>0</v>
      </c>
      <c r="CD12" s="254">
        <v>0</v>
      </c>
      <c r="CE12" s="256">
        <v>0</v>
      </c>
      <c r="CF12" s="257">
        <v>0</v>
      </c>
      <c r="CG12" s="257">
        <v>21</v>
      </c>
      <c r="CH12" s="257">
        <v>3</v>
      </c>
      <c r="CI12" s="257">
        <v>0</v>
      </c>
      <c r="CJ12" s="257">
        <v>5</v>
      </c>
      <c r="CK12" s="254">
        <v>29</v>
      </c>
      <c r="CL12" s="259">
        <v>29</v>
      </c>
      <c r="CM12" s="253">
        <v>0</v>
      </c>
      <c r="CN12" s="257">
        <v>0</v>
      </c>
      <c r="CO12" s="254">
        <v>0</v>
      </c>
      <c r="CP12" s="256">
        <v>0</v>
      </c>
      <c r="CQ12" s="257">
        <v>0</v>
      </c>
      <c r="CR12" s="257">
        <v>0</v>
      </c>
      <c r="CS12" s="257">
        <v>0</v>
      </c>
      <c r="CT12" s="257">
        <v>0</v>
      </c>
      <c r="CU12" s="257">
        <v>0</v>
      </c>
      <c r="CV12" s="254">
        <v>0</v>
      </c>
      <c r="CW12" s="259">
        <v>0</v>
      </c>
      <c r="CX12" s="253">
        <v>0</v>
      </c>
      <c r="CY12" s="257">
        <v>0</v>
      </c>
      <c r="CZ12" s="254">
        <v>0</v>
      </c>
      <c r="DA12" s="256">
        <v>0</v>
      </c>
      <c r="DB12" s="257">
        <v>0</v>
      </c>
      <c r="DC12" s="257">
        <v>0</v>
      </c>
      <c r="DD12" s="257">
        <v>0</v>
      </c>
      <c r="DE12" s="257">
        <v>0</v>
      </c>
      <c r="DF12" s="257">
        <v>0</v>
      </c>
      <c r="DG12" s="254">
        <v>0</v>
      </c>
      <c r="DH12" s="259">
        <v>0</v>
      </c>
    </row>
    <row r="13" spans="2:112" ht="21" customHeight="1" x14ac:dyDescent="0.2">
      <c r="B13" s="437" t="s">
        <v>10</v>
      </c>
      <c r="C13" s="253">
        <v>0</v>
      </c>
      <c r="D13" s="257">
        <v>0</v>
      </c>
      <c r="E13" s="340">
        <v>0</v>
      </c>
      <c r="F13" s="256">
        <v>0</v>
      </c>
      <c r="G13" s="257">
        <v>1096</v>
      </c>
      <c r="H13" s="257">
        <v>1340</v>
      </c>
      <c r="I13" s="257">
        <v>989</v>
      </c>
      <c r="J13" s="257">
        <v>1807</v>
      </c>
      <c r="K13" s="257">
        <v>1432</v>
      </c>
      <c r="L13" s="258">
        <v>6664</v>
      </c>
      <c r="M13" s="259">
        <v>6664</v>
      </c>
      <c r="N13" s="253">
        <v>0</v>
      </c>
      <c r="O13" s="257">
        <v>0</v>
      </c>
      <c r="P13" s="254">
        <v>0</v>
      </c>
      <c r="Q13" s="256">
        <v>0</v>
      </c>
      <c r="R13" s="257">
        <v>4</v>
      </c>
      <c r="S13" s="257">
        <v>5</v>
      </c>
      <c r="T13" s="257">
        <v>19</v>
      </c>
      <c r="U13" s="257">
        <v>30</v>
      </c>
      <c r="V13" s="257">
        <v>63</v>
      </c>
      <c r="W13" s="254">
        <v>121</v>
      </c>
      <c r="X13" s="259">
        <v>121</v>
      </c>
      <c r="Y13" s="253">
        <v>87</v>
      </c>
      <c r="Z13" s="257">
        <v>107</v>
      </c>
      <c r="AA13" s="254">
        <v>194</v>
      </c>
      <c r="AB13" s="256">
        <v>0</v>
      </c>
      <c r="AC13" s="257">
        <v>560</v>
      </c>
      <c r="AD13" s="257">
        <v>379</v>
      </c>
      <c r="AE13" s="257">
        <v>324</v>
      </c>
      <c r="AF13" s="257">
        <v>350</v>
      </c>
      <c r="AG13" s="257">
        <v>233</v>
      </c>
      <c r="AH13" s="254">
        <v>1846</v>
      </c>
      <c r="AI13" s="259">
        <v>2040</v>
      </c>
      <c r="AJ13" s="253">
        <v>22</v>
      </c>
      <c r="AK13" s="257">
        <v>42</v>
      </c>
      <c r="AL13" s="254">
        <v>64</v>
      </c>
      <c r="AM13" s="256">
        <v>0</v>
      </c>
      <c r="AN13" s="257">
        <v>38</v>
      </c>
      <c r="AO13" s="257">
        <v>44</v>
      </c>
      <c r="AP13" s="257">
        <v>72</v>
      </c>
      <c r="AQ13" s="257">
        <v>73</v>
      </c>
      <c r="AR13" s="257">
        <v>63</v>
      </c>
      <c r="AS13" s="254">
        <v>290</v>
      </c>
      <c r="AT13" s="259">
        <v>354</v>
      </c>
      <c r="AU13" s="253">
        <v>0</v>
      </c>
      <c r="AV13" s="257">
        <v>0</v>
      </c>
      <c r="AW13" s="254">
        <v>0</v>
      </c>
      <c r="AX13" s="256">
        <v>0</v>
      </c>
      <c r="AY13" s="257">
        <v>789</v>
      </c>
      <c r="AZ13" s="257">
        <v>486</v>
      </c>
      <c r="BA13" s="257">
        <v>314</v>
      </c>
      <c r="BB13" s="257">
        <v>157</v>
      </c>
      <c r="BC13" s="257">
        <v>35</v>
      </c>
      <c r="BD13" s="258">
        <v>1781</v>
      </c>
      <c r="BE13" s="259">
        <v>1781</v>
      </c>
      <c r="BF13" s="253">
        <v>0</v>
      </c>
      <c r="BG13" s="257">
        <v>0</v>
      </c>
      <c r="BH13" s="254">
        <v>0</v>
      </c>
      <c r="BI13" s="256">
        <v>0</v>
      </c>
      <c r="BJ13" s="257">
        <v>167</v>
      </c>
      <c r="BK13" s="257">
        <v>60</v>
      </c>
      <c r="BL13" s="257">
        <v>54</v>
      </c>
      <c r="BM13" s="257">
        <v>43</v>
      </c>
      <c r="BN13" s="257">
        <v>31</v>
      </c>
      <c r="BO13" s="254">
        <v>355</v>
      </c>
      <c r="BP13" s="259">
        <v>355</v>
      </c>
      <c r="BQ13" s="253">
        <v>0</v>
      </c>
      <c r="BR13" s="257">
        <v>3</v>
      </c>
      <c r="BS13" s="254">
        <v>3</v>
      </c>
      <c r="BT13" s="256">
        <v>0</v>
      </c>
      <c r="BU13" s="257">
        <v>73</v>
      </c>
      <c r="BV13" s="257">
        <v>62</v>
      </c>
      <c r="BW13" s="257">
        <v>131</v>
      </c>
      <c r="BX13" s="257">
        <v>134</v>
      </c>
      <c r="BY13" s="257">
        <v>63</v>
      </c>
      <c r="BZ13" s="254">
        <v>463</v>
      </c>
      <c r="CA13" s="259">
        <v>466</v>
      </c>
      <c r="CB13" s="253">
        <v>0</v>
      </c>
      <c r="CC13" s="257">
        <v>0</v>
      </c>
      <c r="CD13" s="254">
        <v>0</v>
      </c>
      <c r="CE13" s="256">
        <v>0</v>
      </c>
      <c r="CF13" s="257">
        <v>3</v>
      </c>
      <c r="CG13" s="257">
        <v>4</v>
      </c>
      <c r="CH13" s="257">
        <v>12</v>
      </c>
      <c r="CI13" s="257">
        <v>15</v>
      </c>
      <c r="CJ13" s="257">
        <v>5</v>
      </c>
      <c r="CK13" s="254">
        <v>39</v>
      </c>
      <c r="CL13" s="259">
        <v>39</v>
      </c>
      <c r="CM13" s="253">
        <v>0</v>
      </c>
      <c r="CN13" s="257">
        <v>0</v>
      </c>
      <c r="CO13" s="254">
        <v>0</v>
      </c>
      <c r="CP13" s="256">
        <v>0</v>
      </c>
      <c r="CQ13" s="257">
        <v>0</v>
      </c>
      <c r="CR13" s="257">
        <v>0</v>
      </c>
      <c r="CS13" s="257">
        <v>0</v>
      </c>
      <c r="CT13" s="257">
        <v>0</v>
      </c>
      <c r="CU13" s="257">
        <v>0</v>
      </c>
      <c r="CV13" s="254">
        <v>0</v>
      </c>
      <c r="CW13" s="259">
        <v>0</v>
      </c>
      <c r="CX13" s="253">
        <v>0</v>
      </c>
      <c r="CY13" s="257">
        <v>0</v>
      </c>
      <c r="CZ13" s="254">
        <v>0</v>
      </c>
      <c r="DA13" s="256">
        <v>0</v>
      </c>
      <c r="DB13" s="257">
        <v>0</v>
      </c>
      <c r="DC13" s="257">
        <v>0</v>
      </c>
      <c r="DD13" s="257">
        <v>0</v>
      </c>
      <c r="DE13" s="257">
        <v>0</v>
      </c>
      <c r="DF13" s="257">
        <v>0</v>
      </c>
      <c r="DG13" s="254">
        <v>0</v>
      </c>
      <c r="DH13" s="259">
        <v>0</v>
      </c>
    </row>
    <row r="14" spans="2:112" ht="21" customHeight="1" x14ac:dyDescent="0.2">
      <c r="B14" s="437" t="s">
        <v>11</v>
      </c>
      <c r="C14" s="253">
        <v>0</v>
      </c>
      <c r="D14" s="257">
        <v>0</v>
      </c>
      <c r="E14" s="340">
        <v>0</v>
      </c>
      <c r="F14" s="256">
        <v>0</v>
      </c>
      <c r="G14" s="257">
        <v>155</v>
      </c>
      <c r="H14" s="257">
        <v>195</v>
      </c>
      <c r="I14" s="257">
        <v>211</v>
      </c>
      <c r="J14" s="257">
        <v>538</v>
      </c>
      <c r="K14" s="257">
        <v>397</v>
      </c>
      <c r="L14" s="258">
        <v>1496</v>
      </c>
      <c r="M14" s="259">
        <v>1496</v>
      </c>
      <c r="N14" s="253">
        <v>0</v>
      </c>
      <c r="O14" s="257">
        <v>0</v>
      </c>
      <c r="P14" s="254">
        <v>0</v>
      </c>
      <c r="Q14" s="256">
        <v>0</v>
      </c>
      <c r="R14" s="257">
        <v>0</v>
      </c>
      <c r="S14" s="257">
        <v>8</v>
      </c>
      <c r="T14" s="257">
        <v>2</v>
      </c>
      <c r="U14" s="257">
        <v>15</v>
      </c>
      <c r="V14" s="257">
        <v>20</v>
      </c>
      <c r="W14" s="254">
        <v>45</v>
      </c>
      <c r="X14" s="259">
        <v>45</v>
      </c>
      <c r="Y14" s="253">
        <v>33</v>
      </c>
      <c r="Z14" s="257">
        <v>19</v>
      </c>
      <c r="AA14" s="254">
        <v>52</v>
      </c>
      <c r="AB14" s="256">
        <v>0</v>
      </c>
      <c r="AC14" s="257">
        <v>109</v>
      </c>
      <c r="AD14" s="257">
        <v>68</v>
      </c>
      <c r="AE14" s="257">
        <v>117</v>
      </c>
      <c r="AF14" s="257">
        <v>135</v>
      </c>
      <c r="AG14" s="257">
        <v>41</v>
      </c>
      <c r="AH14" s="254">
        <v>470</v>
      </c>
      <c r="AI14" s="259">
        <v>522</v>
      </c>
      <c r="AJ14" s="253">
        <v>0</v>
      </c>
      <c r="AK14" s="257">
        <v>20</v>
      </c>
      <c r="AL14" s="254">
        <v>20</v>
      </c>
      <c r="AM14" s="256">
        <v>0</v>
      </c>
      <c r="AN14" s="257">
        <v>36</v>
      </c>
      <c r="AO14" s="257">
        <v>0</v>
      </c>
      <c r="AP14" s="257">
        <v>0</v>
      </c>
      <c r="AQ14" s="257">
        <v>49</v>
      </c>
      <c r="AR14" s="257">
        <v>2</v>
      </c>
      <c r="AS14" s="254">
        <v>87</v>
      </c>
      <c r="AT14" s="259">
        <v>107</v>
      </c>
      <c r="AU14" s="253">
        <v>0</v>
      </c>
      <c r="AV14" s="257">
        <v>0</v>
      </c>
      <c r="AW14" s="254">
        <v>0</v>
      </c>
      <c r="AX14" s="256">
        <v>0</v>
      </c>
      <c r="AY14" s="257">
        <v>331</v>
      </c>
      <c r="AZ14" s="257">
        <v>217</v>
      </c>
      <c r="BA14" s="257">
        <v>135</v>
      </c>
      <c r="BB14" s="257">
        <v>90</v>
      </c>
      <c r="BC14" s="257">
        <v>28</v>
      </c>
      <c r="BD14" s="258">
        <v>801</v>
      </c>
      <c r="BE14" s="259">
        <v>801</v>
      </c>
      <c r="BF14" s="253">
        <v>0</v>
      </c>
      <c r="BG14" s="257">
        <v>0</v>
      </c>
      <c r="BH14" s="254">
        <v>0</v>
      </c>
      <c r="BI14" s="256">
        <v>0</v>
      </c>
      <c r="BJ14" s="257">
        <v>113</v>
      </c>
      <c r="BK14" s="257">
        <v>68</v>
      </c>
      <c r="BL14" s="257">
        <v>45</v>
      </c>
      <c r="BM14" s="257">
        <v>84</v>
      </c>
      <c r="BN14" s="257">
        <v>8</v>
      </c>
      <c r="BO14" s="254">
        <v>318</v>
      </c>
      <c r="BP14" s="259">
        <v>318</v>
      </c>
      <c r="BQ14" s="253">
        <v>0</v>
      </c>
      <c r="BR14" s="257">
        <v>0</v>
      </c>
      <c r="BS14" s="254">
        <v>0</v>
      </c>
      <c r="BT14" s="256">
        <v>0</v>
      </c>
      <c r="BU14" s="257">
        <v>51</v>
      </c>
      <c r="BV14" s="257">
        <v>47</v>
      </c>
      <c r="BW14" s="257">
        <v>3</v>
      </c>
      <c r="BX14" s="257">
        <v>16</v>
      </c>
      <c r="BY14" s="257">
        <v>71</v>
      </c>
      <c r="BZ14" s="254">
        <v>188</v>
      </c>
      <c r="CA14" s="259">
        <v>188</v>
      </c>
      <c r="CB14" s="253">
        <v>0</v>
      </c>
      <c r="CC14" s="257">
        <v>0</v>
      </c>
      <c r="CD14" s="254">
        <v>0</v>
      </c>
      <c r="CE14" s="256">
        <v>0</v>
      </c>
      <c r="CF14" s="257">
        <v>9</v>
      </c>
      <c r="CG14" s="257">
        <v>3</v>
      </c>
      <c r="CH14" s="257">
        <v>0</v>
      </c>
      <c r="CI14" s="257">
        <v>8</v>
      </c>
      <c r="CJ14" s="257">
        <v>8</v>
      </c>
      <c r="CK14" s="254">
        <v>28</v>
      </c>
      <c r="CL14" s="259">
        <v>28</v>
      </c>
      <c r="CM14" s="253">
        <v>0</v>
      </c>
      <c r="CN14" s="257">
        <v>0</v>
      </c>
      <c r="CO14" s="254">
        <v>0</v>
      </c>
      <c r="CP14" s="256">
        <v>0</v>
      </c>
      <c r="CQ14" s="257">
        <v>0</v>
      </c>
      <c r="CR14" s="257">
        <v>0</v>
      </c>
      <c r="CS14" s="257">
        <v>0</v>
      </c>
      <c r="CT14" s="257">
        <v>0</v>
      </c>
      <c r="CU14" s="257">
        <v>0</v>
      </c>
      <c r="CV14" s="254">
        <v>0</v>
      </c>
      <c r="CW14" s="259">
        <v>0</v>
      </c>
      <c r="CX14" s="253">
        <v>0</v>
      </c>
      <c r="CY14" s="257">
        <v>0</v>
      </c>
      <c r="CZ14" s="254">
        <v>0</v>
      </c>
      <c r="DA14" s="256">
        <v>0</v>
      </c>
      <c r="DB14" s="257">
        <v>0</v>
      </c>
      <c r="DC14" s="257">
        <v>0</v>
      </c>
      <c r="DD14" s="257">
        <v>0</v>
      </c>
      <c r="DE14" s="257">
        <v>0</v>
      </c>
      <c r="DF14" s="257">
        <v>0</v>
      </c>
      <c r="DG14" s="254">
        <v>0</v>
      </c>
      <c r="DH14" s="259">
        <v>0</v>
      </c>
    </row>
    <row r="15" spans="2:112" ht="21" customHeight="1" x14ac:dyDescent="0.2">
      <c r="B15" s="437" t="s">
        <v>12</v>
      </c>
      <c r="C15" s="253">
        <v>0</v>
      </c>
      <c r="D15" s="257">
        <v>0</v>
      </c>
      <c r="E15" s="340">
        <v>0</v>
      </c>
      <c r="F15" s="256">
        <v>0</v>
      </c>
      <c r="G15" s="257">
        <v>384</v>
      </c>
      <c r="H15" s="257">
        <v>728</v>
      </c>
      <c r="I15" s="257">
        <v>648</v>
      </c>
      <c r="J15" s="257">
        <v>1185</v>
      </c>
      <c r="K15" s="257">
        <v>434</v>
      </c>
      <c r="L15" s="258">
        <v>3379</v>
      </c>
      <c r="M15" s="259">
        <v>3379</v>
      </c>
      <c r="N15" s="253">
        <v>0</v>
      </c>
      <c r="O15" s="257">
        <v>0</v>
      </c>
      <c r="P15" s="254">
        <v>0</v>
      </c>
      <c r="Q15" s="256">
        <v>0</v>
      </c>
      <c r="R15" s="257">
        <v>0</v>
      </c>
      <c r="S15" s="257">
        <v>0</v>
      </c>
      <c r="T15" s="257">
        <v>4</v>
      </c>
      <c r="U15" s="257">
        <v>31</v>
      </c>
      <c r="V15" s="257">
        <v>30</v>
      </c>
      <c r="W15" s="254">
        <v>65</v>
      </c>
      <c r="X15" s="259">
        <v>65</v>
      </c>
      <c r="Y15" s="253">
        <v>79</v>
      </c>
      <c r="Z15" s="257">
        <v>130</v>
      </c>
      <c r="AA15" s="254">
        <v>209</v>
      </c>
      <c r="AB15" s="256">
        <v>0</v>
      </c>
      <c r="AC15" s="257">
        <v>127</v>
      </c>
      <c r="AD15" s="257">
        <v>222</v>
      </c>
      <c r="AE15" s="257">
        <v>89</v>
      </c>
      <c r="AF15" s="257">
        <v>146</v>
      </c>
      <c r="AG15" s="257">
        <v>83</v>
      </c>
      <c r="AH15" s="254">
        <v>667</v>
      </c>
      <c r="AI15" s="259">
        <v>876</v>
      </c>
      <c r="AJ15" s="253">
        <v>0</v>
      </c>
      <c r="AK15" s="257">
        <v>12</v>
      </c>
      <c r="AL15" s="254">
        <v>12</v>
      </c>
      <c r="AM15" s="256">
        <v>0</v>
      </c>
      <c r="AN15" s="257">
        <v>9</v>
      </c>
      <c r="AO15" s="257">
        <v>36</v>
      </c>
      <c r="AP15" s="257">
        <v>0</v>
      </c>
      <c r="AQ15" s="257">
        <v>54</v>
      </c>
      <c r="AR15" s="257">
        <v>0</v>
      </c>
      <c r="AS15" s="254">
        <v>99</v>
      </c>
      <c r="AT15" s="259">
        <v>111</v>
      </c>
      <c r="AU15" s="253">
        <v>0</v>
      </c>
      <c r="AV15" s="257">
        <v>0</v>
      </c>
      <c r="AW15" s="254">
        <v>0</v>
      </c>
      <c r="AX15" s="256">
        <v>0</v>
      </c>
      <c r="AY15" s="257">
        <v>362</v>
      </c>
      <c r="AZ15" s="257">
        <v>258</v>
      </c>
      <c r="BA15" s="257">
        <v>232</v>
      </c>
      <c r="BB15" s="257">
        <v>177</v>
      </c>
      <c r="BC15" s="257">
        <v>33</v>
      </c>
      <c r="BD15" s="258">
        <v>1062</v>
      </c>
      <c r="BE15" s="259">
        <v>1062</v>
      </c>
      <c r="BF15" s="253">
        <v>0</v>
      </c>
      <c r="BG15" s="257">
        <v>0</v>
      </c>
      <c r="BH15" s="254">
        <v>0</v>
      </c>
      <c r="BI15" s="256">
        <v>0</v>
      </c>
      <c r="BJ15" s="257">
        <v>57</v>
      </c>
      <c r="BK15" s="257">
        <v>101</v>
      </c>
      <c r="BL15" s="257">
        <v>65</v>
      </c>
      <c r="BM15" s="257">
        <v>44</v>
      </c>
      <c r="BN15" s="257">
        <v>0</v>
      </c>
      <c r="BO15" s="254">
        <v>267</v>
      </c>
      <c r="BP15" s="259">
        <v>267</v>
      </c>
      <c r="BQ15" s="253">
        <v>0</v>
      </c>
      <c r="BR15" s="257">
        <v>3</v>
      </c>
      <c r="BS15" s="254">
        <v>3</v>
      </c>
      <c r="BT15" s="256">
        <v>0</v>
      </c>
      <c r="BU15" s="257">
        <v>38</v>
      </c>
      <c r="BV15" s="257">
        <v>59</v>
      </c>
      <c r="BW15" s="257">
        <v>92</v>
      </c>
      <c r="BX15" s="257">
        <v>108</v>
      </c>
      <c r="BY15" s="257">
        <v>20</v>
      </c>
      <c r="BZ15" s="254">
        <v>317</v>
      </c>
      <c r="CA15" s="259">
        <v>320</v>
      </c>
      <c r="CB15" s="253">
        <v>0</v>
      </c>
      <c r="CC15" s="257">
        <v>0</v>
      </c>
      <c r="CD15" s="254">
        <v>0</v>
      </c>
      <c r="CE15" s="256">
        <v>0</v>
      </c>
      <c r="CF15" s="257">
        <v>0</v>
      </c>
      <c r="CG15" s="257">
        <v>0</v>
      </c>
      <c r="CH15" s="257">
        <v>0</v>
      </c>
      <c r="CI15" s="257">
        <v>10</v>
      </c>
      <c r="CJ15" s="257">
        <v>0</v>
      </c>
      <c r="CK15" s="254">
        <v>10</v>
      </c>
      <c r="CL15" s="259">
        <v>10</v>
      </c>
      <c r="CM15" s="253">
        <v>0</v>
      </c>
      <c r="CN15" s="257">
        <v>0</v>
      </c>
      <c r="CO15" s="254">
        <v>0</v>
      </c>
      <c r="CP15" s="256">
        <v>0</v>
      </c>
      <c r="CQ15" s="257">
        <v>0</v>
      </c>
      <c r="CR15" s="257">
        <v>0</v>
      </c>
      <c r="CS15" s="257">
        <v>0</v>
      </c>
      <c r="CT15" s="257">
        <v>0</v>
      </c>
      <c r="CU15" s="257">
        <v>0</v>
      </c>
      <c r="CV15" s="254">
        <v>0</v>
      </c>
      <c r="CW15" s="259">
        <v>0</v>
      </c>
      <c r="CX15" s="253">
        <v>0</v>
      </c>
      <c r="CY15" s="257">
        <v>0</v>
      </c>
      <c r="CZ15" s="254">
        <v>0</v>
      </c>
      <c r="DA15" s="256">
        <v>0</v>
      </c>
      <c r="DB15" s="257">
        <v>0</v>
      </c>
      <c r="DC15" s="257">
        <v>0</v>
      </c>
      <c r="DD15" s="257">
        <v>0</v>
      </c>
      <c r="DE15" s="257">
        <v>0</v>
      </c>
      <c r="DF15" s="257">
        <v>0</v>
      </c>
      <c r="DG15" s="254">
        <v>0</v>
      </c>
      <c r="DH15" s="259">
        <v>0</v>
      </c>
    </row>
    <row r="16" spans="2:112" ht="21" customHeight="1" x14ac:dyDescent="0.2">
      <c r="B16" s="437" t="s">
        <v>13</v>
      </c>
      <c r="C16" s="253">
        <v>0</v>
      </c>
      <c r="D16" s="257">
        <v>0</v>
      </c>
      <c r="E16" s="340">
        <v>0</v>
      </c>
      <c r="F16" s="256">
        <v>0</v>
      </c>
      <c r="G16" s="257">
        <v>116</v>
      </c>
      <c r="H16" s="257">
        <v>225</v>
      </c>
      <c r="I16" s="257">
        <v>274</v>
      </c>
      <c r="J16" s="257">
        <v>455</v>
      </c>
      <c r="K16" s="257">
        <v>516</v>
      </c>
      <c r="L16" s="258">
        <v>1586</v>
      </c>
      <c r="M16" s="259">
        <v>1586</v>
      </c>
      <c r="N16" s="253">
        <v>0</v>
      </c>
      <c r="O16" s="257">
        <v>0</v>
      </c>
      <c r="P16" s="254">
        <v>0</v>
      </c>
      <c r="Q16" s="256">
        <v>0</v>
      </c>
      <c r="R16" s="257">
        <v>0</v>
      </c>
      <c r="S16" s="257">
        <v>0</v>
      </c>
      <c r="T16" s="257">
        <v>0</v>
      </c>
      <c r="U16" s="257">
        <v>8</v>
      </c>
      <c r="V16" s="257">
        <v>20</v>
      </c>
      <c r="W16" s="254">
        <v>28</v>
      </c>
      <c r="X16" s="259">
        <v>28</v>
      </c>
      <c r="Y16" s="253">
        <v>0</v>
      </c>
      <c r="Z16" s="257">
        <v>3</v>
      </c>
      <c r="AA16" s="254">
        <v>3</v>
      </c>
      <c r="AB16" s="256">
        <v>0</v>
      </c>
      <c r="AC16" s="257">
        <v>53</v>
      </c>
      <c r="AD16" s="257">
        <v>208</v>
      </c>
      <c r="AE16" s="257">
        <v>87</v>
      </c>
      <c r="AF16" s="257">
        <v>49</v>
      </c>
      <c r="AG16" s="257">
        <v>120</v>
      </c>
      <c r="AH16" s="254">
        <v>517</v>
      </c>
      <c r="AI16" s="259">
        <v>520</v>
      </c>
      <c r="AJ16" s="253">
        <v>8</v>
      </c>
      <c r="AK16" s="257">
        <v>0</v>
      </c>
      <c r="AL16" s="254">
        <v>8</v>
      </c>
      <c r="AM16" s="256">
        <v>0</v>
      </c>
      <c r="AN16" s="257">
        <v>15</v>
      </c>
      <c r="AO16" s="257">
        <v>9</v>
      </c>
      <c r="AP16" s="257">
        <v>6</v>
      </c>
      <c r="AQ16" s="257">
        <v>22</v>
      </c>
      <c r="AR16" s="257">
        <v>4</v>
      </c>
      <c r="AS16" s="254">
        <v>56</v>
      </c>
      <c r="AT16" s="259">
        <v>64</v>
      </c>
      <c r="AU16" s="253">
        <v>0</v>
      </c>
      <c r="AV16" s="257">
        <v>0</v>
      </c>
      <c r="AW16" s="254">
        <v>0</v>
      </c>
      <c r="AX16" s="256">
        <v>0</v>
      </c>
      <c r="AY16" s="257">
        <v>80</v>
      </c>
      <c r="AZ16" s="257">
        <v>97</v>
      </c>
      <c r="BA16" s="257">
        <v>97</v>
      </c>
      <c r="BB16" s="257">
        <v>78</v>
      </c>
      <c r="BC16" s="257">
        <v>4</v>
      </c>
      <c r="BD16" s="258">
        <v>356</v>
      </c>
      <c r="BE16" s="259">
        <v>356</v>
      </c>
      <c r="BF16" s="253">
        <v>0</v>
      </c>
      <c r="BG16" s="257">
        <v>0</v>
      </c>
      <c r="BH16" s="254">
        <v>0</v>
      </c>
      <c r="BI16" s="256">
        <v>0</v>
      </c>
      <c r="BJ16" s="257">
        <v>28</v>
      </c>
      <c r="BK16" s="257">
        <v>12</v>
      </c>
      <c r="BL16" s="257">
        <v>15</v>
      </c>
      <c r="BM16" s="257">
        <v>6</v>
      </c>
      <c r="BN16" s="257">
        <v>26</v>
      </c>
      <c r="BO16" s="254">
        <v>87</v>
      </c>
      <c r="BP16" s="259">
        <v>87</v>
      </c>
      <c r="BQ16" s="253">
        <v>0</v>
      </c>
      <c r="BR16" s="257">
        <v>0</v>
      </c>
      <c r="BS16" s="254">
        <v>0</v>
      </c>
      <c r="BT16" s="256">
        <v>0</v>
      </c>
      <c r="BU16" s="257">
        <v>6</v>
      </c>
      <c r="BV16" s="257">
        <v>16</v>
      </c>
      <c r="BW16" s="257">
        <v>10</v>
      </c>
      <c r="BX16" s="257">
        <v>62</v>
      </c>
      <c r="BY16" s="257">
        <v>9</v>
      </c>
      <c r="BZ16" s="254">
        <v>103</v>
      </c>
      <c r="CA16" s="259">
        <v>103</v>
      </c>
      <c r="CB16" s="253">
        <v>0</v>
      </c>
      <c r="CC16" s="257">
        <v>0</v>
      </c>
      <c r="CD16" s="254">
        <v>0</v>
      </c>
      <c r="CE16" s="256">
        <v>0</v>
      </c>
      <c r="CF16" s="257">
        <v>0</v>
      </c>
      <c r="CG16" s="257">
        <v>0</v>
      </c>
      <c r="CH16" s="257">
        <v>0</v>
      </c>
      <c r="CI16" s="257">
        <v>0</v>
      </c>
      <c r="CJ16" s="257">
        <v>0</v>
      </c>
      <c r="CK16" s="254">
        <v>0</v>
      </c>
      <c r="CL16" s="259">
        <v>0</v>
      </c>
      <c r="CM16" s="253">
        <v>0</v>
      </c>
      <c r="CN16" s="257">
        <v>0</v>
      </c>
      <c r="CO16" s="254">
        <v>0</v>
      </c>
      <c r="CP16" s="256">
        <v>0</v>
      </c>
      <c r="CQ16" s="257">
        <v>0</v>
      </c>
      <c r="CR16" s="257">
        <v>0</v>
      </c>
      <c r="CS16" s="257">
        <v>0</v>
      </c>
      <c r="CT16" s="257">
        <v>0</v>
      </c>
      <c r="CU16" s="257">
        <v>0</v>
      </c>
      <c r="CV16" s="254">
        <v>0</v>
      </c>
      <c r="CW16" s="259">
        <v>0</v>
      </c>
      <c r="CX16" s="253">
        <v>0</v>
      </c>
      <c r="CY16" s="257">
        <v>0</v>
      </c>
      <c r="CZ16" s="254">
        <v>0</v>
      </c>
      <c r="DA16" s="256">
        <v>0</v>
      </c>
      <c r="DB16" s="257">
        <v>0</v>
      </c>
      <c r="DC16" s="257">
        <v>0</v>
      </c>
      <c r="DD16" s="257">
        <v>0</v>
      </c>
      <c r="DE16" s="257">
        <v>0</v>
      </c>
      <c r="DF16" s="257">
        <v>0</v>
      </c>
      <c r="DG16" s="254">
        <v>0</v>
      </c>
      <c r="DH16" s="259">
        <v>0</v>
      </c>
    </row>
    <row r="17" spans="2:112" ht="21" customHeight="1" x14ac:dyDescent="0.2">
      <c r="B17" s="437" t="s">
        <v>15</v>
      </c>
      <c r="C17" s="253">
        <v>0</v>
      </c>
      <c r="D17" s="257">
        <v>0</v>
      </c>
      <c r="E17" s="340">
        <v>0</v>
      </c>
      <c r="F17" s="256">
        <v>0</v>
      </c>
      <c r="G17" s="257">
        <v>83</v>
      </c>
      <c r="H17" s="257">
        <v>138</v>
      </c>
      <c r="I17" s="257">
        <v>92</v>
      </c>
      <c r="J17" s="257">
        <v>212</v>
      </c>
      <c r="K17" s="257">
        <v>106</v>
      </c>
      <c r="L17" s="258">
        <v>631</v>
      </c>
      <c r="M17" s="259">
        <v>631</v>
      </c>
      <c r="N17" s="253">
        <v>0</v>
      </c>
      <c r="O17" s="257">
        <v>0</v>
      </c>
      <c r="P17" s="254">
        <v>0</v>
      </c>
      <c r="Q17" s="256">
        <v>0</v>
      </c>
      <c r="R17" s="257">
        <v>0</v>
      </c>
      <c r="S17" s="257">
        <v>4</v>
      </c>
      <c r="T17" s="257">
        <v>0</v>
      </c>
      <c r="U17" s="257">
        <v>7</v>
      </c>
      <c r="V17" s="257">
        <v>0</v>
      </c>
      <c r="W17" s="254">
        <v>11</v>
      </c>
      <c r="X17" s="259">
        <v>11</v>
      </c>
      <c r="Y17" s="253">
        <v>0</v>
      </c>
      <c r="Z17" s="257">
        <v>5</v>
      </c>
      <c r="AA17" s="254">
        <v>5</v>
      </c>
      <c r="AB17" s="256">
        <v>0</v>
      </c>
      <c r="AC17" s="257">
        <v>43</v>
      </c>
      <c r="AD17" s="257">
        <v>24</v>
      </c>
      <c r="AE17" s="257">
        <v>32</v>
      </c>
      <c r="AF17" s="257">
        <v>29</v>
      </c>
      <c r="AG17" s="257">
        <v>0</v>
      </c>
      <c r="AH17" s="254">
        <v>128</v>
      </c>
      <c r="AI17" s="259">
        <v>133</v>
      </c>
      <c r="AJ17" s="253">
        <v>0</v>
      </c>
      <c r="AK17" s="257">
        <v>0</v>
      </c>
      <c r="AL17" s="254">
        <v>0</v>
      </c>
      <c r="AM17" s="256">
        <v>0</v>
      </c>
      <c r="AN17" s="257">
        <v>14</v>
      </c>
      <c r="AO17" s="257">
        <v>18</v>
      </c>
      <c r="AP17" s="257">
        <v>0</v>
      </c>
      <c r="AQ17" s="257">
        <v>0</v>
      </c>
      <c r="AR17" s="257">
        <v>0</v>
      </c>
      <c r="AS17" s="254">
        <v>32</v>
      </c>
      <c r="AT17" s="259">
        <v>32</v>
      </c>
      <c r="AU17" s="253">
        <v>0</v>
      </c>
      <c r="AV17" s="257">
        <v>0</v>
      </c>
      <c r="AW17" s="254">
        <v>0</v>
      </c>
      <c r="AX17" s="256">
        <v>0</v>
      </c>
      <c r="AY17" s="257">
        <v>19</v>
      </c>
      <c r="AZ17" s="257">
        <v>35</v>
      </c>
      <c r="BA17" s="257">
        <v>25</v>
      </c>
      <c r="BB17" s="257">
        <v>12</v>
      </c>
      <c r="BC17" s="257">
        <v>0</v>
      </c>
      <c r="BD17" s="258">
        <v>91</v>
      </c>
      <c r="BE17" s="259">
        <v>91</v>
      </c>
      <c r="BF17" s="253">
        <v>0</v>
      </c>
      <c r="BG17" s="257">
        <v>0</v>
      </c>
      <c r="BH17" s="254">
        <v>0</v>
      </c>
      <c r="BI17" s="256">
        <v>0</v>
      </c>
      <c r="BJ17" s="257">
        <v>7</v>
      </c>
      <c r="BK17" s="257">
        <v>20</v>
      </c>
      <c r="BL17" s="257">
        <v>12</v>
      </c>
      <c r="BM17" s="257">
        <v>0</v>
      </c>
      <c r="BN17" s="257">
        <v>0</v>
      </c>
      <c r="BO17" s="254">
        <v>39</v>
      </c>
      <c r="BP17" s="259">
        <v>39</v>
      </c>
      <c r="BQ17" s="253">
        <v>0</v>
      </c>
      <c r="BR17" s="257">
        <v>0</v>
      </c>
      <c r="BS17" s="254">
        <v>0</v>
      </c>
      <c r="BT17" s="256">
        <v>0</v>
      </c>
      <c r="BU17" s="257">
        <v>7</v>
      </c>
      <c r="BV17" s="257">
        <v>3</v>
      </c>
      <c r="BW17" s="257">
        <v>0</v>
      </c>
      <c r="BX17" s="257">
        <v>41</v>
      </c>
      <c r="BY17" s="257">
        <v>0</v>
      </c>
      <c r="BZ17" s="254">
        <v>51</v>
      </c>
      <c r="CA17" s="259">
        <v>51</v>
      </c>
      <c r="CB17" s="253">
        <v>0</v>
      </c>
      <c r="CC17" s="257">
        <v>0</v>
      </c>
      <c r="CD17" s="254">
        <v>0</v>
      </c>
      <c r="CE17" s="256">
        <v>0</v>
      </c>
      <c r="CF17" s="257">
        <v>0</v>
      </c>
      <c r="CG17" s="257">
        <v>0</v>
      </c>
      <c r="CH17" s="257">
        <v>0</v>
      </c>
      <c r="CI17" s="257">
        <v>0</v>
      </c>
      <c r="CJ17" s="257">
        <v>0</v>
      </c>
      <c r="CK17" s="254">
        <v>0</v>
      </c>
      <c r="CL17" s="259">
        <v>0</v>
      </c>
      <c r="CM17" s="253">
        <v>0</v>
      </c>
      <c r="CN17" s="257">
        <v>0</v>
      </c>
      <c r="CO17" s="254">
        <v>0</v>
      </c>
      <c r="CP17" s="256">
        <v>0</v>
      </c>
      <c r="CQ17" s="257">
        <v>0</v>
      </c>
      <c r="CR17" s="257">
        <v>0</v>
      </c>
      <c r="CS17" s="257">
        <v>0</v>
      </c>
      <c r="CT17" s="257">
        <v>0</v>
      </c>
      <c r="CU17" s="257">
        <v>0</v>
      </c>
      <c r="CV17" s="254">
        <v>0</v>
      </c>
      <c r="CW17" s="259">
        <v>0</v>
      </c>
      <c r="CX17" s="253">
        <v>0</v>
      </c>
      <c r="CY17" s="257">
        <v>0</v>
      </c>
      <c r="CZ17" s="254">
        <v>0</v>
      </c>
      <c r="DA17" s="256">
        <v>0</v>
      </c>
      <c r="DB17" s="257">
        <v>0</v>
      </c>
      <c r="DC17" s="257">
        <v>0</v>
      </c>
      <c r="DD17" s="257">
        <v>0</v>
      </c>
      <c r="DE17" s="257">
        <v>0</v>
      </c>
      <c r="DF17" s="257">
        <v>0</v>
      </c>
      <c r="DG17" s="254">
        <v>0</v>
      </c>
      <c r="DH17" s="259">
        <v>0</v>
      </c>
    </row>
    <row r="18" spans="2:112" ht="21" customHeight="1" x14ac:dyDescent="0.2">
      <c r="B18" s="437" t="s">
        <v>16</v>
      </c>
      <c r="C18" s="253">
        <v>0</v>
      </c>
      <c r="D18" s="257">
        <v>0</v>
      </c>
      <c r="E18" s="340">
        <v>0</v>
      </c>
      <c r="F18" s="256">
        <v>0</v>
      </c>
      <c r="G18" s="257">
        <v>144</v>
      </c>
      <c r="H18" s="257">
        <v>122</v>
      </c>
      <c r="I18" s="257">
        <v>79</v>
      </c>
      <c r="J18" s="257">
        <v>106</v>
      </c>
      <c r="K18" s="257">
        <v>81</v>
      </c>
      <c r="L18" s="258">
        <v>532</v>
      </c>
      <c r="M18" s="259">
        <v>532</v>
      </c>
      <c r="N18" s="253">
        <v>0</v>
      </c>
      <c r="O18" s="257">
        <v>0</v>
      </c>
      <c r="P18" s="254">
        <v>0</v>
      </c>
      <c r="Q18" s="256">
        <v>0</v>
      </c>
      <c r="R18" s="257">
        <v>0</v>
      </c>
      <c r="S18" s="257">
        <v>0</v>
      </c>
      <c r="T18" s="257">
        <v>3</v>
      </c>
      <c r="U18" s="257">
        <v>4</v>
      </c>
      <c r="V18" s="257">
        <v>11</v>
      </c>
      <c r="W18" s="254">
        <v>18</v>
      </c>
      <c r="X18" s="259">
        <v>18</v>
      </c>
      <c r="Y18" s="253">
        <v>12</v>
      </c>
      <c r="Z18" s="257">
        <v>21</v>
      </c>
      <c r="AA18" s="254">
        <v>33</v>
      </c>
      <c r="AB18" s="256">
        <v>0</v>
      </c>
      <c r="AC18" s="257">
        <v>86</v>
      </c>
      <c r="AD18" s="257">
        <v>138</v>
      </c>
      <c r="AE18" s="257">
        <v>29</v>
      </c>
      <c r="AF18" s="257">
        <v>70</v>
      </c>
      <c r="AG18" s="257">
        <v>12</v>
      </c>
      <c r="AH18" s="254">
        <v>335</v>
      </c>
      <c r="AI18" s="259">
        <v>368</v>
      </c>
      <c r="AJ18" s="253">
        <v>12</v>
      </c>
      <c r="AK18" s="257">
        <v>0</v>
      </c>
      <c r="AL18" s="254">
        <v>12</v>
      </c>
      <c r="AM18" s="256">
        <v>0</v>
      </c>
      <c r="AN18" s="257">
        <v>10</v>
      </c>
      <c r="AO18" s="257">
        <v>48</v>
      </c>
      <c r="AP18" s="257">
        <v>0</v>
      </c>
      <c r="AQ18" s="257">
        <v>0</v>
      </c>
      <c r="AR18" s="257">
        <v>0</v>
      </c>
      <c r="AS18" s="254">
        <v>58</v>
      </c>
      <c r="AT18" s="259">
        <v>70</v>
      </c>
      <c r="AU18" s="253">
        <v>0</v>
      </c>
      <c r="AV18" s="257">
        <v>0</v>
      </c>
      <c r="AW18" s="254">
        <v>0</v>
      </c>
      <c r="AX18" s="256">
        <v>0</v>
      </c>
      <c r="AY18" s="257">
        <v>113</v>
      </c>
      <c r="AZ18" s="257">
        <v>235</v>
      </c>
      <c r="BA18" s="257">
        <v>100</v>
      </c>
      <c r="BB18" s="257">
        <v>48</v>
      </c>
      <c r="BC18" s="257">
        <v>5</v>
      </c>
      <c r="BD18" s="258">
        <v>501</v>
      </c>
      <c r="BE18" s="259">
        <v>501</v>
      </c>
      <c r="BF18" s="253">
        <v>0</v>
      </c>
      <c r="BG18" s="257">
        <v>0</v>
      </c>
      <c r="BH18" s="254">
        <v>0</v>
      </c>
      <c r="BI18" s="256">
        <v>0</v>
      </c>
      <c r="BJ18" s="257">
        <v>49</v>
      </c>
      <c r="BK18" s="257">
        <v>190</v>
      </c>
      <c r="BL18" s="257">
        <v>69</v>
      </c>
      <c r="BM18" s="257">
        <v>17</v>
      </c>
      <c r="BN18" s="257">
        <v>5</v>
      </c>
      <c r="BO18" s="254">
        <v>330</v>
      </c>
      <c r="BP18" s="259">
        <v>330</v>
      </c>
      <c r="BQ18" s="253">
        <v>0</v>
      </c>
      <c r="BR18" s="257">
        <v>10</v>
      </c>
      <c r="BS18" s="254">
        <v>10</v>
      </c>
      <c r="BT18" s="256">
        <v>0</v>
      </c>
      <c r="BU18" s="257">
        <v>8</v>
      </c>
      <c r="BV18" s="257">
        <v>6</v>
      </c>
      <c r="BW18" s="257">
        <v>8</v>
      </c>
      <c r="BX18" s="257">
        <v>27</v>
      </c>
      <c r="BY18" s="257">
        <v>6</v>
      </c>
      <c r="BZ18" s="254">
        <v>55</v>
      </c>
      <c r="CA18" s="259">
        <v>65</v>
      </c>
      <c r="CB18" s="253">
        <v>0</v>
      </c>
      <c r="CC18" s="257">
        <v>0</v>
      </c>
      <c r="CD18" s="254">
        <v>0</v>
      </c>
      <c r="CE18" s="256">
        <v>0</v>
      </c>
      <c r="CF18" s="257">
        <v>0</v>
      </c>
      <c r="CG18" s="257">
        <v>0</v>
      </c>
      <c r="CH18" s="257">
        <v>4</v>
      </c>
      <c r="CI18" s="257">
        <v>0</v>
      </c>
      <c r="CJ18" s="257">
        <v>0</v>
      </c>
      <c r="CK18" s="254">
        <v>4</v>
      </c>
      <c r="CL18" s="259">
        <v>4</v>
      </c>
      <c r="CM18" s="253">
        <v>0</v>
      </c>
      <c r="CN18" s="257">
        <v>0</v>
      </c>
      <c r="CO18" s="254">
        <v>0</v>
      </c>
      <c r="CP18" s="256">
        <v>0</v>
      </c>
      <c r="CQ18" s="257">
        <v>0</v>
      </c>
      <c r="CR18" s="257">
        <v>0</v>
      </c>
      <c r="CS18" s="257">
        <v>0</v>
      </c>
      <c r="CT18" s="257">
        <v>0</v>
      </c>
      <c r="CU18" s="257">
        <v>0</v>
      </c>
      <c r="CV18" s="254">
        <v>0</v>
      </c>
      <c r="CW18" s="259">
        <v>0</v>
      </c>
      <c r="CX18" s="253">
        <v>0</v>
      </c>
      <c r="CY18" s="257">
        <v>0</v>
      </c>
      <c r="CZ18" s="254">
        <v>0</v>
      </c>
      <c r="DA18" s="256">
        <v>0</v>
      </c>
      <c r="DB18" s="257">
        <v>0</v>
      </c>
      <c r="DC18" s="257">
        <v>0</v>
      </c>
      <c r="DD18" s="257">
        <v>0</v>
      </c>
      <c r="DE18" s="257">
        <v>0</v>
      </c>
      <c r="DF18" s="257">
        <v>0</v>
      </c>
      <c r="DG18" s="254">
        <v>0</v>
      </c>
      <c r="DH18" s="259">
        <v>0</v>
      </c>
    </row>
    <row r="19" spans="2:112" ht="21" customHeight="1" x14ac:dyDescent="0.2">
      <c r="B19" s="437" t="s">
        <v>17</v>
      </c>
      <c r="C19" s="253">
        <v>0</v>
      </c>
      <c r="D19" s="257">
        <v>0</v>
      </c>
      <c r="E19" s="340">
        <v>0</v>
      </c>
      <c r="F19" s="256">
        <v>0</v>
      </c>
      <c r="G19" s="257">
        <v>154</v>
      </c>
      <c r="H19" s="257">
        <v>164</v>
      </c>
      <c r="I19" s="257">
        <v>334</v>
      </c>
      <c r="J19" s="257">
        <v>7</v>
      </c>
      <c r="K19" s="257">
        <v>325</v>
      </c>
      <c r="L19" s="258">
        <v>984</v>
      </c>
      <c r="M19" s="259">
        <v>984</v>
      </c>
      <c r="N19" s="253">
        <v>0</v>
      </c>
      <c r="O19" s="257">
        <v>0</v>
      </c>
      <c r="P19" s="254">
        <v>0</v>
      </c>
      <c r="Q19" s="256">
        <v>0</v>
      </c>
      <c r="R19" s="257">
        <v>0</v>
      </c>
      <c r="S19" s="257">
        <v>0</v>
      </c>
      <c r="T19" s="257">
        <v>4</v>
      </c>
      <c r="U19" s="257">
        <v>3</v>
      </c>
      <c r="V19" s="257">
        <v>9</v>
      </c>
      <c r="W19" s="254">
        <v>16</v>
      </c>
      <c r="X19" s="259">
        <v>16</v>
      </c>
      <c r="Y19" s="253">
        <v>0</v>
      </c>
      <c r="Z19" s="257">
        <v>18</v>
      </c>
      <c r="AA19" s="254">
        <v>18</v>
      </c>
      <c r="AB19" s="256">
        <v>0</v>
      </c>
      <c r="AC19" s="257">
        <v>82</v>
      </c>
      <c r="AD19" s="257">
        <v>128</v>
      </c>
      <c r="AE19" s="257">
        <v>108</v>
      </c>
      <c r="AF19" s="257">
        <v>24</v>
      </c>
      <c r="AG19" s="257">
        <v>19</v>
      </c>
      <c r="AH19" s="254">
        <v>361</v>
      </c>
      <c r="AI19" s="259">
        <v>379</v>
      </c>
      <c r="AJ19" s="253">
        <v>0</v>
      </c>
      <c r="AK19" s="257">
        <v>12</v>
      </c>
      <c r="AL19" s="254">
        <v>12</v>
      </c>
      <c r="AM19" s="256">
        <v>0</v>
      </c>
      <c r="AN19" s="257">
        <v>8</v>
      </c>
      <c r="AO19" s="257">
        <v>16</v>
      </c>
      <c r="AP19" s="257">
        <v>38</v>
      </c>
      <c r="AQ19" s="257">
        <v>0</v>
      </c>
      <c r="AR19" s="257">
        <v>0</v>
      </c>
      <c r="AS19" s="254">
        <v>62</v>
      </c>
      <c r="AT19" s="259">
        <v>74</v>
      </c>
      <c r="AU19" s="253">
        <v>0</v>
      </c>
      <c r="AV19" s="257">
        <v>0</v>
      </c>
      <c r="AW19" s="254">
        <v>0</v>
      </c>
      <c r="AX19" s="256">
        <v>0</v>
      </c>
      <c r="AY19" s="257">
        <v>184</v>
      </c>
      <c r="AZ19" s="257">
        <v>266</v>
      </c>
      <c r="BA19" s="257">
        <v>85</v>
      </c>
      <c r="BB19" s="257">
        <v>30</v>
      </c>
      <c r="BC19" s="257">
        <v>22</v>
      </c>
      <c r="BD19" s="258">
        <v>587</v>
      </c>
      <c r="BE19" s="259">
        <v>587</v>
      </c>
      <c r="BF19" s="253">
        <v>0</v>
      </c>
      <c r="BG19" s="257">
        <v>0</v>
      </c>
      <c r="BH19" s="254">
        <v>0</v>
      </c>
      <c r="BI19" s="256">
        <v>0</v>
      </c>
      <c r="BJ19" s="257">
        <v>15</v>
      </c>
      <c r="BK19" s="257">
        <v>94</v>
      </c>
      <c r="BL19" s="257">
        <v>32</v>
      </c>
      <c r="BM19" s="257">
        <v>8</v>
      </c>
      <c r="BN19" s="257">
        <v>8</v>
      </c>
      <c r="BO19" s="254">
        <v>157</v>
      </c>
      <c r="BP19" s="259">
        <v>157</v>
      </c>
      <c r="BQ19" s="253">
        <v>0</v>
      </c>
      <c r="BR19" s="257">
        <v>0</v>
      </c>
      <c r="BS19" s="254">
        <v>0</v>
      </c>
      <c r="BT19" s="256">
        <v>0</v>
      </c>
      <c r="BU19" s="257">
        <v>23</v>
      </c>
      <c r="BV19" s="257">
        <v>73</v>
      </c>
      <c r="BW19" s="257">
        <v>41</v>
      </c>
      <c r="BX19" s="257">
        <v>90</v>
      </c>
      <c r="BY19" s="257">
        <v>38</v>
      </c>
      <c r="BZ19" s="254">
        <v>265</v>
      </c>
      <c r="CA19" s="259">
        <v>265</v>
      </c>
      <c r="CB19" s="253">
        <v>0</v>
      </c>
      <c r="CC19" s="257">
        <v>0</v>
      </c>
      <c r="CD19" s="254">
        <v>0</v>
      </c>
      <c r="CE19" s="256">
        <v>0</v>
      </c>
      <c r="CF19" s="257">
        <v>0</v>
      </c>
      <c r="CG19" s="257">
        <v>0</v>
      </c>
      <c r="CH19" s="257">
        <v>8</v>
      </c>
      <c r="CI19" s="257">
        <v>0</v>
      </c>
      <c r="CJ19" s="257">
        <v>0</v>
      </c>
      <c r="CK19" s="254">
        <v>8</v>
      </c>
      <c r="CL19" s="259">
        <v>8</v>
      </c>
      <c r="CM19" s="253">
        <v>0</v>
      </c>
      <c r="CN19" s="257">
        <v>0</v>
      </c>
      <c r="CO19" s="254">
        <v>0</v>
      </c>
      <c r="CP19" s="256">
        <v>0</v>
      </c>
      <c r="CQ19" s="257">
        <v>0</v>
      </c>
      <c r="CR19" s="257">
        <v>0</v>
      </c>
      <c r="CS19" s="257">
        <v>0</v>
      </c>
      <c r="CT19" s="257">
        <v>0</v>
      </c>
      <c r="CU19" s="257">
        <v>0</v>
      </c>
      <c r="CV19" s="254">
        <v>0</v>
      </c>
      <c r="CW19" s="259">
        <v>0</v>
      </c>
      <c r="CX19" s="253">
        <v>0</v>
      </c>
      <c r="CY19" s="257">
        <v>0</v>
      </c>
      <c r="CZ19" s="254">
        <v>0</v>
      </c>
      <c r="DA19" s="256">
        <v>0</v>
      </c>
      <c r="DB19" s="257">
        <v>0</v>
      </c>
      <c r="DC19" s="257">
        <v>0</v>
      </c>
      <c r="DD19" s="257">
        <v>0</v>
      </c>
      <c r="DE19" s="257">
        <v>0</v>
      </c>
      <c r="DF19" s="257">
        <v>0</v>
      </c>
      <c r="DG19" s="254">
        <v>0</v>
      </c>
      <c r="DH19" s="259">
        <v>0</v>
      </c>
    </row>
    <row r="20" spans="2:112" ht="21" customHeight="1" x14ac:dyDescent="0.2">
      <c r="B20" s="437" t="s">
        <v>18</v>
      </c>
      <c r="C20" s="253">
        <v>0</v>
      </c>
      <c r="D20" s="257">
        <v>0</v>
      </c>
      <c r="E20" s="340">
        <v>0</v>
      </c>
      <c r="F20" s="256">
        <v>0</v>
      </c>
      <c r="G20" s="257">
        <v>272</v>
      </c>
      <c r="H20" s="257">
        <v>359</v>
      </c>
      <c r="I20" s="257">
        <v>536</v>
      </c>
      <c r="J20" s="257">
        <v>587</v>
      </c>
      <c r="K20" s="257">
        <v>248</v>
      </c>
      <c r="L20" s="258">
        <v>2002</v>
      </c>
      <c r="M20" s="259">
        <v>2002</v>
      </c>
      <c r="N20" s="253">
        <v>0</v>
      </c>
      <c r="O20" s="257">
        <v>0</v>
      </c>
      <c r="P20" s="254">
        <v>0</v>
      </c>
      <c r="Q20" s="256">
        <v>0</v>
      </c>
      <c r="R20" s="257">
        <v>3</v>
      </c>
      <c r="S20" s="257">
        <v>0</v>
      </c>
      <c r="T20" s="257">
        <v>0</v>
      </c>
      <c r="U20" s="257">
        <v>0</v>
      </c>
      <c r="V20" s="257">
        <v>14</v>
      </c>
      <c r="W20" s="254">
        <v>17</v>
      </c>
      <c r="X20" s="259">
        <v>17</v>
      </c>
      <c r="Y20" s="253">
        <v>31</v>
      </c>
      <c r="Z20" s="257">
        <v>35</v>
      </c>
      <c r="AA20" s="254">
        <v>66</v>
      </c>
      <c r="AB20" s="256">
        <v>0</v>
      </c>
      <c r="AC20" s="257">
        <v>132</v>
      </c>
      <c r="AD20" s="257">
        <v>170</v>
      </c>
      <c r="AE20" s="257">
        <v>119</v>
      </c>
      <c r="AF20" s="257">
        <v>81</v>
      </c>
      <c r="AG20" s="257">
        <v>42</v>
      </c>
      <c r="AH20" s="254">
        <v>544</v>
      </c>
      <c r="AI20" s="259">
        <v>610</v>
      </c>
      <c r="AJ20" s="253">
        <v>0</v>
      </c>
      <c r="AK20" s="257">
        <v>27</v>
      </c>
      <c r="AL20" s="254">
        <v>27</v>
      </c>
      <c r="AM20" s="256">
        <v>0</v>
      </c>
      <c r="AN20" s="257">
        <v>48</v>
      </c>
      <c r="AO20" s="257">
        <v>42</v>
      </c>
      <c r="AP20" s="257">
        <v>21</v>
      </c>
      <c r="AQ20" s="257">
        <v>61</v>
      </c>
      <c r="AR20" s="257">
        <v>0</v>
      </c>
      <c r="AS20" s="254">
        <v>172</v>
      </c>
      <c r="AT20" s="259">
        <v>199</v>
      </c>
      <c r="AU20" s="253">
        <v>0</v>
      </c>
      <c r="AV20" s="257">
        <v>0</v>
      </c>
      <c r="AW20" s="254">
        <v>0</v>
      </c>
      <c r="AX20" s="256">
        <v>0</v>
      </c>
      <c r="AY20" s="257">
        <v>392</v>
      </c>
      <c r="AZ20" s="257">
        <v>288</v>
      </c>
      <c r="BA20" s="257">
        <v>161</v>
      </c>
      <c r="BB20" s="257">
        <v>58</v>
      </c>
      <c r="BC20" s="257">
        <v>8</v>
      </c>
      <c r="BD20" s="258">
        <v>907</v>
      </c>
      <c r="BE20" s="259">
        <v>907</v>
      </c>
      <c r="BF20" s="253">
        <v>0</v>
      </c>
      <c r="BG20" s="257">
        <v>0</v>
      </c>
      <c r="BH20" s="254">
        <v>0</v>
      </c>
      <c r="BI20" s="256">
        <v>0</v>
      </c>
      <c r="BJ20" s="257">
        <v>91</v>
      </c>
      <c r="BK20" s="257">
        <v>69</v>
      </c>
      <c r="BL20" s="257">
        <v>67</v>
      </c>
      <c r="BM20" s="257">
        <v>20</v>
      </c>
      <c r="BN20" s="257">
        <v>0</v>
      </c>
      <c r="BO20" s="254">
        <v>247</v>
      </c>
      <c r="BP20" s="259">
        <v>247</v>
      </c>
      <c r="BQ20" s="253">
        <v>0</v>
      </c>
      <c r="BR20" s="257">
        <v>3</v>
      </c>
      <c r="BS20" s="254">
        <v>3</v>
      </c>
      <c r="BT20" s="256">
        <v>0</v>
      </c>
      <c r="BU20" s="257">
        <v>17</v>
      </c>
      <c r="BV20" s="257">
        <v>72</v>
      </c>
      <c r="BW20" s="257">
        <v>62</v>
      </c>
      <c r="BX20" s="257">
        <v>126</v>
      </c>
      <c r="BY20" s="257">
        <v>0</v>
      </c>
      <c r="BZ20" s="254">
        <v>277</v>
      </c>
      <c r="CA20" s="259">
        <v>280</v>
      </c>
      <c r="CB20" s="253">
        <v>0</v>
      </c>
      <c r="CC20" s="257">
        <v>0</v>
      </c>
      <c r="CD20" s="254">
        <v>0</v>
      </c>
      <c r="CE20" s="256">
        <v>0</v>
      </c>
      <c r="CF20" s="257">
        <v>0</v>
      </c>
      <c r="CG20" s="257">
        <v>0</v>
      </c>
      <c r="CH20" s="257">
        <v>0</v>
      </c>
      <c r="CI20" s="257">
        <v>0</v>
      </c>
      <c r="CJ20" s="257">
        <v>0</v>
      </c>
      <c r="CK20" s="254">
        <v>0</v>
      </c>
      <c r="CL20" s="259">
        <v>0</v>
      </c>
      <c r="CM20" s="253">
        <v>0</v>
      </c>
      <c r="CN20" s="257">
        <v>0</v>
      </c>
      <c r="CO20" s="254">
        <v>0</v>
      </c>
      <c r="CP20" s="256">
        <v>0</v>
      </c>
      <c r="CQ20" s="257">
        <v>0</v>
      </c>
      <c r="CR20" s="257">
        <v>0</v>
      </c>
      <c r="CS20" s="257">
        <v>0</v>
      </c>
      <c r="CT20" s="257">
        <v>0</v>
      </c>
      <c r="CU20" s="257">
        <v>0</v>
      </c>
      <c r="CV20" s="254">
        <v>0</v>
      </c>
      <c r="CW20" s="259">
        <v>0</v>
      </c>
      <c r="CX20" s="253">
        <v>0</v>
      </c>
      <c r="CY20" s="257">
        <v>0</v>
      </c>
      <c r="CZ20" s="254">
        <v>0</v>
      </c>
      <c r="DA20" s="256">
        <v>0</v>
      </c>
      <c r="DB20" s="257">
        <v>0</v>
      </c>
      <c r="DC20" s="257">
        <v>0</v>
      </c>
      <c r="DD20" s="257">
        <v>0</v>
      </c>
      <c r="DE20" s="257">
        <v>0</v>
      </c>
      <c r="DF20" s="257">
        <v>0</v>
      </c>
      <c r="DG20" s="254">
        <v>0</v>
      </c>
      <c r="DH20" s="259">
        <v>0</v>
      </c>
    </row>
    <row r="21" spans="2:112" ht="21" customHeight="1" x14ac:dyDescent="0.2">
      <c r="B21" s="437" t="s">
        <v>19</v>
      </c>
      <c r="C21" s="253">
        <v>0</v>
      </c>
      <c r="D21" s="257">
        <v>0</v>
      </c>
      <c r="E21" s="340">
        <v>0</v>
      </c>
      <c r="F21" s="256">
        <v>0</v>
      </c>
      <c r="G21" s="257">
        <v>85</v>
      </c>
      <c r="H21" s="257">
        <v>131</v>
      </c>
      <c r="I21" s="257">
        <v>274</v>
      </c>
      <c r="J21" s="257">
        <v>170</v>
      </c>
      <c r="K21" s="257">
        <v>220</v>
      </c>
      <c r="L21" s="258">
        <v>880</v>
      </c>
      <c r="M21" s="259">
        <v>880</v>
      </c>
      <c r="N21" s="253">
        <v>0</v>
      </c>
      <c r="O21" s="257">
        <v>0</v>
      </c>
      <c r="P21" s="254">
        <v>0</v>
      </c>
      <c r="Q21" s="256">
        <v>0</v>
      </c>
      <c r="R21" s="257">
        <v>1</v>
      </c>
      <c r="S21" s="257">
        <v>0</v>
      </c>
      <c r="T21" s="257">
        <v>6</v>
      </c>
      <c r="U21" s="257">
        <v>12</v>
      </c>
      <c r="V21" s="257">
        <v>10</v>
      </c>
      <c r="W21" s="254">
        <v>29</v>
      </c>
      <c r="X21" s="259">
        <v>29</v>
      </c>
      <c r="Y21" s="253">
        <v>9</v>
      </c>
      <c r="Z21" s="257">
        <v>4</v>
      </c>
      <c r="AA21" s="254">
        <v>13</v>
      </c>
      <c r="AB21" s="256">
        <v>0</v>
      </c>
      <c r="AC21" s="257">
        <v>135</v>
      </c>
      <c r="AD21" s="257">
        <v>53</v>
      </c>
      <c r="AE21" s="257">
        <v>83</v>
      </c>
      <c r="AF21" s="257">
        <v>43</v>
      </c>
      <c r="AG21" s="257">
        <v>62</v>
      </c>
      <c r="AH21" s="254">
        <v>376</v>
      </c>
      <c r="AI21" s="259">
        <v>389</v>
      </c>
      <c r="AJ21" s="253">
        <v>0</v>
      </c>
      <c r="AK21" s="257">
        <v>0</v>
      </c>
      <c r="AL21" s="254">
        <v>0</v>
      </c>
      <c r="AM21" s="256">
        <v>0</v>
      </c>
      <c r="AN21" s="257">
        <v>9</v>
      </c>
      <c r="AO21" s="257">
        <v>12</v>
      </c>
      <c r="AP21" s="257">
        <v>0</v>
      </c>
      <c r="AQ21" s="257">
        <v>0</v>
      </c>
      <c r="AR21" s="257">
        <v>0</v>
      </c>
      <c r="AS21" s="254">
        <v>21</v>
      </c>
      <c r="AT21" s="259">
        <v>21</v>
      </c>
      <c r="AU21" s="253">
        <v>0</v>
      </c>
      <c r="AV21" s="257">
        <v>0</v>
      </c>
      <c r="AW21" s="254">
        <v>0</v>
      </c>
      <c r="AX21" s="256">
        <v>0</v>
      </c>
      <c r="AY21" s="257">
        <v>171</v>
      </c>
      <c r="AZ21" s="257">
        <v>85</v>
      </c>
      <c r="BA21" s="257">
        <v>60</v>
      </c>
      <c r="BB21" s="257">
        <v>10</v>
      </c>
      <c r="BC21" s="257">
        <v>5</v>
      </c>
      <c r="BD21" s="258">
        <v>331</v>
      </c>
      <c r="BE21" s="259">
        <v>331</v>
      </c>
      <c r="BF21" s="253">
        <v>0</v>
      </c>
      <c r="BG21" s="257">
        <v>0</v>
      </c>
      <c r="BH21" s="254">
        <v>0</v>
      </c>
      <c r="BI21" s="256">
        <v>0</v>
      </c>
      <c r="BJ21" s="257">
        <v>62</v>
      </c>
      <c r="BK21" s="257">
        <v>41</v>
      </c>
      <c r="BL21" s="257">
        <v>23</v>
      </c>
      <c r="BM21" s="257">
        <v>10</v>
      </c>
      <c r="BN21" s="257">
        <v>0</v>
      </c>
      <c r="BO21" s="254">
        <v>136</v>
      </c>
      <c r="BP21" s="259">
        <v>136</v>
      </c>
      <c r="BQ21" s="253">
        <v>0</v>
      </c>
      <c r="BR21" s="257">
        <v>4</v>
      </c>
      <c r="BS21" s="254">
        <v>4</v>
      </c>
      <c r="BT21" s="256">
        <v>0</v>
      </c>
      <c r="BU21" s="257">
        <v>0</v>
      </c>
      <c r="BV21" s="257">
        <v>3</v>
      </c>
      <c r="BW21" s="257">
        <v>15</v>
      </c>
      <c r="BX21" s="257">
        <v>6</v>
      </c>
      <c r="BY21" s="257">
        <v>28</v>
      </c>
      <c r="BZ21" s="254">
        <v>52</v>
      </c>
      <c r="CA21" s="259">
        <v>56</v>
      </c>
      <c r="CB21" s="253">
        <v>0</v>
      </c>
      <c r="CC21" s="257">
        <v>0</v>
      </c>
      <c r="CD21" s="254">
        <v>0</v>
      </c>
      <c r="CE21" s="256">
        <v>0</v>
      </c>
      <c r="CF21" s="257">
        <v>0</v>
      </c>
      <c r="CG21" s="257">
        <v>3</v>
      </c>
      <c r="CH21" s="257">
        <v>21</v>
      </c>
      <c r="CI21" s="257">
        <v>0</v>
      </c>
      <c r="CJ21" s="257">
        <v>0</v>
      </c>
      <c r="CK21" s="254">
        <v>24</v>
      </c>
      <c r="CL21" s="259">
        <v>24</v>
      </c>
      <c r="CM21" s="253">
        <v>0</v>
      </c>
      <c r="CN21" s="257">
        <v>0</v>
      </c>
      <c r="CO21" s="254">
        <v>0</v>
      </c>
      <c r="CP21" s="256">
        <v>0</v>
      </c>
      <c r="CQ21" s="257">
        <v>0</v>
      </c>
      <c r="CR21" s="257">
        <v>0</v>
      </c>
      <c r="CS21" s="257">
        <v>0</v>
      </c>
      <c r="CT21" s="257">
        <v>0</v>
      </c>
      <c r="CU21" s="257">
        <v>0</v>
      </c>
      <c r="CV21" s="254">
        <v>0</v>
      </c>
      <c r="CW21" s="259">
        <v>0</v>
      </c>
      <c r="CX21" s="253">
        <v>0</v>
      </c>
      <c r="CY21" s="257">
        <v>0</v>
      </c>
      <c r="CZ21" s="254">
        <v>0</v>
      </c>
      <c r="DA21" s="256">
        <v>0</v>
      </c>
      <c r="DB21" s="257">
        <v>0</v>
      </c>
      <c r="DC21" s="257">
        <v>0</v>
      </c>
      <c r="DD21" s="257">
        <v>0</v>
      </c>
      <c r="DE21" s="257">
        <v>0</v>
      </c>
      <c r="DF21" s="257">
        <v>0</v>
      </c>
      <c r="DG21" s="254">
        <v>0</v>
      </c>
      <c r="DH21" s="259">
        <v>0</v>
      </c>
    </row>
    <row r="22" spans="2:112" ht="21" customHeight="1" x14ac:dyDescent="0.2">
      <c r="B22" s="437" t="s">
        <v>20</v>
      </c>
      <c r="C22" s="253">
        <v>0</v>
      </c>
      <c r="D22" s="257">
        <v>0</v>
      </c>
      <c r="E22" s="340">
        <v>0</v>
      </c>
      <c r="F22" s="256">
        <v>0</v>
      </c>
      <c r="G22" s="257">
        <v>363</v>
      </c>
      <c r="H22" s="257">
        <v>307</v>
      </c>
      <c r="I22" s="257">
        <v>218</v>
      </c>
      <c r="J22" s="257">
        <v>216</v>
      </c>
      <c r="K22" s="257">
        <v>378</v>
      </c>
      <c r="L22" s="258">
        <v>1482</v>
      </c>
      <c r="M22" s="259">
        <v>1482</v>
      </c>
      <c r="N22" s="253">
        <v>0</v>
      </c>
      <c r="O22" s="257">
        <v>0</v>
      </c>
      <c r="P22" s="254">
        <v>0</v>
      </c>
      <c r="Q22" s="256">
        <v>0</v>
      </c>
      <c r="R22" s="257">
        <v>0</v>
      </c>
      <c r="S22" s="257">
        <v>0</v>
      </c>
      <c r="T22" s="257">
        <v>8</v>
      </c>
      <c r="U22" s="257">
        <v>11</v>
      </c>
      <c r="V22" s="257">
        <v>7</v>
      </c>
      <c r="W22" s="254">
        <v>26</v>
      </c>
      <c r="X22" s="259">
        <v>26</v>
      </c>
      <c r="Y22" s="253">
        <v>19</v>
      </c>
      <c r="Z22" s="257">
        <v>20</v>
      </c>
      <c r="AA22" s="254">
        <v>39</v>
      </c>
      <c r="AB22" s="256">
        <v>0</v>
      </c>
      <c r="AC22" s="257">
        <v>169</v>
      </c>
      <c r="AD22" s="257">
        <v>155</v>
      </c>
      <c r="AE22" s="257">
        <v>64</v>
      </c>
      <c r="AF22" s="257">
        <v>103</v>
      </c>
      <c r="AG22" s="257">
        <v>55</v>
      </c>
      <c r="AH22" s="254">
        <v>546</v>
      </c>
      <c r="AI22" s="259">
        <v>585</v>
      </c>
      <c r="AJ22" s="253">
        <v>16</v>
      </c>
      <c r="AK22" s="257">
        <v>23</v>
      </c>
      <c r="AL22" s="254">
        <v>39</v>
      </c>
      <c r="AM22" s="256">
        <v>0</v>
      </c>
      <c r="AN22" s="257">
        <v>37</v>
      </c>
      <c r="AO22" s="257">
        <v>63</v>
      </c>
      <c r="AP22" s="257">
        <v>78</v>
      </c>
      <c r="AQ22" s="257">
        <v>20</v>
      </c>
      <c r="AR22" s="257">
        <v>33</v>
      </c>
      <c r="AS22" s="254">
        <v>231</v>
      </c>
      <c r="AT22" s="259">
        <v>270</v>
      </c>
      <c r="AU22" s="253">
        <v>0</v>
      </c>
      <c r="AV22" s="257">
        <v>0</v>
      </c>
      <c r="AW22" s="254">
        <v>0</v>
      </c>
      <c r="AX22" s="256">
        <v>0</v>
      </c>
      <c r="AY22" s="257">
        <v>249</v>
      </c>
      <c r="AZ22" s="257">
        <v>166</v>
      </c>
      <c r="BA22" s="257">
        <v>97</v>
      </c>
      <c r="BB22" s="257">
        <v>40</v>
      </c>
      <c r="BC22" s="257">
        <v>41</v>
      </c>
      <c r="BD22" s="258">
        <v>593</v>
      </c>
      <c r="BE22" s="259">
        <v>593</v>
      </c>
      <c r="BF22" s="253">
        <v>0</v>
      </c>
      <c r="BG22" s="257">
        <v>0</v>
      </c>
      <c r="BH22" s="254">
        <v>0</v>
      </c>
      <c r="BI22" s="256">
        <v>0</v>
      </c>
      <c r="BJ22" s="257">
        <v>66</v>
      </c>
      <c r="BK22" s="257">
        <v>79</v>
      </c>
      <c r="BL22" s="257">
        <v>34</v>
      </c>
      <c r="BM22" s="257">
        <v>29</v>
      </c>
      <c r="BN22" s="257">
        <v>9</v>
      </c>
      <c r="BO22" s="254">
        <v>217</v>
      </c>
      <c r="BP22" s="259">
        <v>217</v>
      </c>
      <c r="BQ22" s="253">
        <v>0</v>
      </c>
      <c r="BR22" s="257">
        <v>6</v>
      </c>
      <c r="BS22" s="254">
        <v>6</v>
      </c>
      <c r="BT22" s="256">
        <v>0</v>
      </c>
      <c r="BU22" s="257">
        <v>8</v>
      </c>
      <c r="BV22" s="257">
        <v>0</v>
      </c>
      <c r="BW22" s="257">
        <v>38</v>
      </c>
      <c r="BX22" s="257">
        <v>89</v>
      </c>
      <c r="BY22" s="257">
        <v>19</v>
      </c>
      <c r="BZ22" s="254">
        <v>154</v>
      </c>
      <c r="CA22" s="259">
        <v>160</v>
      </c>
      <c r="CB22" s="253">
        <v>0</v>
      </c>
      <c r="CC22" s="257">
        <v>0</v>
      </c>
      <c r="CD22" s="254">
        <v>0</v>
      </c>
      <c r="CE22" s="256">
        <v>0</v>
      </c>
      <c r="CF22" s="257">
        <v>0</v>
      </c>
      <c r="CG22" s="257">
        <v>0</v>
      </c>
      <c r="CH22" s="257">
        <v>4</v>
      </c>
      <c r="CI22" s="257">
        <v>36</v>
      </c>
      <c r="CJ22" s="257">
        <v>0</v>
      </c>
      <c r="CK22" s="254">
        <v>40</v>
      </c>
      <c r="CL22" s="259">
        <v>40</v>
      </c>
      <c r="CM22" s="253">
        <v>0</v>
      </c>
      <c r="CN22" s="257">
        <v>0</v>
      </c>
      <c r="CO22" s="254">
        <v>0</v>
      </c>
      <c r="CP22" s="256">
        <v>0</v>
      </c>
      <c r="CQ22" s="257">
        <v>0</v>
      </c>
      <c r="CR22" s="257">
        <v>0</v>
      </c>
      <c r="CS22" s="257">
        <v>0</v>
      </c>
      <c r="CT22" s="257">
        <v>0</v>
      </c>
      <c r="CU22" s="257">
        <v>0</v>
      </c>
      <c r="CV22" s="254">
        <v>0</v>
      </c>
      <c r="CW22" s="259">
        <v>0</v>
      </c>
      <c r="CX22" s="253">
        <v>0</v>
      </c>
      <c r="CY22" s="257">
        <v>0</v>
      </c>
      <c r="CZ22" s="254">
        <v>0</v>
      </c>
      <c r="DA22" s="256">
        <v>0</v>
      </c>
      <c r="DB22" s="257">
        <v>0</v>
      </c>
      <c r="DC22" s="257">
        <v>0</v>
      </c>
      <c r="DD22" s="257">
        <v>0</v>
      </c>
      <c r="DE22" s="257">
        <v>0</v>
      </c>
      <c r="DF22" s="257">
        <v>0</v>
      </c>
      <c r="DG22" s="254">
        <v>0</v>
      </c>
      <c r="DH22" s="259">
        <v>0</v>
      </c>
    </row>
    <row r="23" spans="2:112" ht="21" customHeight="1" x14ac:dyDescent="0.2">
      <c r="B23" s="437" t="s">
        <v>21</v>
      </c>
      <c r="C23" s="253">
        <v>0</v>
      </c>
      <c r="D23" s="257">
        <v>0</v>
      </c>
      <c r="E23" s="340">
        <v>0</v>
      </c>
      <c r="F23" s="256">
        <v>0</v>
      </c>
      <c r="G23" s="257">
        <v>146</v>
      </c>
      <c r="H23" s="257">
        <v>128</v>
      </c>
      <c r="I23" s="257">
        <v>185</v>
      </c>
      <c r="J23" s="257">
        <v>229</v>
      </c>
      <c r="K23" s="257">
        <v>433</v>
      </c>
      <c r="L23" s="258">
        <v>1121</v>
      </c>
      <c r="M23" s="259">
        <v>1121</v>
      </c>
      <c r="N23" s="253">
        <v>0</v>
      </c>
      <c r="O23" s="257">
        <v>0</v>
      </c>
      <c r="P23" s="254">
        <v>0</v>
      </c>
      <c r="Q23" s="256">
        <v>0</v>
      </c>
      <c r="R23" s="257">
        <v>0</v>
      </c>
      <c r="S23" s="257">
        <v>0</v>
      </c>
      <c r="T23" s="257">
        <v>0</v>
      </c>
      <c r="U23" s="257">
        <v>8</v>
      </c>
      <c r="V23" s="257">
        <v>13</v>
      </c>
      <c r="W23" s="254">
        <v>21</v>
      </c>
      <c r="X23" s="259">
        <v>21</v>
      </c>
      <c r="Y23" s="253">
        <v>22</v>
      </c>
      <c r="Z23" s="257">
        <v>22</v>
      </c>
      <c r="AA23" s="254">
        <v>44</v>
      </c>
      <c r="AB23" s="256">
        <v>0</v>
      </c>
      <c r="AC23" s="257">
        <v>112</v>
      </c>
      <c r="AD23" s="257">
        <v>157</v>
      </c>
      <c r="AE23" s="257">
        <v>92</v>
      </c>
      <c r="AF23" s="257">
        <v>113</v>
      </c>
      <c r="AG23" s="257">
        <v>38</v>
      </c>
      <c r="AH23" s="254">
        <v>512</v>
      </c>
      <c r="AI23" s="259">
        <v>556</v>
      </c>
      <c r="AJ23" s="253">
        <v>16</v>
      </c>
      <c r="AK23" s="257">
        <v>0</v>
      </c>
      <c r="AL23" s="254">
        <v>16</v>
      </c>
      <c r="AM23" s="256">
        <v>0</v>
      </c>
      <c r="AN23" s="257">
        <v>16</v>
      </c>
      <c r="AO23" s="257">
        <v>32</v>
      </c>
      <c r="AP23" s="257">
        <v>0</v>
      </c>
      <c r="AQ23" s="257">
        <v>16</v>
      </c>
      <c r="AR23" s="257">
        <v>18</v>
      </c>
      <c r="AS23" s="254">
        <v>82</v>
      </c>
      <c r="AT23" s="259">
        <v>98</v>
      </c>
      <c r="AU23" s="253">
        <v>0</v>
      </c>
      <c r="AV23" s="257">
        <v>0</v>
      </c>
      <c r="AW23" s="254">
        <v>0</v>
      </c>
      <c r="AX23" s="256">
        <v>0</v>
      </c>
      <c r="AY23" s="257">
        <v>131</v>
      </c>
      <c r="AZ23" s="257">
        <v>149</v>
      </c>
      <c r="BA23" s="257">
        <v>68</v>
      </c>
      <c r="BB23" s="257">
        <v>22</v>
      </c>
      <c r="BC23" s="257">
        <v>4</v>
      </c>
      <c r="BD23" s="258">
        <v>374</v>
      </c>
      <c r="BE23" s="259">
        <v>374</v>
      </c>
      <c r="BF23" s="253">
        <v>0</v>
      </c>
      <c r="BG23" s="257">
        <v>0</v>
      </c>
      <c r="BH23" s="254">
        <v>0</v>
      </c>
      <c r="BI23" s="256">
        <v>0</v>
      </c>
      <c r="BJ23" s="257">
        <v>48</v>
      </c>
      <c r="BK23" s="257">
        <v>52</v>
      </c>
      <c r="BL23" s="257">
        <v>18</v>
      </c>
      <c r="BM23" s="257">
        <v>0</v>
      </c>
      <c r="BN23" s="257">
        <v>4</v>
      </c>
      <c r="BO23" s="254">
        <v>122</v>
      </c>
      <c r="BP23" s="259">
        <v>122</v>
      </c>
      <c r="BQ23" s="253">
        <v>0</v>
      </c>
      <c r="BR23" s="257">
        <v>0</v>
      </c>
      <c r="BS23" s="254">
        <v>0</v>
      </c>
      <c r="BT23" s="256">
        <v>0</v>
      </c>
      <c r="BU23" s="257">
        <v>8</v>
      </c>
      <c r="BV23" s="257">
        <v>4</v>
      </c>
      <c r="BW23" s="257">
        <v>81</v>
      </c>
      <c r="BX23" s="257">
        <v>24</v>
      </c>
      <c r="BY23" s="257">
        <v>56</v>
      </c>
      <c r="BZ23" s="254">
        <v>173</v>
      </c>
      <c r="CA23" s="259">
        <v>173</v>
      </c>
      <c r="CB23" s="253">
        <v>0</v>
      </c>
      <c r="CC23" s="257">
        <v>0</v>
      </c>
      <c r="CD23" s="254">
        <v>0</v>
      </c>
      <c r="CE23" s="256">
        <v>0</v>
      </c>
      <c r="CF23" s="257">
        <v>0</v>
      </c>
      <c r="CG23" s="257">
        <v>2</v>
      </c>
      <c r="CH23" s="257">
        <v>0</v>
      </c>
      <c r="CI23" s="257">
        <v>0</v>
      </c>
      <c r="CJ23" s="257">
        <v>0</v>
      </c>
      <c r="CK23" s="254">
        <v>2</v>
      </c>
      <c r="CL23" s="259">
        <v>2</v>
      </c>
      <c r="CM23" s="253">
        <v>0</v>
      </c>
      <c r="CN23" s="257">
        <v>0</v>
      </c>
      <c r="CO23" s="254">
        <v>0</v>
      </c>
      <c r="CP23" s="256">
        <v>0</v>
      </c>
      <c r="CQ23" s="257">
        <v>0</v>
      </c>
      <c r="CR23" s="257">
        <v>0</v>
      </c>
      <c r="CS23" s="257">
        <v>0</v>
      </c>
      <c r="CT23" s="257">
        <v>0</v>
      </c>
      <c r="CU23" s="257">
        <v>0</v>
      </c>
      <c r="CV23" s="254">
        <v>0</v>
      </c>
      <c r="CW23" s="259">
        <v>0</v>
      </c>
      <c r="CX23" s="253">
        <v>0</v>
      </c>
      <c r="CY23" s="257">
        <v>0</v>
      </c>
      <c r="CZ23" s="254">
        <v>0</v>
      </c>
      <c r="DA23" s="256">
        <v>0</v>
      </c>
      <c r="DB23" s="257">
        <v>0</v>
      </c>
      <c r="DC23" s="257">
        <v>0</v>
      </c>
      <c r="DD23" s="257">
        <v>0</v>
      </c>
      <c r="DE23" s="257">
        <v>0</v>
      </c>
      <c r="DF23" s="257">
        <v>0</v>
      </c>
      <c r="DG23" s="254">
        <v>0</v>
      </c>
      <c r="DH23" s="259">
        <v>0</v>
      </c>
    </row>
    <row r="24" spans="2:112" ht="21" customHeight="1" x14ac:dyDescent="0.2">
      <c r="B24" s="437" t="s">
        <v>22</v>
      </c>
      <c r="C24" s="253">
        <v>0</v>
      </c>
      <c r="D24" s="257">
        <v>0</v>
      </c>
      <c r="E24" s="340">
        <v>0</v>
      </c>
      <c r="F24" s="256">
        <v>0</v>
      </c>
      <c r="G24" s="257">
        <v>101</v>
      </c>
      <c r="H24" s="257">
        <v>50</v>
      </c>
      <c r="I24" s="257">
        <v>0</v>
      </c>
      <c r="J24" s="257">
        <v>0</v>
      </c>
      <c r="K24" s="257">
        <v>26</v>
      </c>
      <c r="L24" s="258">
        <v>177</v>
      </c>
      <c r="M24" s="259">
        <v>177</v>
      </c>
      <c r="N24" s="253">
        <v>0</v>
      </c>
      <c r="O24" s="257">
        <v>0</v>
      </c>
      <c r="P24" s="254">
        <v>0</v>
      </c>
      <c r="Q24" s="256">
        <v>0</v>
      </c>
      <c r="R24" s="257">
        <v>5</v>
      </c>
      <c r="S24" s="257">
        <v>0</v>
      </c>
      <c r="T24" s="257">
        <v>0</v>
      </c>
      <c r="U24" s="257">
        <v>0</v>
      </c>
      <c r="V24" s="257">
        <v>0</v>
      </c>
      <c r="W24" s="254">
        <v>5</v>
      </c>
      <c r="X24" s="259">
        <v>5</v>
      </c>
      <c r="Y24" s="253">
        <v>0</v>
      </c>
      <c r="Z24" s="257">
        <v>13</v>
      </c>
      <c r="AA24" s="254">
        <v>13</v>
      </c>
      <c r="AB24" s="256">
        <v>0</v>
      </c>
      <c r="AC24" s="257">
        <v>21</v>
      </c>
      <c r="AD24" s="257">
        <v>27</v>
      </c>
      <c r="AE24" s="257">
        <v>30</v>
      </c>
      <c r="AF24" s="257">
        <v>0</v>
      </c>
      <c r="AG24" s="257">
        <v>18</v>
      </c>
      <c r="AH24" s="254">
        <v>96</v>
      </c>
      <c r="AI24" s="259">
        <v>109</v>
      </c>
      <c r="AJ24" s="253">
        <v>3</v>
      </c>
      <c r="AK24" s="257">
        <v>0</v>
      </c>
      <c r="AL24" s="254">
        <v>3</v>
      </c>
      <c r="AM24" s="256">
        <v>0</v>
      </c>
      <c r="AN24" s="257">
        <v>0</v>
      </c>
      <c r="AO24" s="257">
        <v>24</v>
      </c>
      <c r="AP24" s="257">
        <v>0</v>
      </c>
      <c r="AQ24" s="257">
        <v>0</v>
      </c>
      <c r="AR24" s="257">
        <v>0</v>
      </c>
      <c r="AS24" s="254">
        <v>24</v>
      </c>
      <c r="AT24" s="259">
        <v>27</v>
      </c>
      <c r="AU24" s="253">
        <v>0</v>
      </c>
      <c r="AV24" s="257">
        <v>0</v>
      </c>
      <c r="AW24" s="254">
        <v>0</v>
      </c>
      <c r="AX24" s="256">
        <v>0</v>
      </c>
      <c r="AY24" s="257">
        <v>111</v>
      </c>
      <c r="AZ24" s="257">
        <v>32</v>
      </c>
      <c r="BA24" s="257">
        <v>111</v>
      </c>
      <c r="BB24" s="257">
        <v>8</v>
      </c>
      <c r="BC24" s="257">
        <v>7</v>
      </c>
      <c r="BD24" s="258">
        <v>269</v>
      </c>
      <c r="BE24" s="259">
        <v>269</v>
      </c>
      <c r="BF24" s="253">
        <v>0</v>
      </c>
      <c r="BG24" s="257">
        <v>0</v>
      </c>
      <c r="BH24" s="254">
        <v>0</v>
      </c>
      <c r="BI24" s="256">
        <v>0</v>
      </c>
      <c r="BJ24" s="257">
        <v>34</v>
      </c>
      <c r="BK24" s="257">
        <v>3</v>
      </c>
      <c r="BL24" s="257">
        <v>22</v>
      </c>
      <c r="BM24" s="257">
        <v>14</v>
      </c>
      <c r="BN24" s="257">
        <v>7</v>
      </c>
      <c r="BO24" s="254">
        <v>80</v>
      </c>
      <c r="BP24" s="259">
        <v>80</v>
      </c>
      <c r="BQ24" s="253">
        <v>0</v>
      </c>
      <c r="BR24" s="257">
        <v>0</v>
      </c>
      <c r="BS24" s="254">
        <v>0</v>
      </c>
      <c r="BT24" s="256">
        <v>0</v>
      </c>
      <c r="BU24" s="257">
        <v>10</v>
      </c>
      <c r="BV24" s="257">
        <v>0</v>
      </c>
      <c r="BW24" s="257">
        <v>0</v>
      </c>
      <c r="BX24" s="257">
        <v>14</v>
      </c>
      <c r="BY24" s="257">
        <v>0</v>
      </c>
      <c r="BZ24" s="254">
        <v>24</v>
      </c>
      <c r="CA24" s="259">
        <v>24</v>
      </c>
      <c r="CB24" s="253">
        <v>0</v>
      </c>
      <c r="CC24" s="257">
        <v>0</v>
      </c>
      <c r="CD24" s="254">
        <v>0</v>
      </c>
      <c r="CE24" s="256">
        <v>0</v>
      </c>
      <c r="CF24" s="257">
        <v>3</v>
      </c>
      <c r="CG24" s="257">
        <v>0</v>
      </c>
      <c r="CH24" s="257">
        <v>0</v>
      </c>
      <c r="CI24" s="257">
        <v>0</v>
      </c>
      <c r="CJ24" s="257">
        <v>0</v>
      </c>
      <c r="CK24" s="254">
        <v>3</v>
      </c>
      <c r="CL24" s="259">
        <v>3</v>
      </c>
      <c r="CM24" s="253">
        <v>0</v>
      </c>
      <c r="CN24" s="257">
        <v>0</v>
      </c>
      <c r="CO24" s="254">
        <v>0</v>
      </c>
      <c r="CP24" s="256">
        <v>0</v>
      </c>
      <c r="CQ24" s="257">
        <v>0</v>
      </c>
      <c r="CR24" s="257">
        <v>0</v>
      </c>
      <c r="CS24" s="257">
        <v>0</v>
      </c>
      <c r="CT24" s="257">
        <v>0</v>
      </c>
      <c r="CU24" s="257">
        <v>0</v>
      </c>
      <c r="CV24" s="254">
        <v>0</v>
      </c>
      <c r="CW24" s="259">
        <v>0</v>
      </c>
      <c r="CX24" s="253">
        <v>0</v>
      </c>
      <c r="CY24" s="257">
        <v>0</v>
      </c>
      <c r="CZ24" s="254">
        <v>0</v>
      </c>
      <c r="DA24" s="256">
        <v>0</v>
      </c>
      <c r="DB24" s="257">
        <v>0</v>
      </c>
      <c r="DC24" s="257">
        <v>0</v>
      </c>
      <c r="DD24" s="257">
        <v>0</v>
      </c>
      <c r="DE24" s="257">
        <v>0</v>
      </c>
      <c r="DF24" s="257">
        <v>0</v>
      </c>
      <c r="DG24" s="254">
        <v>0</v>
      </c>
      <c r="DH24" s="259">
        <v>0</v>
      </c>
    </row>
    <row r="25" spans="2:112" ht="21" customHeight="1" x14ac:dyDescent="0.2">
      <c r="B25" s="437" t="s">
        <v>23</v>
      </c>
      <c r="C25" s="253">
        <v>0</v>
      </c>
      <c r="D25" s="257">
        <v>0</v>
      </c>
      <c r="E25" s="340">
        <v>0</v>
      </c>
      <c r="F25" s="256">
        <v>0</v>
      </c>
      <c r="G25" s="257">
        <v>53</v>
      </c>
      <c r="H25" s="257">
        <v>167</v>
      </c>
      <c r="I25" s="257">
        <v>152</v>
      </c>
      <c r="J25" s="257">
        <v>29</v>
      </c>
      <c r="K25" s="257">
        <v>20</v>
      </c>
      <c r="L25" s="258">
        <v>421</v>
      </c>
      <c r="M25" s="259">
        <v>421</v>
      </c>
      <c r="N25" s="253">
        <v>0</v>
      </c>
      <c r="O25" s="257">
        <v>0</v>
      </c>
      <c r="P25" s="254">
        <v>0</v>
      </c>
      <c r="Q25" s="256">
        <v>0</v>
      </c>
      <c r="R25" s="257">
        <v>0</v>
      </c>
      <c r="S25" s="257">
        <v>0</v>
      </c>
      <c r="T25" s="257">
        <v>0</v>
      </c>
      <c r="U25" s="257">
        <v>16</v>
      </c>
      <c r="V25" s="257">
        <v>0</v>
      </c>
      <c r="W25" s="254">
        <v>16</v>
      </c>
      <c r="X25" s="259">
        <v>16</v>
      </c>
      <c r="Y25" s="253">
        <v>28</v>
      </c>
      <c r="Z25" s="257">
        <v>27</v>
      </c>
      <c r="AA25" s="254">
        <v>55</v>
      </c>
      <c r="AB25" s="256">
        <v>0</v>
      </c>
      <c r="AC25" s="257">
        <v>8</v>
      </c>
      <c r="AD25" s="257">
        <v>87</v>
      </c>
      <c r="AE25" s="257">
        <v>9</v>
      </c>
      <c r="AF25" s="257">
        <v>54</v>
      </c>
      <c r="AG25" s="257">
        <v>13</v>
      </c>
      <c r="AH25" s="254">
        <v>171</v>
      </c>
      <c r="AI25" s="259">
        <v>226</v>
      </c>
      <c r="AJ25" s="253">
        <v>0</v>
      </c>
      <c r="AK25" s="257">
        <v>8</v>
      </c>
      <c r="AL25" s="254">
        <v>8</v>
      </c>
      <c r="AM25" s="256">
        <v>0</v>
      </c>
      <c r="AN25" s="257">
        <v>0</v>
      </c>
      <c r="AO25" s="257">
        <v>0</v>
      </c>
      <c r="AP25" s="257">
        <v>0</v>
      </c>
      <c r="AQ25" s="257">
        <v>0</v>
      </c>
      <c r="AR25" s="257">
        <v>0</v>
      </c>
      <c r="AS25" s="254">
        <v>0</v>
      </c>
      <c r="AT25" s="259">
        <v>8</v>
      </c>
      <c r="AU25" s="253">
        <v>0</v>
      </c>
      <c r="AV25" s="257">
        <v>0</v>
      </c>
      <c r="AW25" s="254">
        <v>0</v>
      </c>
      <c r="AX25" s="256">
        <v>0</v>
      </c>
      <c r="AY25" s="257">
        <v>101</v>
      </c>
      <c r="AZ25" s="257">
        <v>105</v>
      </c>
      <c r="BA25" s="257">
        <v>59</v>
      </c>
      <c r="BB25" s="257">
        <v>30</v>
      </c>
      <c r="BC25" s="257">
        <v>25</v>
      </c>
      <c r="BD25" s="258">
        <v>320</v>
      </c>
      <c r="BE25" s="259">
        <v>320</v>
      </c>
      <c r="BF25" s="253">
        <v>0</v>
      </c>
      <c r="BG25" s="257">
        <v>0</v>
      </c>
      <c r="BH25" s="254">
        <v>0</v>
      </c>
      <c r="BI25" s="256">
        <v>0</v>
      </c>
      <c r="BJ25" s="257">
        <v>27</v>
      </c>
      <c r="BK25" s="257">
        <v>6</v>
      </c>
      <c r="BL25" s="257">
        <v>0</v>
      </c>
      <c r="BM25" s="257">
        <v>12</v>
      </c>
      <c r="BN25" s="257">
        <v>4</v>
      </c>
      <c r="BO25" s="254">
        <v>49</v>
      </c>
      <c r="BP25" s="259">
        <v>49</v>
      </c>
      <c r="BQ25" s="253">
        <v>0</v>
      </c>
      <c r="BR25" s="257">
        <v>0</v>
      </c>
      <c r="BS25" s="254">
        <v>0</v>
      </c>
      <c r="BT25" s="256">
        <v>0</v>
      </c>
      <c r="BU25" s="257">
        <v>0</v>
      </c>
      <c r="BV25" s="257">
        <v>57</v>
      </c>
      <c r="BW25" s="257">
        <v>29</v>
      </c>
      <c r="BX25" s="257">
        <v>8</v>
      </c>
      <c r="BY25" s="257">
        <v>7</v>
      </c>
      <c r="BZ25" s="254">
        <v>101</v>
      </c>
      <c r="CA25" s="259">
        <v>101</v>
      </c>
      <c r="CB25" s="253">
        <v>0</v>
      </c>
      <c r="CC25" s="257">
        <v>0</v>
      </c>
      <c r="CD25" s="254">
        <v>0</v>
      </c>
      <c r="CE25" s="256">
        <v>0</v>
      </c>
      <c r="CF25" s="257">
        <v>0</v>
      </c>
      <c r="CG25" s="257">
        <v>0</v>
      </c>
      <c r="CH25" s="257">
        <v>0</v>
      </c>
      <c r="CI25" s="257">
        <v>0</v>
      </c>
      <c r="CJ25" s="257">
        <v>0</v>
      </c>
      <c r="CK25" s="254">
        <v>0</v>
      </c>
      <c r="CL25" s="259">
        <v>0</v>
      </c>
      <c r="CM25" s="253">
        <v>0</v>
      </c>
      <c r="CN25" s="257">
        <v>0</v>
      </c>
      <c r="CO25" s="254">
        <v>0</v>
      </c>
      <c r="CP25" s="256">
        <v>0</v>
      </c>
      <c r="CQ25" s="257">
        <v>0</v>
      </c>
      <c r="CR25" s="257">
        <v>0</v>
      </c>
      <c r="CS25" s="257">
        <v>0</v>
      </c>
      <c r="CT25" s="257">
        <v>0</v>
      </c>
      <c r="CU25" s="257">
        <v>0</v>
      </c>
      <c r="CV25" s="254">
        <v>0</v>
      </c>
      <c r="CW25" s="259">
        <v>0</v>
      </c>
      <c r="CX25" s="253">
        <v>0</v>
      </c>
      <c r="CY25" s="257">
        <v>0</v>
      </c>
      <c r="CZ25" s="254">
        <v>0</v>
      </c>
      <c r="DA25" s="256">
        <v>0</v>
      </c>
      <c r="DB25" s="257">
        <v>0</v>
      </c>
      <c r="DC25" s="257">
        <v>0</v>
      </c>
      <c r="DD25" s="257">
        <v>0</v>
      </c>
      <c r="DE25" s="257">
        <v>0</v>
      </c>
      <c r="DF25" s="257">
        <v>0</v>
      </c>
      <c r="DG25" s="254">
        <v>0</v>
      </c>
      <c r="DH25" s="259">
        <v>0</v>
      </c>
    </row>
    <row r="26" spans="2:112" ht="21" customHeight="1" x14ac:dyDescent="0.2">
      <c r="B26" s="437" t="s">
        <v>24</v>
      </c>
      <c r="C26" s="253">
        <v>0</v>
      </c>
      <c r="D26" s="257">
        <v>0</v>
      </c>
      <c r="E26" s="340">
        <v>0</v>
      </c>
      <c r="F26" s="256">
        <v>0</v>
      </c>
      <c r="G26" s="257">
        <v>160</v>
      </c>
      <c r="H26" s="257">
        <v>49</v>
      </c>
      <c r="I26" s="257">
        <v>157</v>
      </c>
      <c r="J26" s="257">
        <v>184</v>
      </c>
      <c r="K26" s="257">
        <v>96</v>
      </c>
      <c r="L26" s="258">
        <v>646</v>
      </c>
      <c r="M26" s="259">
        <v>646</v>
      </c>
      <c r="N26" s="253">
        <v>0</v>
      </c>
      <c r="O26" s="257">
        <v>0</v>
      </c>
      <c r="P26" s="254">
        <v>0</v>
      </c>
      <c r="Q26" s="256">
        <v>0</v>
      </c>
      <c r="R26" s="257">
        <v>0</v>
      </c>
      <c r="S26" s="257">
        <v>0</v>
      </c>
      <c r="T26" s="257">
        <v>0</v>
      </c>
      <c r="U26" s="257">
        <v>15</v>
      </c>
      <c r="V26" s="257">
        <v>13</v>
      </c>
      <c r="W26" s="254">
        <v>28</v>
      </c>
      <c r="X26" s="259">
        <v>28</v>
      </c>
      <c r="Y26" s="253">
        <v>2</v>
      </c>
      <c r="Z26" s="257">
        <v>37</v>
      </c>
      <c r="AA26" s="254">
        <v>39</v>
      </c>
      <c r="AB26" s="256">
        <v>0</v>
      </c>
      <c r="AC26" s="257">
        <v>95</v>
      </c>
      <c r="AD26" s="257">
        <v>39</v>
      </c>
      <c r="AE26" s="257">
        <v>19</v>
      </c>
      <c r="AF26" s="257">
        <v>78</v>
      </c>
      <c r="AG26" s="257">
        <v>8</v>
      </c>
      <c r="AH26" s="254">
        <v>239</v>
      </c>
      <c r="AI26" s="259">
        <v>278</v>
      </c>
      <c r="AJ26" s="253">
        <v>0</v>
      </c>
      <c r="AK26" s="257">
        <v>0</v>
      </c>
      <c r="AL26" s="254">
        <v>0</v>
      </c>
      <c r="AM26" s="256">
        <v>0</v>
      </c>
      <c r="AN26" s="257">
        <v>12</v>
      </c>
      <c r="AO26" s="257">
        <v>16</v>
      </c>
      <c r="AP26" s="257">
        <v>16</v>
      </c>
      <c r="AQ26" s="257">
        <v>0</v>
      </c>
      <c r="AR26" s="257">
        <v>0</v>
      </c>
      <c r="AS26" s="254">
        <v>44</v>
      </c>
      <c r="AT26" s="259">
        <v>44</v>
      </c>
      <c r="AU26" s="253">
        <v>0</v>
      </c>
      <c r="AV26" s="257">
        <v>0</v>
      </c>
      <c r="AW26" s="254">
        <v>0</v>
      </c>
      <c r="AX26" s="256">
        <v>0</v>
      </c>
      <c r="AY26" s="257">
        <v>122</v>
      </c>
      <c r="AZ26" s="257">
        <v>85</v>
      </c>
      <c r="BA26" s="257">
        <v>32</v>
      </c>
      <c r="BB26" s="257">
        <v>8</v>
      </c>
      <c r="BC26" s="257">
        <v>3</v>
      </c>
      <c r="BD26" s="258">
        <v>250</v>
      </c>
      <c r="BE26" s="259">
        <v>250</v>
      </c>
      <c r="BF26" s="253">
        <v>0</v>
      </c>
      <c r="BG26" s="257">
        <v>0</v>
      </c>
      <c r="BH26" s="254">
        <v>0</v>
      </c>
      <c r="BI26" s="256">
        <v>0</v>
      </c>
      <c r="BJ26" s="257">
        <v>13</v>
      </c>
      <c r="BK26" s="257">
        <v>42</v>
      </c>
      <c r="BL26" s="257">
        <v>65</v>
      </c>
      <c r="BM26" s="257">
        <v>6</v>
      </c>
      <c r="BN26" s="257">
        <v>0</v>
      </c>
      <c r="BO26" s="254">
        <v>126</v>
      </c>
      <c r="BP26" s="259">
        <v>126</v>
      </c>
      <c r="BQ26" s="253">
        <v>0</v>
      </c>
      <c r="BR26" s="257">
        <v>0</v>
      </c>
      <c r="BS26" s="254">
        <v>0</v>
      </c>
      <c r="BT26" s="256">
        <v>0</v>
      </c>
      <c r="BU26" s="257">
        <v>4</v>
      </c>
      <c r="BV26" s="257">
        <v>34</v>
      </c>
      <c r="BW26" s="257">
        <v>0</v>
      </c>
      <c r="BX26" s="257">
        <v>0</v>
      </c>
      <c r="BY26" s="257">
        <v>15</v>
      </c>
      <c r="BZ26" s="254">
        <v>53</v>
      </c>
      <c r="CA26" s="259">
        <v>53</v>
      </c>
      <c r="CB26" s="253">
        <v>0</v>
      </c>
      <c r="CC26" s="257">
        <v>0</v>
      </c>
      <c r="CD26" s="254">
        <v>0</v>
      </c>
      <c r="CE26" s="256">
        <v>0</v>
      </c>
      <c r="CF26" s="257">
        <v>3</v>
      </c>
      <c r="CG26" s="257">
        <v>0</v>
      </c>
      <c r="CH26" s="257">
        <v>0</v>
      </c>
      <c r="CI26" s="257">
        <v>0</v>
      </c>
      <c r="CJ26" s="257">
        <v>0</v>
      </c>
      <c r="CK26" s="254">
        <v>3</v>
      </c>
      <c r="CL26" s="259">
        <v>3</v>
      </c>
      <c r="CM26" s="253">
        <v>0</v>
      </c>
      <c r="CN26" s="257">
        <v>0</v>
      </c>
      <c r="CO26" s="254">
        <v>0</v>
      </c>
      <c r="CP26" s="256">
        <v>0</v>
      </c>
      <c r="CQ26" s="257">
        <v>0</v>
      </c>
      <c r="CR26" s="257">
        <v>0</v>
      </c>
      <c r="CS26" s="257">
        <v>0</v>
      </c>
      <c r="CT26" s="257">
        <v>0</v>
      </c>
      <c r="CU26" s="257">
        <v>0</v>
      </c>
      <c r="CV26" s="254">
        <v>0</v>
      </c>
      <c r="CW26" s="259">
        <v>0</v>
      </c>
      <c r="CX26" s="253">
        <v>0</v>
      </c>
      <c r="CY26" s="257">
        <v>0</v>
      </c>
      <c r="CZ26" s="254">
        <v>0</v>
      </c>
      <c r="DA26" s="256">
        <v>0</v>
      </c>
      <c r="DB26" s="257">
        <v>0</v>
      </c>
      <c r="DC26" s="257">
        <v>0</v>
      </c>
      <c r="DD26" s="257">
        <v>0</v>
      </c>
      <c r="DE26" s="257">
        <v>0</v>
      </c>
      <c r="DF26" s="257">
        <v>0</v>
      </c>
      <c r="DG26" s="254">
        <v>0</v>
      </c>
      <c r="DH26" s="259">
        <v>0</v>
      </c>
    </row>
    <row r="27" spans="2:112" ht="21" customHeight="1" x14ac:dyDescent="0.2">
      <c r="B27" s="437" t="s">
        <v>25</v>
      </c>
      <c r="C27" s="253">
        <v>0</v>
      </c>
      <c r="D27" s="257">
        <v>0</v>
      </c>
      <c r="E27" s="340">
        <v>0</v>
      </c>
      <c r="F27" s="256">
        <v>0</v>
      </c>
      <c r="G27" s="257">
        <v>120</v>
      </c>
      <c r="H27" s="257">
        <v>52</v>
      </c>
      <c r="I27" s="257">
        <v>49</v>
      </c>
      <c r="J27" s="257">
        <v>1</v>
      </c>
      <c r="K27" s="257">
        <v>1</v>
      </c>
      <c r="L27" s="258">
        <v>223</v>
      </c>
      <c r="M27" s="259">
        <v>223</v>
      </c>
      <c r="N27" s="253">
        <v>0</v>
      </c>
      <c r="O27" s="257">
        <v>0</v>
      </c>
      <c r="P27" s="254">
        <v>0</v>
      </c>
      <c r="Q27" s="256">
        <v>0</v>
      </c>
      <c r="R27" s="257">
        <v>0</v>
      </c>
      <c r="S27" s="257">
        <v>0</v>
      </c>
      <c r="T27" s="257">
        <v>4</v>
      </c>
      <c r="U27" s="257">
        <v>11</v>
      </c>
      <c r="V27" s="257">
        <v>0</v>
      </c>
      <c r="W27" s="254">
        <v>15</v>
      </c>
      <c r="X27" s="259">
        <v>15</v>
      </c>
      <c r="Y27" s="253">
        <v>2</v>
      </c>
      <c r="Z27" s="257">
        <v>26</v>
      </c>
      <c r="AA27" s="254">
        <v>28</v>
      </c>
      <c r="AB27" s="256">
        <v>0</v>
      </c>
      <c r="AC27" s="257">
        <v>16</v>
      </c>
      <c r="AD27" s="257">
        <v>43</v>
      </c>
      <c r="AE27" s="257">
        <v>51</v>
      </c>
      <c r="AF27" s="257">
        <v>6</v>
      </c>
      <c r="AG27" s="257">
        <v>9</v>
      </c>
      <c r="AH27" s="254">
        <v>125</v>
      </c>
      <c r="AI27" s="259">
        <v>153</v>
      </c>
      <c r="AJ27" s="253">
        <v>0</v>
      </c>
      <c r="AK27" s="257">
        <v>24</v>
      </c>
      <c r="AL27" s="254">
        <v>24</v>
      </c>
      <c r="AM27" s="256">
        <v>0</v>
      </c>
      <c r="AN27" s="257">
        <v>0</v>
      </c>
      <c r="AO27" s="257">
        <v>0</v>
      </c>
      <c r="AP27" s="257">
        <v>0</v>
      </c>
      <c r="AQ27" s="257">
        <v>0</v>
      </c>
      <c r="AR27" s="257">
        <v>0</v>
      </c>
      <c r="AS27" s="254">
        <v>0</v>
      </c>
      <c r="AT27" s="259">
        <v>24</v>
      </c>
      <c r="AU27" s="253">
        <v>0</v>
      </c>
      <c r="AV27" s="257">
        <v>0</v>
      </c>
      <c r="AW27" s="254">
        <v>0</v>
      </c>
      <c r="AX27" s="256">
        <v>0</v>
      </c>
      <c r="AY27" s="257">
        <v>68</v>
      </c>
      <c r="AZ27" s="257">
        <v>13</v>
      </c>
      <c r="BA27" s="257">
        <v>4</v>
      </c>
      <c r="BB27" s="257">
        <v>0</v>
      </c>
      <c r="BC27" s="257">
        <v>0</v>
      </c>
      <c r="BD27" s="258">
        <v>85</v>
      </c>
      <c r="BE27" s="259">
        <v>85</v>
      </c>
      <c r="BF27" s="253">
        <v>0</v>
      </c>
      <c r="BG27" s="257">
        <v>0</v>
      </c>
      <c r="BH27" s="254">
        <v>0</v>
      </c>
      <c r="BI27" s="256">
        <v>0</v>
      </c>
      <c r="BJ27" s="257">
        <v>10</v>
      </c>
      <c r="BK27" s="257">
        <v>30</v>
      </c>
      <c r="BL27" s="257">
        <v>29</v>
      </c>
      <c r="BM27" s="257">
        <v>14</v>
      </c>
      <c r="BN27" s="257">
        <v>7</v>
      </c>
      <c r="BO27" s="254">
        <v>90</v>
      </c>
      <c r="BP27" s="259">
        <v>90</v>
      </c>
      <c r="BQ27" s="253">
        <v>0</v>
      </c>
      <c r="BR27" s="257">
        <v>3</v>
      </c>
      <c r="BS27" s="254">
        <v>3</v>
      </c>
      <c r="BT27" s="256">
        <v>0</v>
      </c>
      <c r="BU27" s="257">
        <v>32</v>
      </c>
      <c r="BV27" s="257">
        <v>2</v>
      </c>
      <c r="BW27" s="257">
        <v>0</v>
      </c>
      <c r="BX27" s="257">
        <v>2</v>
      </c>
      <c r="BY27" s="257">
        <v>0</v>
      </c>
      <c r="BZ27" s="254">
        <v>36</v>
      </c>
      <c r="CA27" s="259">
        <v>39</v>
      </c>
      <c r="CB27" s="253">
        <v>0</v>
      </c>
      <c r="CC27" s="257">
        <v>0</v>
      </c>
      <c r="CD27" s="254">
        <v>0</v>
      </c>
      <c r="CE27" s="256">
        <v>0</v>
      </c>
      <c r="CF27" s="257">
        <v>0</v>
      </c>
      <c r="CG27" s="257">
        <v>0</v>
      </c>
      <c r="CH27" s="257">
        <v>5</v>
      </c>
      <c r="CI27" s="257">
        <v>0</v>
      </c>
      <c r="CJ27" s="257">
        <v>0</v>
      </c>
      <c r="CK27" s="254">
        <v>5</v>
      </c>
      <c r="CL27" s="259">
        <v>5</v>
      </c>
      <c r="CM27" s="253">
        <v>0</v>
      </c>
      <c r="CN27" s="257">
        <v>0</v>
      </c>
      <c r="CO27" s="254">
        <v>0</v>
      </c>
      <c r="CP27" s="256">
        <v>0</v>
      </c>
      <c r="CQ27" s="257">
        <v>0</v>
      </c>
      <c r="CR27" s="257">
        <v>0</v>
      </c>
      <c r="CS27" s="257">
        <v>0</v>
      </c>
      <c r="CT27" s="257">
        <v>0</v>
      </c>
      <c r="CU27" s="257">
        <v>0</v>
      </c>
      <c r="CV27" s="254">
        <v>0</v>
      </c>
      <c r="CW27" s="259">
        <v>0</v>
      </c>
      <c r="CX27" s="253">
        <v>0</v>
      </c>
      <c r="CY27" s="257">
        <v>0</v>
      </c>
      <c r="CZ27" s="254">
        <v>0</v>
      </c>
      <c r="DA27" s="256">
        <v>0</v>
      </c>
      <c r="DB27" s="257">
        <v>0</v>
      </c>
      <c r="DC27" s="257">
        <v>0</v>
      </c>
      <c r="DD27" s="257">
        <v>0</v>
      </c>
      <c r="DE27" s="257">
        <v>0</v>
      </c>
      <c r="DF27" s="257">
        <v>0</v>
      </c>
      <c r="DG27" s="254">
        <v>0</v>
      </c>
      <c r="DH27" s="259">
        <v>0</v>
      </c>
    </row>
    <row r="28" spans="2:112" ht="21" customHeight="1" x14ac:dyDescent="0.2">
      <c r="B28" s="437" t="s">
        <v>26</v>
      </c>
      <c r="C28" s="253">
        <v>0</v>
      </c>
      <c r="D28" s="257">
        <v>0</v>
      </c>
      <c r="E28" s="340">
        <v>0</v>
      </c>
      <c r="F28" s="256">
        <v>0</v>
      </c>
      <c r="G28" s="257">
        <v>95</v>
      </c>
      <c r="H28" s="257">
        <v>33</v>
      </c>
      <c r="I28" s="257">
        <v>93</v>
      </c>
      <c r="J28" s="257">
        <v>211</v>
      </c>
      <c r="K28" s="257">
        <v>98</v>
      </c>
      <c r="L28" s="258">
        <v>530</v>
      </c>
      <c r="M28" s="259">
        <v>530</v>
      </c>
      <c r="N28" s="253">
        <v>0</v>
      </c>
      <c r="O28" s="257">
        <v>0</v>
      </c>
      <c r="P28" s="254">
        <v>0</v>
      </c>
      <c r="Q28" s="256">
        <v>0</v>
      </c>
      <c r="R28" s="257">
        <v>0</v>
      </c>
      <c r="S28" s="257">
        <v>0</v>
      </c>
      <c r="T28" s="257">
        <v>0</v>
      </c>
      <c r="U28" s="257">
        <v>8</v>
      </c>
      <c r="V28" s="257">
        <v>0</v>
      </c>
      <c r="W28" s="254">
        <v>8</v>
      </c>
      <c r="X28" s="259">
        <v>8</v>
      </c>
      <c r="Y28" s="253">
        <v>4</v>
      </c>
      <c r="Z28" s="257">
        <v>0</v>
      </c>
      <c r="AA28" s="254">
        <v>4</v>
      </c>
      <c r="AB28" s="256">
        <v>0</v>
      </c>
      <c r="AC28" s="257">
        <v>22</v>
      </c>
      <c r="AD28" s="257">
        <v>13</v>
      </c>
      <c r="AE28" s="257">
        <v>7</v>
      </c>
      <c r="AF28" s="257">
        <v>18</v>
      </c>
      <c r="AG28" s="257">
        <v>25</v>
      </c>
      <c r="AH28" s="254">
        <v>85</v>
      </c>
      <c r="AI28" s="259">
        <v>89</v>
      </c>
      <c r="AJ28" s="253">
        <v>0</v>
      </c>
      <c r="AK28" s="257">
        <v>0</v>
      </c>
      <c r="AL28" s="254">
        <v>0</v>
      </c>
      <c r="AM28" s="256">
        <v>0</v>
      </c>
      <c r="AN28" s="257">
        <v>0</v>
      </c>
      <c r="AO28" s="257">
        <v>12</v>
      </c>
      <c r="AP28" s="257">
        <v>0</v>
      </c>
      <c r="AQ28" s="257">
        <v>0</v>
      </c>
      <c r="AR28" s="257">
        <v>0</v>
      </c>
      <c r="AS28" s="254">
        <v>12</v>
      </c>
      <c r="AT28" s="259">
        <v>12</v>
      </c>
      <c r="AU28" s="253">
        <v>0</v>
      </c>
      <c r="AV28" s="257">
        <v>0</v>
      </c>
      <c r="AW28" s="254">
        <v>0</v>
      </c>
      <c r="AX28" s="256">
        <v>0</v>
      </c>
      <c r="AY28" s="257">
        <v>27</v>
      </c>
      <c r="AZ28" s="257">
        <v>36</v>
      </c>
      <c r="BA28" s="257">
        <v>54</v>
      </c>
      <c r="BB28" s="257">
        <v>54</v>
      </c>
      <c r="BC28" s="257">
        <v>0</v>
      </c>
      <c r="BD28" s="258">
        <v>171</v>
      </c>
      <c r="BE28" s="259">
        <v>171</v>
      </c>
      <c r="BF28" s="253">
        <v>0</v>
      </c>
      <c r="BG28" s="257">
        <v>0</v>
      </c>
      <c r="BH28" s="254">
        <v>0</v>
      </c>
      <c r="BI28" s="256">
        <v>0</v>
      </c>
      <c r="BJ28" s="257">
        <v>22</v>
      </c>
      <c r="BK28" s="257">
        <v>11</v>
      </c>
      <c r="BL28" s="257">
        <v>0</v>
      </c>
      <c r="BM28" s="257">
        <v>7</v>
      </c>
      <c r="BN28" s="257">
        <v>0</v>
      </c>
      <c r="BO28" s="254">
        <v>40</v>
      </c>
      <c r="BP28" s="259">
        <v>40</v>
      </c>
      <c r="BQ28" s="253">
        <v>0</v>
      </c>
      <c r="BR28" s="257">
        <v>0</v>
      </c>
      <c r="BS28" s="254">
        <v>0</v>
      </c>
      <c r="BT28" s="256">
        <v>0</v>
      </c>
      <c r="BU28" s="257">
        <v>14</v>
      </c>
      <c r="BV28" s="257">
        <v>19</v>
      </c>
      <c r="BW28" s="257">
        <v>0</v>
      </c>
      <c r="BX28" s="257">
        <v>0</v>
      </c>
      <c r="BY28" s="257">
        <v>3</v>
      </c>
      <c r="BZ28" s="254">
        <v>36</v>
      </c>
      <c r="CA28" s="259">
        <v>36</v>
      </c>
      <c r="CB28" s="253">
        <v>0</v>
      </c>
      <c r="CC28" s="257">
        <v>0</v>
      </c>
      <c r="CD28" s="254">
        <v>0</v>
      </c>
      <c r="CE28" s="256">
        <v>0</v>
      </c>
      <c r="CF28" s="257">
        <v>0</v>
      </c>
      <c r="CG28" s="257">
        <v>0</v>
      </c>
      <c r="CH28" s="257">
        <v>8</v>
      </c>
      <c r="CI28" s="257">
        <v>10</v>
      </c>
      <c r="CJ28" s="257">
        <v>0</v>
      </c>
      <c r="CK28" s="254">
        <v>18</v>
      </c>
      <c r="CL28" s="259">
        <v>18</v>
      </c>
      <c r="CM28" s="253">
        <v>0</v>
      </c>
      <c r="CN28" s="257">
        <v>0</v>
      </c>
      <c r="CO28" s="254">
        <v>0</v>
      </c>
      <c r="CP28" s="256">
        <v>0</v>
      </c>
      <c r="CQ28" s="257">
        <v>0</v>
      </c>
      <c r="CR28" s="257">
        <v>0</v>
      </c>
      <c r="CS28" s="257">
        <v>0</v>
      </c>
      <c r="CT28" s="257">
        <v>0</v>
      </c>
      <c r="CU28" s="257">
        <v>0</v>
      </c>
      <c r="CV28" s="254">
        <v>0</v>
      </c>
      <c r="CW28" s="259">
        <v>0</v>
      </c>
      <c r="CX28" s="253">
        <v>0</v>
      </c>
      <c r="CY28" s="257">
        <v>0</v>
      </c>
      <c r="CZ28" s="254">
        <v>0</v>
      </c>
      <c r="DA28" s="256">
        <v>0</v>
      </c>
      <c r="DB28" s="257">
        <v>0</v>
      </c>
      <c r="DC28" s="257">
        <v>0</v>
      </c>
      <c r="DD28" s="257">
        <v>0</v>
      </c>
      <c r="DE28" s="257">
        <v>0</v>
      </c>
      <c r="DF28" s="257">
        <v>0</v>
      </c>
      <c r="DG28" s="254">
        <v>0</v>
      </c>
      <c r="DH28" s="259">
        <v>0</v>
      </c>
    </row>
    <row r="29" spans="2:112" ht="21" customHeight="1" x14ac:dyDescent="0.2">
      <c r="B29" s="437" t="s">
        <v>27</v>
      </c>
      <c r="C29" s="253">
        <v>0</v>
      </c>
      <c r="D29" s="257">
        <v>0</v>
      </c>
      <c r="E29" s="340">
        <v>0</v>
      </c>
      <c r="F29" s="256">
        <v>0</v>
      </c>
      <c r="G29" s="257">
        <v>20</v>
      </c>
      <c r="H29" s="257">
        <v>59</v>
      </c>
      <c r="I29" s="257">
        <v>134</v>
      </c>
      <c r="J29" s="257">
        <v>91</v>
      </c>
      <c r="K29" s="257">
        <v>141</v>
      </c>
      <c r="L29" s="258">
        <v>445</v>
      </c>
      <c r="M29" s="259">
        <v>445</v>
      </c>
      <c r="N29" s="253">
        <v>0</v>
      </c>
      <c r="O29" s="257">
        <v>0</v>
      </c>
      <c r="P29" s="254">
        <v>0</v>
      </c>
      <c r="Q29" s="256">
        <v>0</v>
      </c>
      <c r="R29" s="257">
        <v>0</v>
      </c>
      <c r="S29" s="257">
        <v>0</v>
      </c>
      <c r="T29" s="257">
        <v>0</v>
      </c>
      <c r="U29" s="257">
        <v>0</v>
      </c>
      <c r="V29" s="257">
        <v>0</v>
      </c>
      <c r="W29" s="254">
        <v>0</v>
      </c>
      <c r="X29" s="259">
        <v>0</v>
      </c>
      <c r="Y29" s="253">
        <v>0</v>
      </c>
      <c r="Z29" s="257">
        <v>42</v>
      </c>
      <c r="AA29" s="254">
        <v>42</v>
      </c>
      <c r="AB29" s="256">
        <v>0</v>
      </c>
      <c r="AC29" s="257">
        <v>52</v>
      </c>
      <c r="AD29" s="257">
        <v>35</v>
      </c>
      <c r="AE29" s="257">
        <v>5</v>
      </c>
      <c r="AF29" s="257">
        <v>45</v>
      </c>
      <c r="AG29" s="257">
        <v>21</v>
      </c>
      <c r="AH29" s="254">
        <v>158</v>
      </c>
      <c r="AI29" s="259">
        <v>200</v>
      </c>
      <c r="AJ29" s="253">
        <v>0</v>
      </c>
      <c r="AK29" s="257">
        <v>0</v>
      </c>
      <c r="AL29" s="254">
        <v>0</v>
      </c>
      <c r="AM29" s="256">
        <v>0</v>
      </c>
      <c r="AN29" s="257">
        <v>0</v>
      </c>
      <c r="AO29" s="257">
        <v>12</v>
      </c>
      <c r="AP29" s="257">
        <v>0</v>
      </c>
      <c r="AQ29" s="257">
        <v>0</v>
      </c>
      <c r="AR29" s="257">
        <v>0</v>
      </c>
      <c r="AS29" s="254">
        <v>12</v>
      </c>
      <c r="AT29" s="259">
        <v>12</v>
      </c>
      <c r="AU29" s="253">
        <v>0</v>
      </c>
      <c r="AV29" s="257">
        <v>0</v>
      </c>
      <c r="AW29" s="254">
        <v>0</v>
      </c>
      <c r="AX29" s="256">
        <v>0</v>
      </c>
      <c r="AY29" s="257">
        <v>68</v>
      </c>
      <c r="AZ29" s="257">
        <v>42</v>
      </c>
      <c r="BA29" s="257">
        <v>36</v>
      </c>
      <c r="BB29" s="257">
        <v>40</v>
      </c>
      <c r="BC29" s="257">
        <v>0</v>
      </c>
      <c r="BD29" s="258">
        <v>186</v>
      </c>
      <c r="BE29" s="259">
        <v>186</v>
      </c>
      <c r="BF29" s="253">
        <v>0</v>
      </c>
      <c r="BG29" s="257">
        <v>0</v>
      </c>
      <c r="BH29" s="254">
        <v>0</v>
      </c>
      <c r="BI29" s="256">
        <v>0</v>
      </c>
      <c r="BJ29" s="257">
        <v>19</v>
      </c>
      <c r="BK29" s="257">
        <v>18</v>
      </c>
      <c r="BL29" s="257">
        <v>8</v>
      </c>
      <c r="BM29" s="257">
        <v>0</v>
      </c>
      <c r="BN29" s="257">
        <v>0</v>
      </c>
      <c r="BO29" s="254">
        <v>45</v>
      </c>
      <c r="BP29" s="259">
        <v>45</v>
      </c>
      <c r="BQ29" s="253">
        <v>0</v>
      </c>
      <c r="BR29" s="257">
        <v>0</v>
      </c>
      <c r="BS29" s="254">
        <v>0</v>
      </c>
      <c r="BT29" s="256">
        <v>0</v>
      </c>
      <c r="BU29" s="257">
        <v>3</v>
      </c>
      <c r="BV29" s="257">
        <v>0</v>
      </c>
      <c r="BW29" s="257">
        <v>12</v>
      </c>
      <c r="BX29" s="257">
        <v>4</v>
      </c>
      <c r="BY29" s="257">
        <v>0</v>
      </c>
      <c r="BZ29" s="254">
        <v>19</v>
      </c>
      <c r="CA29" s="259">
        <v>19</v>
      </c>
      <c r="CB29" s="253">
        <v>0</v>
      </c>
      <c r="CC29" s="257">
        <v>0</v>
      </c>
      <c r="CD29" s="254">
        <v>0</v>
      </c>
      <c r="CE29" s="256">
        <v>0</v>
      </c>
      <c r="CF29" s="257">
        <v>0</v>
      </c>
      <c r="CG29" s="257">
        <v>0</v>
      </c>
      <c r="CH29" s="257">
        <v>0</v>
      </c>
      <c r="CI29" s="257">
        <v>0</v>
      </c>
      <c r="CJ29" s="257">
        <v>0</v>
      </c>
      <c r="CK29" s="254">
        <v>0</v>
      </c>
      <c r="CL29" s="259">
        <v>0</v>
      </c>
      <c r="CM29" s="253">
        <v>0</v>
      </c>
      <c r="CN29" s="257">
        <v>0</v>
      </c>
      <c r="CO29" s="254">
        <v>0</v>
      </c>
      <c r="CP29" s="256">
        <v>0</v>
      </c>
      <c r="CQ29" s="257">
        <v>0</v>
      </c>
      <c r="CR29" s="257">
        <v>0</v>
      </c>
      <c r="CS29" s="257">
        <v>0</v>
      </c>
      <c r="CT29" s="257">
        <v>0</v>
      </c>
      <c r="CU29" s="257">
        <v>0</v>
      </c>
      <c r="CV29" s="254">
        <v>0</v>
      </c>
      <c r="CW29" s="259">
        <v>0</v>
      </c>
      <c r="CX29" s="253">
        <v>0</v>
      </c>
      <c r="CY29" s="257">
        <v>0</v>
      </c>
      <c r="CZ29" s="254">
        <v>0</v>
      </c>
      <c r="DA29" s="256">
        <v>0</v>
      </c>
      <c r="DB29" s="257">
        <v>0</v>
      </c>
      <c r="DC29" s="257">
        <v>0</v>
      </c>
      <c r="DD29" s="257">
        <v>0</v>
      </c>
      <c r="DE29" s="257">
        <v>0</v>
      </c>
      <c r="DF29" s="257">
        <v>0</v>
      </c>
      <c r="DG29" s="254">
        <v>0</v>
      </c>
      <c r="DH29" s="259">
        <v>0</v>
      </c>
    </row>
    <row r="30" spans="2:112" ht="21" customHeight="1" x14ac:dyDescent="0.2">
      <c r="B30" s="437" t="s">
        <v>28</v>
      </c>
      <c r="C30" s="253">
        <v>0</v>
      </c>
      <c r="D30" s="257">
        <v>0</v>
      </c>
      <c r="E30" s="340">
        <v>0</v>
      </c>
      <c r="F30" s="256">
        <v>0</v>
      </c>
      <c r="G30" s="257">
        <v>0</v>
      </c>
      <c r="H30" s="257">
        <v>0</v>
      </c>
      <c r="I30" s="257">
        <v>90</v>
      </c>
      <c r="J30" s="257">
        <v>0</v>
      </c>
      <c r="K30" s="257">
        <v>0</v>
      </c>
      <c r="L30" s="258">
        <v>90</v>
      </c>
      <c r="M30" s="259">
        <v>90</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15</v>
      </c>
      <c r="AD30" s="257">
        <v>0</v>
      </c>
      <c r="AE30" s="257">
        <v>8</v>
      </c>
      <c r="AF30" s="257">
        <v>0</v>
      </c>
      <c r="AG30" s="257">
        <v>0</v>
      </c>
      <c r="AH30" s="254">
        <v>23</v>
      </c>
      <c r="AI30" s="259">
        <v>23</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0</v>
      </c>
      <c r="AZ30" s="257">
        <v>30</v>
      </c>
      <c r="BA30" s="257">
        <v>0</v>
      </c>
      <c r="BB30" s="257">
        <v>0</v>
      </c>
      <c r="BC30" s="257">
        <v>0</v>
      </c>
      <c r="BD30" s="258">
        <v>30</v>
      </c>
      <c r="BE30" s="259">
        <v>30</v>
      </c>
      <c r="BF30" s="253">
        <v>0</v>
      </c>
      <c r="BG30" s="257">
        <v>0</v>
      </c>
      <c r="BH30" s="254">
        <v>0</v>
      </c>
      <c r="BI30" s="256">
        <v>0</v>
      </c>
      <c r="BJ30" s="257">
        <v>8</v>
      </c>
      <c r="BK30" s="257">
        <v>0</v>
      </c>
      <c r="BL30" s="257">
        <v>5</v>
      </c>
      <c r="BM30" s="257">
        <v>0</v>
      </c>
      <c r="BN30" s="257">
        <v>0</v>
      </c>
      <c r="BO30" s="254">
        <v>13</v>
      </c>
      <c r="BP30" s="259">
        <v>13</v>
      </c>
      <c r="BQ30" s="253">
        <v>0</v>
      </c>
      <c r="BR30" s="257">
        <v>0</v>
      </c>
      <c r="BS30" s="254">
        <v>0</v>
      </c>
      <c r="BT30" s="256">
        <v>0</v>
      </c>
      <c r="BU30" s="257">
        <v>0</v>
      </c>
      <c r="BV30" s="257">
        <v>0</v>
      </c>
      <c r="BW30" s="257">
        <v>0</v>
      </c>
      <c r="BX30" s="257">
        <v>0</v>
      </c>
      <c r="BY30" s="257">
        <v>0</v>
      </c>
      <c r="BZ30" s="254">
        <v>0</v>
      </c>
      <c r="CA30" s="259">
        <v>0</v>
      </c>
      <c r="CB30" s="253">
        <v>0</v>
      </c>
      <c r="CC30" s="257">
        <v>0</v>
      </c>
      <c r="CD30" s="254">
        <v>0</v>
      </c>
      <c r="CE30" s="256">
        <v>0</v>
      </c>
      <c r="CF30" s="257">
        <v>0</v>
      </c>
      <c r="CG30" s="257">
        <v>0</v>
      </c>
      <c r="CH30" s="257">
        <v>14</v>
      </c>
      <c r="CI30" s="257">
        <v>0</v>
      </c>
      <c r="CJ30" s="257">
        <v>0</v>
      </c>
      <c r="CK30" s="254">
        <v>14</v>
      </c>
      <c r="CL30" s="259">
        <v>14</v>
      </c>
      <c r="CM30" s="253">
        <v>0</v>
      </c>
      <c r="CN30" s="257">
        <v>0</v>
      </c>
      <c r="CO30" s="254">
        <v>0</v>
      </c>
      <c r="CP30" s="256">
        <v>0</v>
      </c>
      <c r="CQ30" s="257">
        <v>0</v>
      </c>
      <c r="CR30" s="257">
        <v>0</v>
      </c>
      <c r="CS30" s="257">
        <v>0</v>
      </c>
      <c r="CT30" s="257">
        <v>0</v>
      </c>
      <c r="CU30" s="257">
        <v>0</v>
      </c>
      <c r="CV30" s="254">
        <v>0</v>
      </c>
      <c r="CW30" s="259">
        <v>0</v>
      </c>
      <c r="CX30" s="253">
        <v>0</v>
      </c>
      <c r="CY30" s="257">
        <v>0</v>
      </c>
      <c r="CZ30" s="254">
        <v>0</v>
      </c>
      <c r="DA30" s="256">
        <v>0</v>
      </c>
      <c r="DB30" s="257">
        <v>0</v>
      </c>
      <c r="DC30" s="257">
        <v>0</v>
      </c>
      <c r="DD30" s="257">
        <v>0</v>
      </c>
      <c r="DE30" s="257">
        <v>0</v>
      </c>
      <c r="DF30" s="257">
        <v>0</v>
      </c>
      <c r="DG30" s="254">
        <v>0</v>
      </c>
      <c r="DH30" s="259">
        <v>0</v>
      </c>
    </row>
    <row r="31" spans="2:112" ht="21" customHeight="1" x14ac:dyDescent="0.2">
      <c r="B31" s="437" t="s">
        <v>29</v>
      </c>
      <c r="C31" s="253">
        <v>0</v>
      </c>
      <c r="D31" s="257">
        <v>0</v>
      </c>
      <c r="E31" s="340">
        <v>0</v>
      </c>
      <c r="F31" s="256">
        <v>0</v>
      </c>
      <c r="G31" s="257">
        <v>0</v>
      </c>
      <c r="H31" s="257">
        <v>34</v>
      </c>
      <c r="I31" s="257">
        <v>0</v>
      </c>
      <c r="J31" s="257">
        <v>0</v>
      </c>
      <c r="K31" s="257">
        <v>124</v>
      </c>
      <c r="L31" s="258">
        <v>158</v>
      </c>
      <c r="M31" s="259">
        <v>158</v>
      </c>
      <c r="N31" s="253">
        <v>0</v>
      </c>
      <c r="O31" s="257">
        <v>0</v>
      </c>
      <c r="P31" s="254">
        <v>0</v>
      </c>
      <c r="Q31" s="256">
        <v>0</v>
      </c>
      <c r="R31" s="257">
        <v>0</v>
      </c>
      <c r="S31" s="257">
        <v>0</v>
      </c>
      <c r="T31" s="257">
        <v>0</v>
      </c>
      <c r="U31" s="257">
        <v>0</v>
      </c>
      <c r="V31" s="257">
        <v>5</v>
      </c>
      <c r="W31" s="254">
        <v>5</v>
      </c>
      <c r="X31" s="259">
        <v>5</v>
      </c>
      <c r="Y31" s="253">
        <v>0</v>
      </c>
      <c r="Z31" s="257">
        <v>2</v>
      </c>
      <c r="AA31" s="254">
        <v>2</v>
      </c>
      <c r="AB31" s="256">
        <v>0</v>
      </c>
      <c r="AC31" s="257">
        <v>0</v>
      </c>
      <c r="AD31" s="257">
        <v>6</v>
      </c>
      <c r="AE31" s="257">
        <v>0</v>
      </c>
      <c r="AF31" s="257">
        <v>0</v>
      </c>
      <c r="AG31" s="257">
        <v>0</v>
      </c>
      <c r="AH31" s="254">
        <v>6</v>
      </c>
      <c r="AI31" s="259">
        <v>8</v>
      </c>
      <c r="AJ31" s="253">
        <v>0</v>
      </c>
      <c r="AK31" s="257">
        <v>0</v>
      </c>
      <c r="AL31" s="254">
        <v>0</v>
      </c>
      <c r="AM31" s="256">
        <v>0</v>
      </c>
      <c r="AN31" s="257">
        <v>0</v>
      </c>
      <c r="AO31" s="257">
        <v>12</v>
      </c>
      <c r="AP31" s="257">
        <v>0</v>
      </c>
      <c r="AQ31" s="257">
        <v>0</v>
      </c>
      <c r="AR31" s="257">
        <v>0</v>
      </c>
      <c r="AS31" s="254">
        <v>12</v>
      </c>
      <c r="AT31" s="259">
        <v>12</v>
      </c>
      <c r="AU31" s="253">
        <v>0</v>
      </c>
      <c r="AV31" s="257">
        <v>0</v>
      </c>
      <c r="AW31" s="254">
        <v>0</v>
      </c>
      <c r="AX31" s="256">
        <v>0</v>
      </c>
      <c r="AY31" s="257">
        <v>8</v>
      </c>
      <c r="AZ31" s="257">
        <v>33</v>
      </c>
      <c r="BA31" s="257">
        <v>22</v>
      </c>
      <c r="BB31" s="257">
        <v>0</v>
      </c>
      <c r="BC31" s="257">
        <v>0</v>
      </c>
      <c r="BD31" s="258">
        <v>63</v>
      </c>
      <c r="BE31" s="259">
        <v>63</v>
      </c>
      <c r="BF31" s="253">
        <v>0</v>
      </c>
      <c r="BG31" s="257">
        <v>0</v>
      </c>
      <c r="BH31" s="254">
        <v>0</v>
      </c>
      <c r="BI31" s="256">
        <v>0</v>
      </c>
      <c r="BJ31" s="257">
        <v>0</v>
      </c>
      <c r="BK31" s="257">
        <v>0</v>
      </c>
      <c r="BL31" s="257">
        <v>0</v>
      </c>
      <c r="BM31" s="257">
        <v>0</v>
      </c>
      <c r="BN31" s="257">
        <v>0</v>
      </c>
      <c r="BO31" s="254">
        <v>0</v>
      </c>
      <c r="BP31" s="259">
        <v>0</v>
      </c>
      <c r="BQ31" s="253">
        <v>0</v>
      </c>
      <c r="BR31" s="257">
        <v>0</v>
      </c>
      <c r="BS31" s="254">
        <v>0</v>
      </c>
      <c r="BT31" s="256">
        <v>0</v>
      </c>
      <c r="BU31" s="257">
        <v>0</v>
      </c>
      <c r="BV31" s="257">
        <v>0</v>
      </c>
      <c r="BW31" s="257">
        <v>16</v>
      </c>
      <c r="BX31" s="257">
        <v>0</v>
      </c>
      <c r="BY31" s="257">
        <v>4</v>
      </c>
      <c r="BZ31" s="254">
        <v>20</v>
      </c>
      <c r="CA31" s="259">
        <v>20</v>
      </c>
      <c r="CB31" s="253">
        <v>0</v>
      </c>
      <c r="CC31" s="257">
        <v>0</v>
      </c>
      <c r="CD31" s="254">
        <v>0</v>
      </c>
      <c r="CE31" s="256">
        <v>0</v>
      </c>
      <c r="CF31" s="257">
        <v>0</v>
      </c>
      <c r="CG31" s="257">
        <v>0</v>
      </c>
      <c r="CH31" s="257">
        <v>0</v>
      </c>
      <c r="CI31" s="257">
        <v>0</v>
      </c>
      <c r="CJ31" s="257">
        <v>0</v>
      </c>
      <c r="CK31" s="254">
        <v>0</v>
      </c>
      <c r="CL31" s="259">
        <v>0</v>
      </c>
      <c r="CM31" s="253">
        <v>0</v>
      </c>
      <c r="CN31" s="257">
        <v>0</v>
      </c>
      <c r="CO31" s="254">
        <v>0</v>
      </c>
      <c r="CP31" s="256">
        <v>0</v>
      </c>
      <c r="CQ31" s="257">
        <v>0</v>
      </c>
      <c r="CR31" s="257">
        <v>0</v>
      </c>
      <c r="CS31" s="257">
        <v>0</v>
      </c>
      <c r="CT31" s="257">
        <v>0</v>
      </c>
      <c r="CU31" s="257">
        <v>0</v>
      </c>
      <c r="CV31" s="254">
        <v>0</v>
      </c>
      <c r="CW31" s="259">
        <v>0</v>
      </c>
      <c r="CX31" s="253">
        <v>0</v>
      </c>
      <c r="CY31" s="257">
        <v>0</v>
      </c>
      <c r="CZ31" s="254">
        <v>0</v>
      </c>
      <c r="DA31" s="256">
        <v>0</v>
      </c>
      <c r="DB31" s="257">
        <v>0</v>
      </c>
      <c r="DC31" s="257">
        <v>0</v>
      </c>
      <c r="DD31" s="257">
        <v>0</v>
      </c>
      <c r="DE31" s="257">
        <v>0</v>
      </c>
      <c r="DF31" s="257">
        <v>0</v>
      </c>
      <c r="DG31" s="254">
        <v>0</v>
      </c>
      <c r="DH31" s="259">
        <v>0</v>
      </c>
    </row>
    <row r="32" spans="2:112" ht="21" customHeight="1" x14ac:dyDescent="0.2">
      <c r="B32" s="437" t="s">
        <v>30</v>
      </c>
      <c r="C32" s="253">
        <v>0</v>
      </c>
      <c r="D32" s="257">
        <v>0</v>
      </c>
      <c r="E32" s="340">
        <v>0</v>
      </c>
      <c r="F32" s="256">
        <v>0</v>
      </c>
      <c r="G32" s="257">
        <v>9</v>
      </c>
      <c r="H32" s="257">
        <v>0</v>
      </c>
      <c r="I32" s="257">
        <v>0</v>
      </c>
      <c r="J32" s="257">
        <v>11</v>
      </c>
      <c r="K32" s="257">
        <v>0</v>
      </c>
      <c r="L32" s="258">
        <v>20</v>
      </c>
      <c r="M32" s="259">
        <v>20</v>
      </c>
      <c r="N32" s="253">
        <v>0</v>
      </c>
      <c r="O32" s="257">
        <v>0</v>
      </c>
      <c r="P32" s="254">
        <v>0</v>
      </c>
      <c r="Q32" s="256">
        <v>0</v>
      </c>
      <c r="R32" s="257">
        <v>0</v>
      </c>
      <c r="S32" s="257">
        <v>0</v>
      </c>
      <c r="T32" s="257">
        <v>0</v>
      </c>
      <c r="U32" s="257">
        <v>0</v>
      </c>
      <c r="V32" s="257">
        <v>0</v>
      </c>
      <c r="W32" s="254">
        <v>0</v>
      </c>
      <c r="X32" s="259">
        <v>0</v>
      </c>
      <c r="Y32" s="253">
        <v>0</v>
      </c>
      <c r="Z32" s="257">
        <v>0</v>
      </c>
      <c r="AA32" s="254">
        <v>0</v>
      </c>
      <c r="AB32" s="256">
        <v>0</v>
      </c>
      <c r="AC32" s="257">
        <v>6</v>
      </c>
      <c r="AD32" s="257">
        <v>0</v>
      </c>
      <c r="AE32" s="257">
        <v>0</v>
      </c>
      <c r="AF32" s="257">
        <v>5</v>
      </c>
      <c r="AG32" s="257">
        <v>0</v>
      </c>
      <c r="AH32" s="254">
        <v>11</v>
      </c>
      <c r="AI32" s="259">
        <v>11</v>
      </c>
      <c r="AJ32" s="253">
        <v>0</v>
      </c>
      <c r="AK32" s="257">
        <v>0</v>
      </c>
      <c r="AL32" s="254">
        <v>0</v>
      </c>
      <c r="AM32" s="256">
        <v>0</v>
      </c>
      <c r="AN32" s="257">
        <v>0</v>
      </c>
      <c r="AO32" s="257">
        <v>0</v>
      </c>
      <c r="AP32" s="257">
        <v>0</v>
      </c>
      <c r="AQ32" s="257">
        <v>0</v>
      </c>
      <c r="AR32" s="257">
        <v>0</v>
      </c>
      <c r="AS32" s="254">
        <v>0</v>
      </c>
      <c r="AT32" s="259">
        <v>0</v>
      </c>
      <c r="AU32" s="253">
        <v>0</v>
      </c>
      <c r="AV32" s="257">
        <v>0</v>
      </c>
      <c r="AW32" s="254">
        <v>0</v>
      </c>
      <c r="AX32" s="256">
        <v>0</v>
      </c>
      <c r="AY32" s="257">
        <v>0</v>
      </c>
      <c r="AZ32" s="257">
        <v>0</v>
      </c>
      <c r="BA32" s="257">
        <v>0</v>
      </c>
      <c r="BB32" s="257">
        <v>13</v>
      </c>
      <c r="BC32" s="257">
        <v>0</v>
      </c>
      <c r="BD32" s="258">
        <v>13</v>
      </c>
      <c r="BE32" s="259">
        <v>13</v>
      </c>
      <c r="BF32" s="253">
        <v>0</v>
      </c>
      <c r="BG32" s="257">
        <v>0</v>
      </c>
      <c r="BH32" s="254">
        <v>0</v>
      </c>
      <c r="BI32" s="256">
        <v>0</v>
      </c>
      <c r="BJ32" s="257">
        <v>0</v>
      </c>
      <c r="BK32" s="257">
        <v>5</v>
      </c>
      <c r="BL32" s="257">
        <v>0</v>
      </c>
      <c r="BM32" s="257">
        <v>0</v>
      </c>
      <c r="BN32" s="257">
        <v>0</v>
      </c>
      <c r="BO32" s="254">
        <v>5</v>
      </c>
      <c r="BP32" s="259">
        <v>5</v>
      </c>
      <c r="BQ32" s="253">
        <v>0</v>
      </c>
      <c r="BR32" s="257">
        <v>0</v>
      </c>
      <c r="BS32" s="254">
        <v>0</v>
      </c>
      <c r="BT32" s="256">
        <v>0</v>
      </c>
      <c r="BU32" s="257">
        <v>3</v>
      </c>
      <c r="BV32" s="257">
        <v>0</v>
      </c>
      <c r="BW32" s="257">
        <v>10</v>
      </c>
      <c r="BX32" s="257">
        <v>8</v>
      </c>
      <c r="BY32" s="257">
        <v>0</v>
      </c>
      <c r="BZ32" s="254">
        <v>21</v>
      </c>
      <c r="CA32" s="259">
        <v>21</v>
      </c>
      <c r="CB32" s="253">
        <v>0</v>
      </c>
      <c r="CC32" s="257">
        <v>0</v>
      </c>
      <c r="CD32" s="254">
        <v>0</v>
      </c>
      <c r="CE32" s="256">
        <v>0</v>
      </c>
      <c r="CF32" s="257">
        <v>0</v>
      </c>
      <c r="CG32" s="257">
        <v>0</v>
      </c>
      <c r="CH32" s="257">
        <v>0</v>
      </c>
      <c r="CI32" s="257">
        <v>0</v>
      </c>
      <c r="CJ32" s="257">
        <v>0</v>
      </c>
      <c r="CK32" s="254">
        <v>0</v>
      </c>
      <c r="CL32" s="259">
        <v>0</v>
      </c>
      <c r="CM32" s="253">
        <v>0</v>
      </c>
      <c r="CN32" s="257">
        <v>0</v>
      </c>
      <c r="CO32" s="254">
        <v>0</v>
      </c>
      <c r="CP32" s="256">
        <v>0</v>
      </c>
      <c r="CQ32" s="257">
        <v>0</v>
      </c>
      <c r="CR32" s="257">
        <v>0</v>
      </c>
      <c r="CS32" s="257">
        <v>0</v>
      </c>
      <c r="CT32" s="257">
        <v>0</v>
      </c>
      <c r="CU32" s="257">
        <v>0</v>
      </c>
      <c r="CV32" s="254">
        <v>0</v>
      </c>
      <c r="CW32" s="259">
        <v>0</v>
      </c>
      <c r="CX32" s="253">
        <v>0</v>
      </c>
      <c r="CY32" s="257">
        <v>0</v>
      </c>
      <c r="CZ32" s="254">
        <v>0</v>
      </c>
      <c r="DA32" s="256">
        <v>0</v>
      </c>
      <c r="DB32" s="257">
        <v>0</v>
      </c>
      <c r="DC32" s="257">
        <v>0</v>
      </c>
      <c r="DD32" s="257">
        <v>0</v>
      </c>
      <c r="DE32" s="257">
        <v>0</v>
      </c>
      <c r="DF32" s="257">
        <v>0</v>
      </c>
      <c r="DG32" s="254">
        <v>0</v>
      </c>
      <c r="DH32" s="259">
        <v>0</v>
      </c>
    </row>
    <row r="33" spans="2:112" ht="21" customHeight="1" x14ac:dyDescent="0.2">
      <c r="B33" s="437" t="s">
        <v>31</v>
      </c>
      <c r="C33" s="253">
        <v>0</v>
      </c>
      <c r="D33" s="257">
        <v>0</v>
      </c>
      <c r="E33" s="340">
        <v>0</v>
      </c>
      <c r="F33" s="256">
        <v>0</v>
      </c>
      <c r="G33" s="257">
        <v>0</v>
      </c>
      <c r="H33" s="257">
        <v>0</v>
      </c>
      <c r="I33" s="257">
        <v>60</v>
      </c>
      <c r="J33" s="257">
        <v>0</v>
      </c>
      <c r="K33" s="257">
        <v>0</v>
      </c>
      <c r="L33" s="258">
        <v>60</v>
      </c>
      <c r="M33" s="259">
        <v>60</v>
      </c>
      <c r="N33" s="253">
        <v>0</v>
      </c>
      <c r="O33" s="257">
        <v>0</v>
      </c>
      <c r="P33" s="254">
        <v>0</v>
      </c>
      <c r="Q33" s="256">
        <v>0</v>
      </c>
      <c r="R33" s="257">
        <v>0</v>
      </c>
      <c r="S33" s="257">
        <v>4</v>
      </c>
      <c r="T33" s="257">
        <v>8</v>
      </c>
      <c r="U33" s="257">
        <v>0</v>
      </c>
      <c r="V33" s="257">
        <v>0</v>
      </c>
      <c r="W33" s="254">
        <v>12</v>
      </c>
      <c r="X33" s="259">
        <v>12</v>
      </c>
      <c r="Y33" s="253">
        <v>0</v>
      </c>
      <c r="Z33" s="257">
        <v>4</v>
      </c>
      <c r="AA33" s="254">
        <v>4</v>
      </c>
      <c r="AB33" s="256">
        <v>0</v>
      </c>
      <c r="AC33" s="257">
        <v>4</v>
      </c>
      <c r="AD33" s="257">
        <v>0</v>
      </c>
      <c r="AE33" s="257">
        <v>10</v>
      </c>
      <c r="AF33" s="257">
        <v>0</v>
      </c>
      <c r="AG33" s="257">
        <v>0</v>
      </c>
      <c r="AH33" s="254">
        <v>14</v>
      </c>
      <c r="AI33" s="259">
        <v>18</v>
      </c>
      <c r="AJ33" s="253">
        <v>0</v>
      </c>
      <c r="AK33" s="257">
        <v>0</v>
      </c>
      <c r="AL33" s="254">
        <v>0</v>
      </c>
      <c r="AM33" s="256">
        <v>0</v>
      </c>
      <c r="AN33" s="257">
        <v>0</v>
      </c>
      <c r="AO33" s="257">
        <v>0</v>
      </c>
      <c r="AP33" s="257">
        <v>0</v>
      </c>
      <c r="AQ33" s="257">
        <v>0</v>
      </c>
      <c r="AR33" s="257">
        <v>0</v>
      </c>
      <c r="AS33" s="254">
        <v>0</v>
      </c>
      <c r="AT33" s="259">
        <v>0</v>
      </c>
      <c r="AU33" s="253">
        <v>0</v>
      </c>
      <c r="AV33" s="257">
        <v>0</v>
      </c>
      <c r="AW33" s="254">
        <v>0</v>
      </c>
      <c r="AX33" s="256">
        <v>0</v>
      </c>
      <c r="AY33" s="257">
        <v>19</v>
      </c>
      <c r="AZ33" s="257">
        <v>0</v>
      </c>
      <c r="BA33" s="257">
        <v>0</v>
      </c>
      <c r="BB33" s="257">
        <v>0</v>
      </c>
      <c r="BC33" s="257">
        <v>0</v>
      </c>
      <c r="BD33" s="258">
        <v>19</v>
      </c>
      <c r="BE33" s="259">
        <v>19</v>
      </c>
      <c r="BF33" s="253">
        <v>0</v>
      </c>
      <c r="BG33" s="257">
        <v>0</v>
      </c>
      <c r="BH33" s="254">
        <v>0</v>
      </c>
      <c r="BI33" s="256">
        <v>0</v>
      </c>
      <c r="BJ33" s="257">
        <v>7</v>
      </c>
      <c r="BK33" s="257">
        <v>7</v>
      </c>
      <c r="BL33" s="257">
        <v>11</v>
      </c>
      <c r="BM33" s="257">
        <v>0</v>
      </c>
      <c r="BN33" s="257">
        <v>0</v>
      </c>
      <c r="BO33" s="254">
        <v>25</v>
      </c>
      <c r="BP33" s="259">
        <v>25</v>
      </c>
      <c r="BQ33" s="253">
        <v>0</v>
      </c>
      <c r="BR33" s="257">
        <v>0</v>
      </c>
      <c r="BS33" s="254">
        <v>0</v>
      </c>
      <c r="BT33" s="256">
        <v>0</v>
      </c>
      <c r="BU33" s="257">
        <v>2</v>
      </c>
      <c r="BV33" s="257">
        <v>0</v>
      </c>
      <c r="BW33" s="257">
        <v>30</v>
      </c>
      <c r="BX33" s="257">
        <v>3</v>
      </c>
      <c r="BY33" s="257">
        <v>0</v>
      </c>
      <c r="BZ33" s="254">
        <v>35</v>
      </c>
      <c r="CA33" s="259">
        <v>35</v>
      </c>
      <c r="CB33" s="253">
        <v>0</v>
      </c>
      <c r="CC33" s="257">
        <v>0</v>
      </c>
      <c r="CD33" s="254">
        <v>0</v>
      </c>
      <c r="CE33" s="256">
        <v>0</v>
      </c>
      <c r="CF33" s="257">
        <v>0</v>
      </c>
      <c r="CG33" s="257">
        <v>0</v>
      </c>
      <c r="CH33" s="257">
        <v>0</v>
      </c>
      <c r="CI33" s="257">
        <v>0</v>
      </c>
      <c r="CJ33" s="257">
        <v>0</v>
      </c>
      <c r="CK33" s="254">
        <v>0</v>
      </c>
      <c r="CL33" s="259">
        <v>0</v>
      </c>
      <c r="CM33" s="253">
        <v>0</v>
      </c>
      <c r="CN33" s="257">
        <v>0</v>
      </c>
      <c r="CO33" s="254">
        <v>0</v>
      </c>
      <c r="CP33" s="256">
        <v>0</v>
      </c>
      <c r="CQ33" s="257">
        <v>0</v>
      </c>
      <c r="CR33" s="257">
        <v>0</v>
      </c>
      <c r="CS33" s="257">
        <v>0</v>
      </c>
      <c r="CT33" s="257">
        <v>0</v>
      </c>
      <c r="CU33" s="257">
        <v>0</v>
      </c>
      <c r="CV33" s="254">
        <v>0</v>
      </c>
      <c r="CW33" s="259">
        <v>0</v>
      </c>
      <c r="CX33" s="253">
        <v>0</v>
      </c>
      <c r="CY33" s="257">
        <v>0</v>
      </c>
      <c r="CZ33" s="254">
        <v>0</v>
      </c>
      <c r="DA33" s="256">
        <v>0</v>
      </c>
      <c r="DB33" s="257">
        <v>0</v>
      </c>
      <c r="DC33" s="257">
        <v>0</v>
      </c>
      <c r="DD33" s="257">
        <v>0</v>
      </c>
      <c r="DE33" s="257">
        <v>0</v>
      </c>
      <c r="DF33" s="257">
        <v>0</v>
      </c>
      <c r="DG33" s="254">
        <v>0</v>
      </c>
      <c r="DH33" s="259">
        <v>0</v>
      </c>
    </row>
    <row r="34" spans="2:112" ht="21" customHeight="1" x14ac:dyDescent="0.2">
      <c r="B34" s="437" t="s">
        <v>32</v>
      </c>
      <c r="C34" s="253">
        <v>0</v>
      </c>
      <c r="D34" s="257">
        <v>0</v>
      </c>
      <c r="E34" s="340">
        <v>0</v>
      </c>
      <c r="F34" s="256">
        <v>0</v>
      </c>
      <c r="G34" s="257">
        <v>37</v>
      </c>
      <c r="H34" s="257">
        <v>117</v>
      </c>
      <c r="I34" s="257">
        <v>0</v>
      </c>
      <c r="J34" s="257">
        <v>0</v>
      </c>
      <c r="K34" s="257">
        <v>90</v>
      </c>
      <c r="L34" s="258">
        <v>244</v>
      </c>
      <c r="M34" s="259">
        <v>244</v>
      </c>
      <c r="N34" s="253">
        <v>0</v>
      </c>
      <c r="O34" s="257">
        <v>0</v>
      </c>
      <c r="P34" s="254">
        <v>0</v>
      </c>
      <c r="Q34" s="256">
        <v>0</v>
      </c>
      <c r="R34" s="257">
        <v>1</v>
      </c>
      <c r="S34" s="257">
        <v>0</v>
      </c>
      <c r="T34" s="257">
        <v>0</v>
      </c>
      <c r="U34" s="257">
        <v>0</v>
      </c>
      <c r="V34" s="257">
        <v>4</v>
      </c>
      <c r="W34" s="254">
        <v>5</v>
      </c>
      <c r="X34" s="259">
        <v>5</v>
      </c>
      <c r="Y34" s="253">
        <v>0</v>
      </c>
      <c r="Z34" s="257">
        <v>0</v>
      </c>
      <c r="AA34" s="254">
        <v>0</v>
      </c>
      <c r="AB34" s="256">
        <v>0</v>
      </c>
      <c r="AC34" s="257">
        <v>25</v>
      </c>
      <c r="AD34" s="257">
        <v>25</v>
      </c>
      <c r="AE34" s="257">
        <v>0</v>
      </c>
      <c r="AF34" s="257">
        <v>0</v>
      </c>
      <c r="AG34" s="257">
        <v>0</v>
      </c>
      <c r="AH34" s="254">
        <v>50</v>
      </c>
      <c r="AI34" s="259">
        <v>50</v>
      </c>
      <c r="AJ34" s="253">
        <v>0</v>
      </c>
      <c r="AK34" s="257">
        <v>0</v>
      </c>
      <c r="AL34" s="254">
        <v>0</v>
      </c>
      <c r="AM34" s="256">
        <v>0</v>
      </c>
      <c r="AN34" s="257">
        <v>0</v>
      </c>
      <c r="AO34" s="257">
        <v>6</v>
      </c>
      <c r="AP34" s="257">
        <v>0</v>
      </c>
      <c r="AQ34" s="257">
        <v>0</v>
      </c>
      <c r="AR34" s="257">
        <v>0</v>
      </c>
      <c r="AS34" s="254">
        <v>6</v>
      </c>
      <c r="AT34" s="259">
        <v>6</v>
      </c>
      <c r="AU34" s="253">
        <v>0</v>
      </c>
      <c r="AV34" s="257">
        <v>0</v>
      </c>
      <c r="AW34" s="254">
        <v>0</v>
      </c>
      <c r="AX34" s="256">
        <v>0</v>
      </c>
      <c r="AY34" s="257">
        <v>48</v>
      </c>
      <c r="AZ34" s="257">
        <v>42</v>
      </c>
      <c r="BA34" s="257">
        <v>9</v>
      </c>
      <c r="BB34" s="257">
        <v>0</v>
      </c>
      <c r="BC34" s="257">
        <v>0</v>
      </c>
      <c r="BD34" s="258">
        <v>99</v>
      </c>
      <c r="BE34" s="259">
        <v>99</v>
      </c>
      <c r="BF34" s="253">
        <v>0</v>
      </c>
      <c r="BG34" s="257">
        <v>0</v>
      </c>
      <c r="BH34" s="254">
        <v>0</v>
      </c>
      <c r="BI34" s="256">
        <v>0</v>
      </c>
      <c r="BJ34" s="257">
        <v>0</v>
      </c>
      <c r="BK34" s="257">
        <v>11</v>
      </c>
      <c r="BL34" s="257">
        <v>5</v>
      </c>
      <c r="BM34" s="257">
        <v>0</v>
      </c>
      <c r="BN34" s="257">
        <v>0</v>
      </c>
      <c r="BO34" s="254">
        <v>16</v>
      </c>
      <c r="BP34" s="259">
        <v>16</v>
      </c>
      <c r="BQ34" s="253">
        <v>0</v>
      </c>
      <c r="BR34" s="257">
        <v>0</v>
      </c>
      <c r="BS34" s="254">
        <v>0</v>
      </c>
      <c r="BT34" s="256">
        <v>0</v>
      </c>
      <c r="BU34" s="257">
        <v>3</v>
      </c>
      <c r="BV34" s="257">
        <v>0</v>
      </c>
      <c r="BW34" s="257">
        <v>0</v>
      </c>
      <c r="BX34" s="257">
        <v>0</v>
      </c>
      <c r="BY34" s="257">
        <v>0</v>
      </c>
      <c r="BZ34" s="254">
        <v>3</v>
      </c>
      <c r="CA34" s="259">
        <v>3</v>
      </c>
      <c r="CB34" s="253">
        <v>0</v>
      </c>
      <c r="CC34" s="257">
        <v>0</v>
      </c>
      <c r="CD34" s="254">
        <v>0</v>
      </c>
      <c r="CE34" s="256">
        <v>0</v>
      </c>
      <c r="CF34" s="257">
        <v>0</v>
      </c>
      <c r="CG34" s="257">
        <v>0</v>
      </c>
      <c r="CH34" s="257">
        <v>0</v>
      </c>
      <c r="CI34" s="257">
        <v>0</v>
      </c>
      <c r="CJ34" s="257">
        <v>0</v>
      </c>
      <c r="CK34" s="254">
        <v>0</v>
      </c>
      <c r="CL34" s="259">
        <v>0</v>
      </c>
      <c r="CM34" s="253">
        <v>0</v>
      </c>
      <c r="CN34" s="257">
        <v>0</v>
      </c>
      <c r="CO34" s="254">
        <v>0</v>
      </c>
      <c r="CP34" s="256">
        <v>0</v>
      </c>
      <c r="CQ34" s="257">
        <v>0</v>
      </c>
      <c r="CR34" s="257">
        <v>0</v>
      </c>
      <c r="CS34" s="257">
        <v>0</v>
      </c>
      <c r="CT34" s="257">
        <v>0</v>
      </c>
      <c r="CU34" s="257">
        <v>0</v>
      </c>
      <c r="CV34" s="254">
        <v>0</v>
      </c>
      <c r="CW34" s="259">
        <v>0</v>
      </c>
      <c r="CX34" s="253">
        <v>0</v>
      </c>
      <c r="CY34" s="257">
        <v>0</v>
      </c>
      <c r="CZ34" s="254">
        <v>0</v>
      </c>
      <c r="DA34" s="256">
        <v>0</v>
      </c>
      <c r="DB34" s="257">
        <v>0</v>
      </c>
      <c r="DC34" s="257">
        <v>0</v>
      </c>
      <c r="DD34" s="257">
        <v>0</v>
      </c>
      <c r="DE34" s="257">
        <v>0</v>
      </c>
      <c r="DF34" s="257">
        <v>0</v>
      </c>
      <c r="DG34" s="254">
        <v>0</v>
      </c>
      <c r="DH34" s="259">
        <v>0</v>
      </c>
    </row>
    <row r="35" spans="2:112" ht="21" customHeight="1" x14ac:dyDescent="0.2">
      <c r="B35" s="437" t="s">
        <v>33</v>
      </c>
      <c r="C35" s="253">
        <v>0</v>
      </c>
      <c r="D35" s="257">
        <v>0</v>
      </c>
      <c r="E35" s="340">
        <v>0</v>
      </c>
      <c r="F35" s="256">
        <v>0</v>
      </c>
      <c r="G35" s="257">
        <v>12</v>
      </c>
      <c r="H35" s="257">
        <v>0</v>
      </c>
      <c r="I35" s="257">
        <v>22</v>
      </c>
      <c r="J35" s="257">
        <v>0</v>
      </c>
      <c r="K35" s="257">
        <v>0</v>
      </c>
      <c r="L35" s="258">
        <v>34</v>
      </c>
      <c r="M35" s="259">
        <v>34</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25</v>
      </c>
      <c r="AD35" s="257">
        <v>0</v>
      </c>
      <c r="AE35" s="257">
        <v>8</v>
      </c>
      <c r="AF35" s="257">
        <v>0</v>
      </c>
      <c r="AG35" s="257">
        <v>0</v>
      </c>
      <c r="AH35" s="254">
        <v>33</v>
      </c>
      <c r="AI35" s="259">
        <v>33</v>
      </c>
      <c r="AJ35" s="253">
        <v>24</v>
      </c>
      <c r="AK35" s="257">
        <v>12</v>
      </c>
      <c r="AL35" s="254">
        <v>36</v>
      </c>
      <c r="AM35" s="256">
        <v>0</v>
      </c>
      <c r="AN35" s="257">
        <v>0</v>
      </c>
      <c r="AO35" s="257">
        <v>0</v>
      </c>
      <c r="AP35" s="257">
        <v>57</v>
      </c>
      <c r="AQ35" s="257">
        <v>0</v>
      </c>
      <c r="AR35" s="257">
        <v>0</v>
      </c>
      <c r="AS35" s="254">
        <v>57</v>
      </c>
      <c r="AT35" s="259">
        <v>93</v>
      </c>
      <c r="AU35" s="253">
        <v>0</v>
      </c>
      <c r="AV35" s="257">
        <v>0</v>
      </c>
      <c r="AW35" s="254">
        <v>0</v>
      </c>
      <c r="AX35" s="256">
        <v>0</v>
      </c>
      <c r="AY35" s="257">
        <v>4</v>
      </c>
      <c r="AZ35" s="257">
        <v>0</v>
      </c>
      <c r="BA35" s="257">
        <v>0</v>
      </c>
      <c r="BB35" s="257">
        <v>0</v>
      </c>
      <c r="BC35" s="257">
        <v>0</v>
      </c>
      <c r="BD35" s="258">
        <v>4</v>
      </c>
      <c r="BE35" s="259">
        <v>4</v>
      </c>
      <c r="BF35" s="253">
        <v>0</v>
      </c>
      <c r="BG35" s="257">
        <v>0</v>
      </c>
      <c r="BH35" s="254">
        <v>0</v>
      </c>
      <c r="BI35" s="256">
        <v>0</v>
      </c>
      <c r="BJ35" s="257">
        <v>0</v>
      </c>
      <c r="BK35" s="257">
        <v>0</v>
      </c>
      <c r="BL35" s="257">
        <v>0</v>
      </c>
      <c r="BM35" s="257">
        <v>0</v>
      </c>
      <c r="BN35" s="257">
        <v>0</v>
      </c>
      <c r="BO35" s="254">
        <v>0</v>
      </c>
      <c r="BP35" s="259">
        <v>0</v>
      </c>
      <c r="BQ35" s="253">
        <v>0</v>
      </c>
      <c r="BR35" s="257">
        <v>0</v>
      </c>
      <c r="BS35" s="254">
        <v>0</v>
      </c>
      <c r="BT35" s="256">
        <v>0</v>
      </c>
      <c r="BU35" s="257">
        <v>4</v>
      </c>
      <c r="BV35" s="257">
        <v>23</v>
      </c>
      <c r="BW35" s="257">
        <v>0</v>
      </c>
      <c r="BX35" s="257">
        <v>0</v>
      </c>
      <c r="BY35" s="257">
        <v>0</v>
      </c>
      <c r="BZ35" s="254">
        <v>27</v>
      </c>
      <c r="CA35" s="259">
        <v>27</v>
      </c>
      <c r="CB35" s="253">
        <v>0</v>
      </c>
      <c r="CC35" s="257">
        <v>0</v>
      </c>
      <c r="CD35" s="254">
        <v>0</v>
      </c>
      <c r="CE35" s="256">
        <v>0</v>
      </c>
      <c r="CF35" s="257">
        <v>0</v>
      </c>
      <c r="CG35" s="257">
        <v>0</v>
      </c>
      <c r="CH35" s="257">
        <v>0</v>
      </c>
      <c r="CI35" s="257">
        <v>0</v>
      </c>
      <c r="CJ35" s="257">
        <v>0</v>
      </c>
      <c r="CK35" s="254">
        <v>0</v>
      </c>
      <c r="CL35" s="259">
        <v>0</v>
      </c>
      <c r="CM35" s="253">
        <v>0</v>
      </c>
      <c r="CN35" s="257">
        <v>0</v>
      </c>
      <c r="CO35" s="254">
        <v>0</v>
      </c>
      <c r="CP35" s="256">
        <v>0</v>
      </c>
      <c r="CQ35" s="257">
        <v>0</v>
      </c>
      <c r="CR35" s="257">
        <v>0</v>
      </c>
      <c r="CS35" s="257">
        <v>0</v>
      </c>
      <c r="CT35" s="257">
        <v>0</v>
      </c>
      <c r="CU35" s="257">
        <v>0</v>
      </c>
      <c r="CV35" s="254">
        <v>0</v>
      </c>
      <c r="CW35" s="259">
        <v>0</v>
      </c>
      <c r="CX35" s="253">
        <v>0</v>
      </c>
      <c r="CY35" s="257">
        <v>0</v>
      </c>
      <c r="CZ35" s="254">
        <v>0</v>
      </c>
      <c r="DA35" s="256">
        <v>0</v>
      </c>
      <c r="DB35" s="257">
        <v>0</v>
      </c>
      <c r="DC35" s="257">
        <v>0</v>
      </c>
      <c r="DD35" s="257">
        <v>0</v>
      </c>
      <c r="DE35" s="257">
        <v>0</v>
      </c>
      <c r="DF35" s="257">
        <v>0</v>
      </c>
      <c r="DG35" s="254">
        <v>0</v>
      </c>
      <c r="DH35" s="259">
        <v>0</v>
      </c>
    </row>
    <row r="36" spans="2:112" ht="21" customHeight="1" x14ac:dyDescent="0.2">
      <c r="B36" s="437" t="s">
        <v>34</v>
      </c>
      <c r="C36" s="253">
        <v>0</v>
      </c>
      <c r="D36" s="257">
        <v>0</v>
      </c>
      <c r="E36" s="340">
        <v>0</v>
      </c>
      <c r="F36" s="256">
        <v>0</v>
      </c>
      <c r="G36" s="257">
        <v>0</v>
      </c>
      <c r="H36" s="257">
        <v>0</v>
      </c>
      <c r="I36" s="257">
        <v>0</v>
      </c>
      <c r="J36" s="257">
        <v>0</v>
      </c>
      <c r="K36" s="257">
        <v>0</v>
      </c>
      <c r="L36" s="258">
        <v>0</v>
      </c>
      <c r="M36" s="259">
        <v>0</v>
      </c>
      <c r="N36" s="253">
        <v>0</v>
      </c>
      <c r="O36" s="257">
        <v>0</v>
      </c>
      <c r="P36" s="254">
        <v>0</v>
      </c>
      <c r="Q36" s="256">
        <v>0</v>
      </c>
      <c r="R36" s="257">
        <v>0</v>
      </c>
      <c r="S36" s="257">
        <v>0</v>
      </c>
      <c r="T36" s="257">
        <v>0</v>
      </c>
      <c r="U36" s="257">
        <v>0</v>
      </c>
      <c r="V36" s="257">
        <v>0</v>
      </c>
      <c r="W36" s="254">
        <v>0</v>
      </c>
      <c r="X36" s="259">
        <v>0</v>
      </c>
      <c r="Y36" s="253">
        <v>0</v>
      </c>
      <c r="Z36" s="257">
        <v>0</v>
      </c>
      <c r="AA36" s="254">
        <v>0</v>
      </c>
      <c r="AB36" s="256">
        <v>0</v>
      </c>
      <c r="AC36" s="257">
        <v>4</v>
      </c>
      <c r="AD36" s="257">
        <v>28</v>
      </c>
      <c r="AE36" s="257">
        <v>0</v>
      </c>
      <c r="AF36" s="257">
        <v>5</v>
      </c>
      <c r="AG36" s="257">
        <v>0</v>
      </c>
      <c r="AH36" s="254">
        <v>37</v>
      </c>
      <c r="AI36" s="259">
        <v>37</v>
      </c>
      <c r="AJ36" s="253">
        <v>0</v>
      </c>
      <c r="AK36" s="257">
        <v>0</v>
      </c>
      <c r="AL36" s="254">
        <v>0</v>
      </c>
      <c r="AM36" s="256">
        <v>0</v>
      </c>
      <c r="AN36" s="257">
        <v>0</v>
      </c>
      <c r="AO36" s="257">
        <v>0</v>
      </c>
      <c r="AP36" s="257">
        <v>0</v>
      </c>
      <c r="AQ36" s="257">
        <v>0</v>
      </c>
      <c r="AR36" s="257">
        <v>0</v>
      </c>
      <c r="AS36" s="254">
        <v>0</v>
      </c>
      <c r="AT36" s="259">
        <v>0</v>
      </c>
      <c r="AU36" s="253">
        <v>0</v>
      </c>
      <c r="AV36" s="257">
        <v>0</v>
      </c>
      <c r="AW36" s="254">
        <v>0</v>
      </c>
      <c r="AX36" s="256">
        <v>0</v>
      </c>
      <c r="AY36" s="257">
        <v>0</v>
      </c>
      <c r="AZ36" s="257">
        <v>22</v>
      </c>
      <c r="BA36" s="257">
        <v>0</v>
      </c>
      <c r="BB36" s="257">
        <v>0</v>
      </c>
      <c r="BC36" s="257">
        <v>0</v>
      </c>
      <c r="BD36" s="258">
        <v>22</v>
      </c>
      <c r="BE36" s="259">
        <v>22</v>
      </c>
      <c r="BF36" s="253">
        <v>0</v>
      </c>
      <c r="BG36" s="257">
        <v>0</v>
      </c>
      <c r="BH36" s="254">
        <v>0</v>
      </c>
      <c r="BI36" s="256">
        <v>0</v>
      </c>
      <c r="BJ36" s="257">
        <v>0</v>
      </c>
      <c r="BK36" s="257">
        <v>0</v>
      </c>
      <c r="BL36" s="257">
        <v>0</v>
      </c>
      <c r="BM36" s="257">
        <v>0</v>
      </c>
      <c r="BN36" s="257">
        <v>0</v>
      </c>
      <c r="BO36" s="254">
        <v>0</v>
      </c>
      <c r="BP36" s="259">
        <v>0</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0</v>
      </c>
      <c r="CR36" s="257">
        <v>0</v>
      </c>
      <c r="CS36" s="257">
        <v>0</v>
      </c>
      <c r="CT36" s="257">
        <v>0</v>
      </c>
      <c r="CU36" s="257">
        <v>0</v>
      </c>
      <c r="CV36" s="254">
        <v>0</v>
      </c>
      <c r="CW36" s="259">
        <v>0</v>
      </c>
      <c r="CX36" s="253">
        <v>0</v>
      </c>
      <c r="CY36" s="257">
        <v>0</v>
      </c>
      <c r="CZ36" s="254">
        <v>0</v>
      </c>
      <c r="DA36" s="256">
        <v>0</v>
      </c>
      <c r="DB36" s="257">
        <v>0</v>
      </c>
      <c r="DC36" s="257">
        <v>0</v>
      </c>
      <c r="DD36" s="257">
        <v>0</v>
      </c>
      <c r="DE36" s="257">
        <v>0</v>
      </c>
      <c r="DF36" s="257">
        <v>0</v>
      </c>
      <c r="DG36" s="254">
        <v>0</v>
      </c>
      <c r="DH36" s="259">
        <v>0</v>
      </c>
    </row>
    <row r="37" spans="2:112" ht="21" customHeight="1" x14ac:dyDescent="0.2">
      <c r="B37" s="437" t="s">
        <v>35</v>
      </c>
      <c r="C37" s="253">
        <v>0</v>
      </c>
      <c r="D37" s="257">
        <v>0</v>
      </c>
      <c r="E37" s="340">
        <v>0</v>
      </c>
      <c r="F37" s="256">
        <v>0</v>
      </c>
      <c r="G37" s="257">
        <v>39</v>
      </c>
      <c r="H37" s="257">
        <v>9</v>
      </c>
      <c r="I37" s="257">
        <v>2</v>
      </c>
      <c r="J37" s="257">
        <v>81</v>
      </c>
      <c r="K37" s="257">
        <v>0</v>
      </c>
      <c r="L37" s="258">
        <v>131</v>
      </c>
      <c r="M37" s="259">
        <v>131</v>
      </c>
      <c r="N37" s="253">
        <v>0</v>
      </c>
      <c r="O37" s="257">
        <v>0</v>
      </c>
      <c r="P37" s="254">
        <v>0</v>
      </c>
      <c r="Q37" s="256">
        <v>0</v>
      </c>
      <c r="R37" s="257">
        <v>0</v>
      </c>
      <c r="S37" s="257">
        <v>0</v>
      </c>
      <c r="T37" s="257">
        <v>0</v>
      </c>
      <c r="U37" s="257">
        <v>6</v>
      </c>
      <c r="V37" s="257">
        <v>0</v>
      </c>
      <c r="W37" s="254">
        <v>6</v>
      </c>
      <c r="X37" s="259">
        <v>6</v>
      </c>
      <c r="Y37" s="253">
        <v>0</v>
      </c>
      <c r="Z37" s="257">
        <v>0</v>
      </c>
      <c r="AA37" s="254">
        <v>0</v>
      </c>
      <c r="AB37" s="256">
        <v>0</v>
      </c>
      <c r="AC37" s="257">
        <v>4</v>
      </c>
      <c r="AD37" s="257">
        <v>2</v>
      </c>
      <c r="AE37" s="257">
        <v>0</v>
      </c>
      <c r="AF37" s="257">
        <v>0</v>
      </c>
      <c r="AG37" s="257">
        <v>0</v>
      </c>
      <c r="AH37" s="254">
        <v>6</v>
      </c>
      <c r="AI37" s="259">
        <v>6</v>
      </c>
      <c r="AJ37" s="253">
        <v>0</v>
      </c>
      <c r="AK37" s="257">
        <v>0</v>
      </c>
      <c r="AL37" s="254">
        <v>0</v>
      </c>
      <c r="AM37" s="256">
        <v>0</v>
      </c>
      <c r="AN37" s="257">
        <v>0</v>
      </c>
      <c r="AO37" s="257">
        <v>0</v>
      </c>
      <c r="AP37" s="257">
        <v>0</v>
      </c>
      <c r="AQ37" s="257">
        <v>0</v>
      </c>
      <c r="AR37" s="257">
        <v>0</v>
      </c>
      <c r="AS37" s="254">
        <v>0</v>
      </c>
      <c r="AT37" s="259">
        <v>0</v>
      </c>
      <c r="AU37" s="253">
        <v>0</v>
      </c>
      <c r="AV37" s="257">
        <v>0</v>
      </c>
      <c r="AW37" s="254">
        <v>0</v>
      </c>
      <c r="AX37" s="256">
        <v>0</v>
      </c>
      <c r="AY37" s="257">
        <v>23</v>
      </c>
      <c r="AZ37" s="257">
        <v>27</v>
      </c>
      <c r="BA37" s="257">
        <v>22</v>
      </c>
      <c r="BB37" s="257">
        <v>0</v>
      </c>
      <c r="BC37" s="257">
        <v>0</v>
      </c>
      <c r="BD37" s="258">
        <v>72</v>
      </c>
      <c r="BE37" s="259">
        <v>72</v>
      </c>
      <c r="BF37" s="253">
        <v>0</v>
      </c>
      <c r="BG37" s="257">
        <v>0</v>
      </c>
      <c r="BH37" s="254">
        <v>0</v>
      </c>
      <c r="BI37" s="256">
        <v>0</v>
      </c>
      <c r="BJ37" s="257">
        <v>15</v>
      </c>
      <c r="BK37" s="257">
        <v>0</v>
      </c>
      <c r="BL37" s="257">
        <v>8</v>
      </c>
      <c r="BM37" s="257">
        <v>10</v>
      </c>
      <c r="BN37" s="257">
        <v>0</v>
      </c>
      <c r="BO37" s="254">
        <v>33</v>
      </c>
      <c r="BP37" s="259">
        <v>33</v>
      </c>
      <c r="BQ37" s="253">
        <v>0</v>
      </c>
      <c r="BR37" s="257">
        <v>0</v>
      </c>
      <c r="BS37" s="254">
        <v>0</v>
      </c>
      <c r="BT37" s="256">
        <v>0</v>
      </c>
      <c r="BU37" s="257">
        <v>13</v>
      </c>
      <c r="BV37" s="257">
        <v>0</v>
      </c>
      <c r="BW37" s="257">
        <v>0</v>
      </c>
      <c r="BX37" s="257">
        <v>0</v>
      </c>
      <c r="BY37" s="257">
        <v>0</v>
      </c>
      <c r="BZ37" s="254">
        <v>13</v>
      </c>
      <c r="CA37" s="259">
        <v>13</v>
      </c>
      <c r="CB37" s="253">
        <v>0</v>
      </c>
      <c r="CC37" s="257">
        <v>0</v>
      </c>
      <c r="CD37" s="254">
        <v>0</v>
      </c>
      <c r="CE37" s="256">
        <v>0</v>
      </c>
      <c r="CF37" s="257">
        <v>0</v>
      </c>
      <c r="CG37" s="257">
        <v>0</v>
      </c>
      <c r="CH37" s="257">
        <v>0</v>
      </c>
      <c r="CI37" s="257">
        <v>0</v>
      </c>
      <c r="CJ37" s="257">
        <v>0</v>
      </c>
      <c r="CK37" s="254">
        <v>0</v>
      </c>
      <c r="CL37" s="259">
        <v>0</v>
      </c>
      <c r="CM37" s="253">
        <v>0</v>
      </c>
      <c r="CN37" s="257">
        <v>0</v>
      </c>
      <c r="CO37" s="254">
        <v>0</v>
      </c>
      <c r="CP37" s="256">
        <v>0</v>
      </c>
      <c r="CQ37" s="257">
        <v>0</v>
      </c>
      <c r="CR37" s="257">
        <v>0</v>
      </c>
      <c r="CS37" s="257">
        <v>0</v>
      </c>
      <c r="CT37" s="257">
        <v>0</v>
      </c>
      <c r="CU37" s="257">
        <v>0</v>
      </c>
      <c r="CV37" s="254">
        <v>0</v>
      </c>
      <c r="CW37" s="259">
        <v>0</v>
      </c>
      <c r="CX37" s="253">
        <v>0</v>
      </c>
      <c r="CY37" s="257">
        <v>0</v>
      </c>
      <c r="CZ37" s="254">
        <v>0</v>
      </c>
      <c r="DA37" s="256">
        <v>0</v>
      </c>
      <c r="DB37" s="257">
        <v>0</v>
      </c>
      <c r="DC37" s="257">
        <v>0</v>
      </c>
      <c r="DD37" s="257">
        <v>0</v>
      </c>
      <c r="DE37" s="257">
        <v>0</v>
      </c>
      <c r="DF37" s="257">
        <v>0</v>
      </c>
      <c r="DG37" s="254">
        <v>0</v>
      </c>
      <c r="DH37" s="259">
        <v>0</v>
      </c>
    </row>
    <row r="38" spans="2:112" ht="21" customHeight="1" x14ac:dyDescent="0.2">
      <c r="B38" s="437" t="s">
        <v>36</v>
      </c>
      <c r="C38" s="253">
        <v>0</v>
      </c>
      <c r="D38" s="257">
        <v>0</v>
      </c>
      <c r="E38" s="340">
        <v>0</v>
      </c>
      <c r="F38" s="256">
        <v>0</v>
      </c>
      <c r="G38" s="257">
        <v>12</v>
      </c>
      <c r="H38" s="257">
        <v>0</v>
      </c>
      <c r="I38" s="257">
        <v>8</v>
      </c>
      <c r="J38" s="257">
        <v>0</v>
      </c>
      <c r="K38" s="257">
        <v>124</v>
      </c>
      <c r="L38" s="258">
        <v>144</v>
      </c>
      <c r="M38" s="259">
        <v>144</v>
      </c>
      <c r="N38" s="253">
        <v>0</v>
      </c>
      <c r="O38" s="257">
        <v>0</v>
      </c>
      <c r="P38" s="254">
        <v>0</v>
      </c>
      <c r="Q38" s="256">
        <v>0</v>
      </c>
      <c r="R38" s="257">
        <v>0</v>
      </c>
      <c r="S38" s="257">
        <v>0</v>
      </c>
      <c r="T38" s="257">
        <v>0</v>
      </c>
      <c r="U38" s="257">
        <v>4</v>
      </c>
      <c r="V38" s="257">
        <v>0</v>
      </c>
      <c r="W38" s="254">
        <v>4</v>
      </c>
      <c r="X38" s="259">
        <v>4</v>
      </c>
      <c r="Y38" s="253">
        <v>9</v>
      </c>
      <c r="Z38" s="257">
        <v>0</v>
      </c>
      <c r="AA38" s="254">
        <v>9</v>
      </c>
      <c r="AB38" s="256">
        <v>0</v>
      </c>
      <c r="AC38" s="257">
        <v>8</v>
      </c>
      <c r="AD38" s="257">
        <v>0</v>
      </c>
      <c r="AE38" s="257">
        <v>12</v>
      </c>
      <c r="AF38" s="257">
        <v>25</v>
      </c>
      <c r="AG38" s="257">
        <v>0</v>
      </c>
      <c r="AH38" s="254">
        <v>45</v>
      </c>
      <c r="AI38" s="259">
        <v>54</v>
      </c>
      <c r="AJ38" s="253">
        <v>0</v>
      </c>
      <c r="AK38" s="257">
        <v>2</v>
      </c>
      <c r="AL38" s="254">
        <v>2</v>
      </c>
      <c r="AM38" s="256">
        <v>0</v>
      </c>
      <c r="AN38" s="257">
        <v>0</v>
      </c>
      <c r="AO38" s="257">
        <v>8</v>
      </c>
      <c r="AP38" s="257">
        <v>8</v>
      </c>
      <c r="AQ38" s="257">
        <v>4</v>
      </c>
      <c r="AR38" s="257">
        <v>0</v>
      </c>
      <c r="AS38" s="254">
        <v>20</v>
      </c>
      <c r="AT38" s="259">
        <v>22</v>
      </c>
      <c r="AU38" s="253">
        <v>0</v>
      </c>
      <c r="AV38" s="257">
        <v>0</v>
      </c>
      <c r="AW38" s="254">
        <v>0</v>
      </c>
      <c r="AX38" s="256">
        <v>0</v>
      </c>
      <c r="AY38" s="257">
        <v>12</v>
      </c>
      <c r="AZ38" s="257">
        <v>12</v>
      </c>
      <c r="BA38" s="257">
        <v>0</v>
      </c>
      <c r="BB38" s="257">
        <v>0</v>
      </c>
      <c r="BC38" s="257">
        <v>0</v>
      </c>
      <c r="BD38" s="258">
        <v>24</v>
      </c>
      <c r="BE38" s="259">
        <v>24</v>
      </c>
      <c r="BF38" s="253">
        <v>0</v>
      </c>
      <c r="BG38" s="257">
        <v>0</v>
      </c>
      <c r="BH38" s="254">
        <v>0</v>
      </c>
      <c r="BI38" s="256">
        <v>0</v>
      </c>
      <c r="BJ38" s="257">
        <v>0</v>
      </c>
      <c r="BK38" s="257">
        <v>0</v>
      </c>
      <c r="BL38" s="257">
        <v>0</v>
      </c>
      <c r="BM38" s="257">
        <v>7</v>
      </c>
      <c r="BN38" s="257">
        <v>0</v>
      </c>
      <c r="BO38" s="254">
        <v>7</v>
      </c>
      <c r="BP38" s="259">
        <v>7</v>
      </c>
      <c r="BQ38" s="253">
        <v>0</v>
      </c>
      <c r="BR38" s="257">
        <v>0</v>
      </c>
      <c r="BS38" s="254">
        <v>0</v>
      </c>
      <c r="BT38" s="256">
        <v>0</v>
      </c>
      <c r="BU38" s="257">
        <v>0</v>
      </c>
      <c r="BV38" s="257">
        <v>3</v>
      </c>
      <c r="BW38" s="257">
        <v>0</v>
      </c>
      <c r="BX38" s="257">
        <v>30</v>
      </c>
      <c r="BY38" s="257">
        <v>0</v>
      </c>
      <c r="BZ38" s="254">
        <v>33</v>
      </c>
      <c r="CA38" s="259">
        <v>33</v>
      </c>
      <c r="CB38" s="253">
        <v>0</v>
      </c>
      <c r="CC38" s="257">
        <v>0</v>
      </c>
      <c r="CD38" s="254">
        <v>0</v>
      </c>
      <c r="CE38" s="256">
        <v>0</v>
      </c>
      <c r="CF38" s="257">
        <v>0</v>
      </c>
      <c r="CG38" s="257">
        <v>0</v>
      </c>
      <c r="CH38" s="257">
        <v>0</v>
      </c>
      <c r="CI38" s="257">
        <v>0</v>
      </c>
      <c r="CJ38" s="257">
        <v>0</v>
      </c>
      <c r="CK38" s="254">
        <v>0</v>
      </c>
      <c r="CL38" s="259">
        <v>0</v>
      </c>
      <c r="CM38" s="253">
        <v>0</v>
      </c>
      <c r="CN38" s="257">
        <v>0</v>
      </c>
      <c r="CO38" s="254">
        <v>0</v>
      </c>
      <c r="CP38" s="256">
        <v>0</v>
      </c>
      <c r="CQ38" s="257">
        <v>0</v>
      </c>
      <c r="CR38" s="257">
        <v>0</v>
      </c>
      <c r="CS38" s="257">
        <v>0</v>
      </c>
      <c r="CT38" s="257">
        <v>0</v>
      </c>
      <c r="CU38" s="257">
        <v>0</v>
      </c>
      <c r="CV38" s="254">
        <v>0</v>
      </c>
      <c r="CW38" s="259">
        <v>0</v>
      </c>
      <c r="CX38" s="253">
        <v>0</v>
      </c>
      <c r="CY38" s="257">
        <v>0</v>
      </c>
      <c r="CZ38" s="254">
        <v>0</v>
      </c>
      <c r="DA38" s="256">
        <v>0</v>
      </c>
      <c r="DB38" s="257">
        <v>0</v>
      </c>
      <c r="DC38" s="257">
        <v>0</v>
      </c>
      <c r="DD38" s="257">
        <v>0</v>
      </c>
      <c r="DE38" s="257">
        <v>0</v>
      </c>
      <c r="DF38" s="257">
        <v>0</v>
      </c>
      <c r="DG38" s="254">
        <v>0</v>
      </c>
      <c r="DH38" s="259">
        <v>0</v>
      </c>
    </row>
    <row r="39" spans="2:112" ht="21" customHeight="1" thickBot="1" x14ac:dyDescent="0.25">
      <c r="B39" s="438" t="s">
        <v>37</v>
      </c>
      <c r="C39" s="260">
        <v>0</v>
      </c>
      <c r="D39" s="264">
        <v>0</v>
      </c>
      <c r="E39" s="341">
        <v>0</v>
      </c>
      <c r="F39" s="263">
        <v>0</v>
      </c>
      <c r="G39" s="264">
        <v>0</v>
      </c>
      <c r="H39" s="264">
        <v>0</v>
      </c>
      <c r="I39" s="264">
        <v>0</v>
      </c>
      <c r="J39" s="264">
        <v>0</v>
      </c>
      <c r="K39" s="264">
        <v>0</v>
      </c>
      <c r="L39" s="265">
        <v>0</v>
      </c>
      <c r="M39" s="266">
        <v>0</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0</v>
      </c>
      <c r="AG39" s="264">
        <v>0</v>
      </c>
      <c r="AH39" s="261">
        <v>0</v>
      </c>
      <c r="AI39" s="266">
        <v>0</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11</v>
      </c>
      <c r="BA39" s="264">
        <v>0</v>
      </c>
      <c r="BB39" s="264">
        <v>0</v>
      </c>
      <c r="BC39" s="264">
        <v>0</v>
      </c>
      <c r="BD39" s="265">
        <v>11</v>
      </c>
      <c r="BE39" s="266">
        <v>11</v>
      </c>
      <c r="BF39" s="260">
        <v>0</v>
      </c>
      <c r="BG39" s="264">
        <v>0</v>
      </c>
      <c r="BH39" s="261">
        <v>0</v>
      </c>
      <c r="BI39" s="263">
        <v>0</v>
      </c>
      <c r="BJ39" s="264">
        <v>4</v>
      </c>
      <c r="BK39" s="264">
        <v>0</v>
      </c>
      <c r="BL39" s="264">
        <v>7</v>
      </c>
      <c r="BM39" s="264">
        <v>0</v>
      </c>
      <c r="BN39" s="264">
        <v>0</v>
      </c>
      <c r="BO39" s="261">
        <v>11</v>
      </c>
      <c r="BP39" s="266">
        <v>11</v>
      </c>
      <c r="BQ39" s="260">
        <v>0</v>
      </c>
      <c r="BR39" s="264">
        <v>0</v>
      </c>
      <c r="BS39" s="261">
        <v>0</v>
      </c>
      <c r="BT39" s="263">
        <v>0</v>
      </c>
      <c r="BU39" s="264">
        <v>0</v>
      </c>
      <c r="BV39" s="264">
        <v>0</v>
      </c>
      <c r="BW39" s="264">
        <v>0</v>
      </c>
      <c r="BX39" s="264">
        <v>0</v>
      </c>
      <c r="BY39" s="264">
        <v>0</v>
      </c>
      <c r="BZ39" s="261">
        <v>0</v>
      </c>
      <c r="CA39" s="266">
        <v>0</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0</v>
      </c>
      <c r="CV39" s="261">
        <v>0</v>
      </c>
      <c r="CW39" s="266">
        <v>0</v>
      </c>
      <c r="CX39" s="260">
        <v>0</v>
      </c>
      <c r="CY39" s="264">
        <v>0</v>
      </c>
      <c r="CZ39" s="261">
        <v>0</v>
      </c>
      <c r="DA39" s="263">
        <v>0</v>
      </c>
      <c r="DB39" s="264">
        <v>0</v>
      </c>
      <c r="DC39" s="264">
        <v>0</v>
      </c>
      <c r="DD39" s="264">
        <v>0</v>
      </c>
      <c r="DE39" s="264">
        <v>0</v>
      </c>
      <c r="DF39" s="264">
        <v>0</v>
      </c>
      <c r="DG39" s="261">
        <v>0</v>
      </c>
      <c r="DH39" s="266">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5" width="9" style="238"/>
    <col min="6" max="6" width="7.77734375" style="238" customWidth="1"/>
    <col min="7" max="7" width="9" style="238"/>
    <col min="8" max="8" width="10.6640625" style="238" customWidth="1"/>
    <col min="9" max="16" width="9" style="238"/>
    <col min="17" max="17" width="7.88671875" style="238" customWidth="1"/>
    <col min="18" max="27" width="9" style="238"/>
    <col min="28" max="28" width="7.77734375" style="238" customWidth="1"/>
    <col min="29" max="38" width="9" style="238"/>
    <col min="39" max="39" width="7.5546875" style="238" customWidth="1"/>
    <col min="40" max="49" width="9" style="238"/>
    <col min="50" max="50" width="7.77734375" style="238" customWidth="1"/>
    <col min="51" max="60" width="9" style="238"/>
    <col min="61" max="61" width="7.44140625" style="238" customWidth="1"/>
    <col min="62" max="71" width="9" style="238"/>
    <col min="72" max="72" width="7.33203125" style="238" customWidth="1"/>
    <col min="73" max="82" width="9" style="238"/>
    <col min="83" max="83" width="7.44140625" style="238" customWidth="1"/>
    <col min="84" max="93" width="9" style="238"/>
    <col min="94" max="94" width="7.6640625" style="238" customWidth="1"/>
    <col min="95" max="16384" width="9" style="238"/>
  </cols>
  <sheetData>
    <row r="1" spans="2:112" ht="24" customHeight="1" x14ac:dyDescent="0.2">
      <c r="B1" s="267" t="s">
        <v>122</v>
      </c>
      <c r="J1" s="495">
        <f>第１表!F2</f>
        <v>6</v>
      </c>
      <c r="K1" s="495"/>
      <c r="L1" s="231">
        <f>第１表!G2</f>
        <v>3</v>
      </c>
      <c r="M1" s="499">
        <f>IF(L1&lt;3,L1+12-2,L1-2)</f>
        <v>1</v>
      </c>
      <c r="N1" s="499"/>
    </row>
    <row r="2" spans="2:112" ht="24" customHeight="1" thickBot="1" x14ac:dyDescent="0.25">
      <c r="B2" s="267" t="s">
        <v>152</v>
      </c>
    </row>
    <row r="3" spans="2:112" ht="21" customHeight="1" thickBot="1" x14ac:dyDescent="0.25">
      <c r="B3" s="519"/>
      <c r="C3" s="522" t="s">
        <v>112</v>
      </c>
      <c r="D3" s="522"/>
      <c r="E3" s="522"/>
      <c r="F3" s="522"/>
      <c r="G3" s="522"/>
      <c r="H3" s="522"/>
      <c r="I3" s="522"/>
      <c r="J3" s="522"/>
      <c r="K3" s="522"/>
      <c r="L3" s="522"/>
      <c r="M3" s="523"/>
      <c r="N3" s="517" t="s">
        <v>111</v>
      </c>
      <c r="O3" s="517"/>
      <c r="P3" s="517"/>
      <c r="Q3" s="517"/>
      <c r="R3" s="517"/>
      <c r="S3" s="517"/>
      <c r="T3" s="517"/>
      <c r="U3" s="517"/>
      <c r="V3" s="517"/>
      <c r="W3" s="517"/>
      <c r="X3" s="518"/>
      <c r="Y3" s="516" t="s">
        <v>110</v>
      </c>
      <c r="Z3" s="517"/>
      <c r="AA3" s="517"/>
      <c r="AB3" s="517"/>
      <c r="AC3" s="517"/>
      <c r="AD3" s="517"/>
      <c r="AE3" s="517"/>
      <c r="AF3" s="517"/>
      <c r="AG3" s="517"/>
      <c r="AH3" s="517"/>
      <c r="AI3" s="518"/>
      <c r="AJ3" s="516" t="s">
        <v>109</v>
      </c>
      <c r="AK3" s="517"/>
      <c r="AL3" s="517"/>
      <c r="AM3" s="517"/>
      <c r="AN3" s="517"/>
      <c r="AO3" s="517"/>
      <c r="AP3" s="517"/>
      <c r="AQ3" s="517"/>
      <c r="AR3" s="517"/>
      <c r="AS3" s="517"/>
      <c r="AT3" s="518"/>
      <c r="AU3" s="516" t="s">
        <v>108</v>
      </c>
      <c r="AV3" s="517"/>
      <c r="AW3" s="517"/>
      <c r="AX3" s="517"/>
      <c r="AY3" s="517"/>
      <c r="AZ3" s="517"/>
      <c r="BA3" s="517"/>
      <c r="BB3" s="517"/>
      <c r="BC3" s="517"/>
      <c r="BD3" s="517"/>
      <c r="BE3" s="518"/>
      <c r="BF3" s="516" t="s">
        <v>107</v>
      </c>
      <c r="BG3" s="517"/>
      <c r="BH3" s="517"/>
      <c r="BI3" s="517"/>
      <c r="BJ3" s="517"/>
      <c r="BK3" s="517"/>
      <c r="BL3" s="517"/>
      <c r="BM3" s="517"/>
      <c r="BN3" s="517"/>
      <c r="BO3" s="517"/>
      <c r="BP3" s="518"/>
      <c r="BQ3" s="516" t="s">
        <v>106</v>
      </c>
      <c r="BR3" s="517"/>
      <c r="BS3" s="517"/>
      <c r="BT3" s="517"/>
      <c r="BU3" s="517"/>
      <c r="BV3" s="517"/>
      <c r="BW3" s="517"/>
      <c r="BX3" s="517"/>
      <c r="BY3" s="517"/>
      <c r="BZ3" s="517"/>
      <c r="CA3" s="518"/>
      <c r="CB3" s="516" t="s">
        <v>126</v>
      </c>
      <c r="CC3" s="517"/>
      <c r="CD3" s="517"/>
      <c r="CE3" s="517"/>
      <c r="CF3" s="517"/>
      <c r="CG3" s="517"/>
      <c r="CH3" s="517"/>
      <c r="CI3" s="517"/>
      <c r="CJ3" s="517"/>
      <c r="CK3" s="517"/>
      <c r="CL3" s="518"/>
      <c r="CM3" s="516" t="s">
        <v>159</v>
      </c>
      <c r="CN3" s="517"/>
      <c r="CO3" s="517"/>
      <c r="CP3" s="517"/>
      <c r="CQ3" s="517"/>
      <c r="CR3" s="517"/>
      <c r="CS3" s="517"/>
      <c r="CT3" s="517"/>
      <c r="CU3" s="517"/>
      <c r="CV3" s="517"/>
      <c r="CW3" s="518"/>
      <c r="CX3" s="516" t="s">
        <v>155</v>
      </c>
      <c r="CY3" s="517"/>
      <c r="CZ3" s="517"/>
      <c r="DA3" s="517"/>
      <c r="DB3" s="517"/>
      <c r="DC3" s="517"/>
      <c r="DD3" s="517"/>
      <c r="DE3" s="517"/>
      <c r="DF3" s="517"/>
      <c r="DG3" s="517"/>
      <c r="DH3" s="518"/>
    </row>
    <row r="4" spans="2:112" ht="21" customHeight="1" x14ac:dyDescent="0.2">
      <c r="B4" s="520"/>
      <c r="C4" s="524" t="s">
        <v>61</v>
      </c>
      <c r="D4" s="507"/>
      <c r="E4" s="508"/>
      <c r="F4" s="506" t="s">
        <v>62</v>
      </c>
      <c r="G4" s="507"/>
      <c r="H4" s="507"/>
      <c r="I4" s="507"/>
      <c r="J4" s="507"/>
      <c r="K4" s="507"/>
      <c r="L4" s="515"/>
      <c r="M4" s="509" t="s">
        <v>52</v>
      </c>
      <c r="N4" s="524" t="s">
        <v>61</v>
      </c>
      <c r="O4" s="507"/>
      <c r="P4" s="508"/>
      <c r="Q4" s="506" t="s">
        <v>62</v>
      </c>
      <c r="R4" s="507"/>
      <c r="S4" s="507"/>
      <c r="T4" s="507"/>
      <c r="U4" s="507"/>
      <c r="V4" s="507"/>
      <c r="W4" s="508"/>
      <c r="X4" s="509" t="s">
        <v>52</v>
      </c>
      <c r="Y4" s="511" t="s">
        <v>61</v>
      </c>
      <c r="Z4" s="507"/>
      <c r="AA4" s="515"/>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15"/>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row>
    <row r="5" spans="2:112" ht="30" customHeight="1" thickBot="1" x14ac:dyDescent="0.25">
      <c r="B5" s="521"/>
      <c r="C5" s="241" t="s">
        <v>43</v>
      </c>
      <c r="D5" s="242" t="s">
        <v>44</v>
      </c>
      <c r="E5" s="243" t="s">
        <v>45</v>
      </c>
      <c r="F5" s="244" t="s">
        <v>83</v>
      </c>
      <c r="G5" s="239" t="s">
        <v>47</v>
      </c>
      <c r="H5" s="239" t="s">
        <v>48</v>
      </c>
      <c r="I5" s="239" t="s">
        <v>49</v>
      </c>
      <c r="J5" s="239" t="s">
        <v>50</v>
      </c>
      <c r="K5" s="239" t="s">
        <v>51</v>
      </c>
      <c r="L5" s="245" t="s">
        <v>45</v>
      </c>
      <c r="M5" s="510"/>
      <c r="N5" s="241" t="s">
        <v>43</v>
      </c>
      <c r="O5" s="239" t="s">
        <v>44</v>
      </c>
      <c r="P5" s="242" t="s">
        <v>45</v>
      </c>
      <c r="Q5" s="244" t="s">
        <v>83</v>
      </c>
      <c r="R5" s="239" t="s">
        <v>47</v>
      </c>
      <c r="S5" s="239" t="s">
        <v>48</v>
      </c>
      <c r="T5" s="239" t="s">
        <v>49</v>
      </c>
      <c r="U5" s="239" t="s">
        <v>50</v>
      </c>
      <c r="V5" s="239" t="s">
        <v>51</v>
      </c>
      <c r="W5" s="242" t="s">
        <v>45</v>
      </c>
      <c r="X5" s="510"/>
      <c r="Y5" s="309" t="s">
        <v>43</v>
      </c>
      <c r="Z5" s="239" t="s">
        <v>44</v>
      </c>
      <c r="AA5" s="245" t="s">
        <v>45</v>
      </c>
      <c r="AB5" s="244" t="s">
        <v>83</v>
      </c>
      <c r="AC5" s="239" t="s">
        <v>47</v>
      </c>
      <c r="AD5" s="239" t="s">
        <v>48</v>
      </c>
      <c r="AE5" s="239" t="s">
        <v>49</v>
      </c>
      <c r="AF5" s="239" t="s">
        <v>50</v>
      </c>
      <c r="AG5" s="239" t="s">
        <v>51</v>
      </c>
      <c r="AH5" s="242" t="s">
        <v>45</v>
      </c>
      <c r="AI5" s="510"/>
      <c r="AJ5" s="309" t="s">
        <v>43</v>
      </c>
      <c r="AK5" s="239" t="s">
        <v>44</v>
      </c>
      <c r="AL5" s="242" t="s">
        <v>45</v>
      </c>
      <c r="AM5" s="244" t="s">
        <v>83</v>
      </c>
      <c r="AN5" s="239" t="s">
        <v>47</v>
      </c>
      <c r="AO5" s="239" t="s">
        <v>48</v>
      </c>
      <c r="AP5" s="239" t="s">
        <v>49</v>
      </c>
      <c r="AQ5" s="239" t="s">
        <v>50</v>
      </c>
      <c r="AR5" s="239" t="s">
        <v>51</v>
      </c>
      <c r="AS5" s="242" t="s">
        <v>45</v>
      </c>
      <c r="AT5" s="510"/>
      <c r="AU5" s="309" t="s">
        <v>43</v>
      </c>
      <c r="AV5" s="239" t="s">
        <v>44</v>
      </c>
      <c r="AW5" s="245" t="s">
        <v>45</v>
      </c>
      <c r="AX5" s="244" t="s">
        <v>83</v>
      </c>
      <c r="AY5" s="239" t="s">
        <v>47</v>
      </c>
      <c r="AZ5" s="239" t="s">
        <v>48</v>
      </c>
      <c r="BA5" s="239" t="s">
        <v>49</v>
      </c>
      <c r="BB5" s="239" t="s">
        <v>50</v>
      </c>
      <c r="BC5" s="239" t="s">
        <v>51</v>
      </c>
      <c r="BD5" s="245" t="s">
        <v>45</v>
      </c>
      <c r="BE5" s="510"/>
      <c r="BF5" s="309" t="s">
        <v>43</v>
      </c>
      <c r="BG5" s="239" t="s">
        <v>44</v>
      </c>
      <c r="BH5" s="242" t="s">
        <v>45</v>
      </c>
      <c r="BI5" s="244" t="s">
        <v>83</v>
      </c>
      <c r="BJ5" s="239" t="s">
        <v>47</v>
      </c>
      <c r="BK5" s="239" t="s">
        <v>48</v>
      </c>
      <c r="BL5" s="239" t="s">
        <v>49</v>
      </c>
      <c r="BM5" s="239" t="s">
        <v>50</v>
      </c>
      <c r="BN5" s="239" t="s">
        <v>51</v>
      </c>
      <c r="BO5" s="242" t="s">
        <v>45</v>
      </c>
      <c r="BP5" s="510"/>
      <c r="BQ5" s="309" t="s">
        <v>43</v>
      </c>
      <c r="BR5" s="239" t="s">
        <v>44</v>
      </c>
      <c r="BS5" s="242" t="s">
        <v>45</v>
      </c>
      <c r="BT5" s="244" t="s">
        <v>83</v>
      </c>
      <c r="BU5" s="239" t="s">
        <v>47</v>
      </c>
      <c r="BV5" s="239" t="s">
        <v>48</v>
      </c>
      <c r="BW5" s="239" t="s">
        <v>49</v>
      </c>
      <c r="BX5" s="239" t="s">
        <v>50</v>
      </c>
      <c r="BY5" s="239" t="s">
        <v>51</v>
      </c>
      <c r="BZ5" s="242" t="s">
        <v>45</v>
      </c>
      <c r="CA5" s="510"/>
      <c r="CB5" s="309" t="s">
        <v>43</v>
      </c>
      <c r="CC5" s="239" t="s">
        <v>44</v>
      </c>
      <c r="CD5" s="242" t="s">
        <v>45</v>
      </c>
      <c r="CE5" s="244" t="s">
        <v>83</v>
      </c>
      <c r="CF5" s="239" t="s">
        <v>47</v>
      </c>
      <c r="CG5" s="239" t="s">
        <v>48</v>
      </c>
      <c r="CH5" s="239" t="s">
        <v>49</v>
      </c>
      <c r="CI5" s="239" t="s">
        <v>50</v>
      </c>
      <c r="CJ5" s="239" t="s">
        <v>51</v>
      </c>
      <c r="CK5" s="242" t="s">
        <v>45</v>
      </c>
      <c r="CL5" s="510"/>
      <c r="CM5" s="321" t="s">
        <v>43</v>
      </c>
      <c r="CN5" s="239" t="s">
        <v>44</v>
      </c>
      <c r="CO5" s="242" t="s">
        <v>45</v>
      </c>
      <c r="CP5" s="244" t="s">
        <v>83</v>
      </c>
      <c r="CQ5" s="239" t="s">
        <v>47</v>
      </c>
      <c r="CR5" s="239" t="s">
        <v>48</v>
      </c>
      <c r="CS5" s="239" t="s">
        <v>49</v>
      </c>
      <c r="CT5" s="239" t="s">
        <v>50</v>
      </c>
      <c r="CU5" s="239" t="s">
        <v>51</v>
      </c>
      <c r="CV5" s="242" t="s">
        <v>45</v>
      </c>
      <c r="CW5" s="510"/>
      <c r="CX5" s="321" t="s">
        <v>43</v>
      </c>
      <c r="CY5" s="239" t="s">
        <v>44</v>
      </c>
      <c r="CZ5" s="242" t="s">
        <v>45</v>
      </c>
      <c r="DA5" s="244" t="s">
        <v>83</v>
      </c>
      <c r="DB5" s="239" t="s">
        <v>47</v>
      </c>
      <c r="DC5" s="239" t="s">
        <v>48</v>
      </c>
      <c r="DD5" s="239" t="s">
        <v>49</v>
      </c>
      <c r="DE5" s="239" t="s">
        <v>50</v>
      </c>
      <c r="DF5" s="239" t="s">
        <v>51</v>
      </c>
      <c r="DG5" s="242" t="s">
        <v>45</v>
      </c>
      <c r="DH5" s="510"/>
    </row>
    <row r="6" spans="2:112" ht="21" customHeight="1" x14ac:dyDescent="0.2">
      <c r="B6" s="435" t="s">
        <v>4</v>
      </c>
      <c r="C6" s="246">
        <v>0</v>
      </c>
      <c r="D6" s="247">
        <v>0</v>
      </c>
      <c r="E6" s="248">
        <v>0</v>
      </c>
      <c r="F6" s="249">
        <v>0</v>
      </c>
      <c r="G6" s="250">
        <v>12368</v>
      </c>
      <c r="H6" s="250">
        <v>18518</v>
      </c>
      <c r="I6" s="250">
        <v>19136</v>
      </c>
      <c r="J6" s="250">
        <v>24526</v>
      </c>
      <c r="K6" s="250">
        <v>22042</v>
      </c>
      <c r="L6" s="251">
        <v>96590</v>
      </c>
      <c r="M6" s="252">
        <v>96590</v>
      </c>
      <c r="N6" s="246">
        <v>0</v>
      </c>
      <c r="O6" s="250">
        <v>10</v>
      </c>
      <c r="P6" s="247">
        <v>10</v>
      </c>
      <c r="Q6" s="249">
        <v>0</v>
      </c>
      <c r="R6" s="250">
        <v>56</v>
      </c>
      <c r="S6" s="250">
        <v>115</v>
      </c>
      <c r="T6" s="250">
        <v>223</v>
      </c>
      <c r="U6" s="250">
        <v>637</v>
      </c>
      <c r="V6" s="250">
        <v>1087</v>
      </c>
      <c r="W6" s="247">
        <v>2118</v>
      </c>
      <c r="X6" s="252">
        <v>2128</v>
      </c>
      <c r="Y6" s="246">
        <v>1232</v>
      </c>
      <c r="Z6" s="250">
        <v>3732</v>
      </c>
      <c r="AA6" s="247">
        <v>4964</v>
      </c>
      <c r="AB6" s="249">
        <v>0</v>
      </c>
      <c r="AC6" s="250">
        <v>9395</v>
      </c>
      <c r="AD6" s="250">
        <v>14077</v>
      </c>
      <c r="AE6" s="250">
        <v>8118</v>
      </c>
      <c r="AF6" s="250">
        <v>6588</v>
      </c>
      <c r="AG6" s="250">
        <v>5122</v>
      </c>
      <c r="AH6" s="247">
        <v>43300</v>
      </c>
      <c r="AI6" s="252">
        <v>48264</v>
      </c>
      <c r="AJ6" s="246">
        <v>183</v>
      </c>
      <c r="AK6" s="250">
        <v>644</v>
      </c>
      <c r="AL6" s="247">
        <v>827</v>
      </c>
      <c r="AM6" s="249">
        <v>0</v>
      </c>
      <c r="AN6" s="250">
        <v>961</v>
      </c>
      <c r="AO6" s="250">
        <v>1973</v>
      </c>
      <c r="AP6" s="250">
        <v>980</v>
      </c>
      <c r="AQ6" s="250">
        <v>1071</v>
      </c>
      <c r="AR6" s="250">
        <v>545</v>
      </c>
      <c r="AS6" s="247">
        <v>5530</v>
      </c>
      <c r="AT6" s="252">
        <v>6357</v>
      </c>
      <c r="AU6" s="246">
        <v>0</v>
      </c>
      <c r="AV6" s="250">
        <v>0</v>
      </c>
      <c r="AW6" s="247">
        <v>0</v>
      </c>
      <c r="AX6" s="249">
        <v>0</v>
      </c>
      <c r="AY6" s="250">
        <v>10109</v>
      </c>
      <c r="AZ6" s="250">
        <v>9869</v>
      </c>
      <c r="BA6" s="250">
        <v>5248</v>
      </c>
      <c r="BB6" s="250">
        <v>2819</v>
      </c>
      <c r="BC6" s="250">
        <v>1267</v>
      </c>
      <c r="BD6" s="251">
        <v>29312</v>
      </c>
      <c r="BE6" s="252">
        <v>29312</v>
      </c>
      <c r="BF6" s="246">
        <v>0</v>
      </c>
      <c r="BG6" s="250">
        <v>0</v>
      </c>
      <c r="BH6" s="247">
        <v>0</v>
      </c>
      <c r="BI6" s="249">
        <v>0</v>
      </c>
      <c r="BJ6" s="250">
        <v>2219</v>
      </c>
      <c r="BK6" s="250">
        <v>3168</v>
      </c>
      <c r="BL6" s="250">
        <v>2148</v>
      </c>
      <c r="BM6" s="250">
        <v>1140</v>
      </c>
      <c r="BN6" s="250">
        <v>527</v>
      </c>
      <c r="BO6" s="247">
        <v>9202</v>
      </c>
      <c r="BP6" s="252">
        <v>9202</v>
      </c>
      <c r="BQ6" s="246">
        <v>15</v>
      </c>
      <c r="BR6" s="250">
        <v>84</v>
      </c>
      <c r="BS6" s="247">
        <v>99</v>
      </c>
      <c r="BT6" s="249">
        <v>0</v>
      </c>
      <c r="BU6" s="250">
        <v>960</v>
      </c>
      <c r="BV6" s="250">
        <v>1901</v>
      </c>
      <c r="BW6" s="250">
        <v>2571</v>
      </c>
      <c r="BX6" s="250">
        <v>1687</v>
      </c>
      <c r="BY6" s="250">
        <v>1138</v>
      </c>
      <c r="BZ6" s="247">
        <v>8257</v>
      </c>
      <c r="CA6" s="252">
        <v>8356</v>
      </c>
      <c r="CB6" s="246">
        <v>3</v>
      </c>
      <c r="CC6" s="250">
        <v>8</v>
      </c>
      <c r="CD6" s="247">
        <v>11</v>
      </c>
      <c r="CE6" s="249">
        <v>0</v>
      </c>
      <c r="CF6" s="250">
        <v>263</v>
      </c>
      <c r="CG6" s="250">
        <v>296</v>
      </c>
      <c r="CH6" s="250">
        <v>323</v>
      </c>
      <c r="CI6" s="250">
        <v>296</v>
      </c>
      <c r="CJ6" s="250">
        <v>158</v>
      </c>
      <c r="CK6" s="247">
        <v>1336</v>
      </c>
      <c r="CL6" s="252">
        <v>1347</v>
      </c>
      <c r="CM6" s="246">
        <v>0</v>
      </c>
      <c r="CN6" s="250">
        <v>0</v>
      </c>
      <c r="CO6" s="247">
        <v>0</v>
      </c>
      <c r="CP6" s="249">
        <v>0</v>
      </c>
      <c r="CQ6" s="250">
        <v>0</v>
      </c>
      <c r="CR6" s="250">
        <v>0</v>
      </c>
      <c r="CS6" s="250">
        <v>0</v>
      </c>
      <c r="CT6" s="250">
        <v>0</v>
      </c>
      <c r="CU6" s="250">
        <v>0</v>
      </c>
      <c r="CV6" s="247">
        <v>0</v>
      </c>
      <c r="CW6" s="252">
        <v>0</v>
      </c>
      <c r="CX6" s="246">
        <v>0</v>
      </c>
      <c r="CY6" s="250">
        <v>0</v>
      </c>
      <c r="CZ6" s="247">
        <v>0</v>
      </c>
      <c r="DA6" s="249">
        <v>0</v>
      </c>
      <c r="DB6" s="250">
        <v>0</v>
      </c>
      <c r="DC6" s="250">
        <v>0</v>
      </c>
      <c r="DD6" s="250">
        <v>0</v>
      </c>
      <c r="DE6" s="250">
        <v>0</v>
      </c>
      <c r="DF6" s="250">
        <v>0</v>
      </c>
      <c r="DG6" s="247">
        <v>0</v>
      </c>
      <c r="DH6" s="252">
        <v>0</v>
      </c>
    </row>
    <row r="7" spans="2:112" ht="21" customHeight="1" x14ac:dyDescent="0.2">
      <c r="B7" s="436" t="s">
        <v>5</v>
      </c>
      <c r="C7" s="253">
        <v>0</v>
      </c>
      <c r="D7" s="254">
        <v>0</v>
      </c>
      <c r="E7" s="255">
        <v>0</v>
      </c>
      <c r="F7" s="256">
        <v>0</v>
      </c>
      <c r="G7" s="257">
        <v>4316</v>
      </c>
      <c r="H7" s="257">
        <v>8556</v>
      </c>
      <c r="I7" s="257">
        <v>7522</v>
      </c>
      <c r="J7" s="257">
        <v>10372</v>
      </c>
      <c r="K7" s="257">
        <v>9175</v>
      </c>
      <c r="L7" s="258">
        <v>39941</v>
      </c>
      <c r="M7" s="259">
        <v>39941</v>
      </c>
      <c r="N7" s="253">
        <v>0</v>
      </c>
      <c r="O7" s="257">
        <v>9</v>
      </c>
      <c r="P7" s="254">
        <v>9</v>
      </c>
      <c r="Q7" s="256">
        <v>0</v>
      </c>
      <c r="R7" s="257">
        <v>13</v>
      </c>
      <c r="S7" s="257">
        <v>34</v>
      </c>
      <c r="T7" s="257">
        <v>120</v>
      </c>
      <c r="U7" s="257">
        <v>253</v>
      </c>
      <c r="V7" s="257">
        <v>586</v>
      </c>
      <c r="W7" s="254">
        <v>1006</v>
      </c>
      <c r="X7" s="259">
        <v>1015</v>
      </c>
      <c r="Y7" s="253">
        <v>567</v>
      </c>
      <c r="Z7" s="257">
        <v>1976</v>
      </c>
      <c r="AA7" s="254">
        <v>2543</v>
      </c>
      <c r="AB7" s="256">
        <v>0</v>
      </c>
      <c r="AC7" s="257">
        <v>3277</v>
      </c>
      <c r="AD7" s="257">
        <v>7825</v>
      </c>
      <c r="AE7" s="257">
        <v>4054</v>
      </c>
      <c r="AF7" s="257">
        <v>3264</v>
      </c>
      <c r="AG7" s="257">
        <v>2501</v>
      </c>
      <c r="AH7" s="254">
        <v>20921</v>
      </c>
      <c r="AI7" s="259">
        <v>23464</v>
      </c>
      <c r="AJ7" s="253">
        <v>88</v>
      </c>
      <c r="AK7" s="257">
        <v>343</v>
      </c>
      <c r="AL7" s="254">
        <v>431</v>
      </c>
      <c r="AM7" s="256">
        <v>0</v>
      </c>
      <c r="AN7" s="257">
        <v>280</v>
      </c>
      <c r="AO7" s="257">
        <v>953</v>
      </c>
      <c r="AP7" s="257">
        <v>378</v>
      </c>
      <c r="AQ7" s="257">
        <v>461</v>
      </c>
      <c r="AR7" s="257">
        <v>225</v>
      </c>
      <c r="AS7" s="254">
        <v>2297</v>
      </c>
      <c r="AT7" s="259">
        <v>2728</v>
      </c>
      <c r="AU7" s="253">
        <v>0</v>
      </c>
      <c r="AV7" s="257">
        <v>0</v>
      </c>
      <c r="AW7" s="254">
        <v>0</v>
      </c>
      <c r="AX7" s="256">
        <v>0</v>
      </c>
      <c r="AY7" s="257">
        <v>3307</v>
      </c>
      <c r="AZ7" s="257">
        <v>4170</v>
      </c>
      <c r="BA7" s="257">
        <v>1985</v>
      </c>
      <c r="BB7" s="257">
        <v>1066</v>
      </c>
      <c r="BC7" s="257">
        <v>488</v>
      </c>
      <c r="BD7" s="258">
        <v>11016</v>
      </c>
      <c r="BE7" s="259">
        <v>11016</v>
      </c>
      <c r="BF7" s="253">
        <v>0</v>
      </c>
      <c r="BG7" s="257">
        <v>0</v>
      </c>
      <c r="BH7" s="254">
        <v>0</v>
      </c>
      <c r="BI7" s="256">
        <v>0</v>
      </c>
      <c r="BJ7" s="257">
        <v>705</v>
      </c>
      <c r="BK7" s="257">
        <v>1470</v>
      </c>
      <c r="BL7" s="257">
        <v>884</v>
      </c>
      <c r="BM7" s="257">
        <v>499</v>
      </c>
      <c r="BN7" s="257">
        <v>262</v>
      </c>
      <c r="BO7" s="254">
        <v>3820</v>
      </c>
      <c r="BP7" s="259">
        <v>3820</v>
      </c>
      <c r="BQ7" s="253">
        <v>0</v>
      </c>
      <c r="BR7" s="257">
        <v>31</v>
      </c>
      <c r="BS7" s="254">
        <v>31</v>
      </c>
      <c r="BT7" s="256">
        <v>0</v>
      </c>
      <c r="BU7" s="257">
        <v>345</v>
      </c>
      <c r="BV7" s="257">
        <v>754</v>
      </c>
      <c r="BW7" s="257">
        <v>1099</v>
      </c>
      <c r="BX7" s="257">
        <v>822</v>
      </c>
      <c r="BY7" s="257">
        <v>550</v>
      </c>
      <c r="BZ7" s="254">
        <v>3570</v>
      </c>
      <c r="CA7" s="259">
        <v>3601</v>
      </c>
      <c r="CB7" s="253">
        <v>3</v>
      </c>
      <c r="CC7" s="257">
        <v>3</v>
      </c>
      <c r="CD7" s="254">
        <v>6</v>
      </c>
      <c r="CE7" s="256">
        <v>0</v>
      </c>
      <c r="CF7" s="257">
        <v>113</v>
      </c>
      <c r="CG7" s="257">
        <v>206</v>
      </c>
      <c r="CH7" s="257">
        <v>148</v>
      </c>
      <c r="CI7" s="257">
        <v>191</v>
      </c>
      <c r="CJ7" s="257">
        <v>83</v>
      </c>
      <c r="CK7" s="254">
        <v>741</v>
      </c>
      <c r="CL7" s="259">
        <v>747</v>
      </c>
      <c r="CM7" s="253">
        <v>0</v>
      </c>
      <c r="CN7" s="257">
        <v>0</v>
      </c>
      <c r="CO7" s="254">
        <v>0</v>
      </c>
      <c r="CP7" s="256">
        <v>0</v>
      </c>
      <c r="CQ7" s="257">
        <v>0</v>
      </c>
      <c r="CR7" s="257">
        <v>0</v>
      </c>
      <c r="CS7" s="257">
        <v>0</v>
      </c>
      <c r="CT7" s="257">
        <v>0</v>
      </c>
      <c r="CU7" s="257">
        <v>0</v>
      </c>
      <c r="CV7" s="254">
        <v>0</v>
      </c>
      <c r="CW7" s="259">
        <v>0</v>
      </c>
      <c r="CX7" s="253">
        <v>0</v>
      </c>
      <c r="CY7" s="257">
        <v>0</v>
      </c>
      <c r="CZ7" s="254">
        <v>0</v>
      </c>
      <c r="DA7" s="256">
        <v>0</v>
      </c>
      <c r="DB7" s="257">
        <v>0</v>
      </c>
      <c r="DC7" s="257">
        <v>0</v>
      </c>
      <c r="DD7" s="257">
        <v>0</v>
      </c>
      <c r="DE7" s="257">
        <v>0</v>
      </c>
      <c r="DF7" s="257">
        <v>0</v>
      </c>
      <c r="DG7" s="254">
        <v>0</v>
      </c>
      <c r="DH7" s="259">
        <v>0</v>
      </c>
    </row>
    <row r="8" spans="2:112" ht="21" customHeight="1" x14ac:dyDescent="0.2">
      <c r="B8" s="437" t="s">
        <v>6</v>
      </c>
      <c r="C8" s="253">
        <v>0</v>
      </c>
      <c r="D8" s="254">
        <v>0</v>
      </c>
      <c r="E8" s="255">
        <v>0</v>
      </c>
      <c r="F8" s="256">
        <v>0</v>
      </c>
      <c r="G8" s="257">
        <v>2249</v>
      </c>
      <c r="H8" s="257">
        <v>2775</v>
      </c>
      <c r="I8" s="257">
        <v>2735</v>
      </c>
      <c r="J8" s="257">
        <v>4140</v>
      </c>
      <c r="K8" s="257">
        <v>4032</v>
      </c>
      <c r="L8" s="258">
        <v>15931</v>
      </c>
      <c r="M8" s="259">
        <v>15931</v>
      </c>
      <c r="N8" s="253">
        <v>0</v>
      </c>
      <c r="O8" s="257">
        <v>1</v>
      </c>
      <c r="P8" s="254">
        <v>1</v>
      </c>
      <c r="Q8" s="256">
        <v>0</v>
      </c>
      <c r="R8" s="257">
        <v>12</v>
      </c>
      <c r="S8" s="257">
        <v>29</v>
      </c>
      <c r="T8" s="257">
        <v>37</v>
      </c>
      <c r="U8" s="257">
        <v>115</v>
      </c>
      <c r="V8" s="257">
        <v>110</v>
      </c>
      <c r="W8" s="254">
        <v>303</v>
      </c>
      <c r="X8" s="259">
        <v>304</v>
      </c>
      <c r="Y8" s="253">
        <v>226</v>
      </c>
      <c r="Z8" s="257">
        <v>652</v>
      </c>
      <c r="AA8" s="254">
        <v>878</v>
      </c>
      <c r="AB8" s="256">
        <v>0</v>
      </c>
      <c r="AC8" s="257">
        <v>2771</v>
      </c>
      <c r="AD8" s="257">
        <v>2222</v>
      </c>
      <c r="AE8" s="257">
        <v>1551</v>
      </c>
      <c r="AF8" s="257">
        <v>1184</v>
      </c>
      <c r="AG8" s="257">
        <v>709</v>
      </c>
      <c r="AH8" s="254">
        <v>8437</v>
      </c>
      <c r="AI8" s="259">
        <v>9315</v>
      </c>
      <c r="AJ8" s="253">
        <v>28</v>
      </c>
      <c r="AK8" s="257">
        <v>44</v>
      </c>
      <c r="AL8" s="254">
        <v>72</v>
      </c>
      <c r="AM8" s="256">
        <v>0</v>
      </c>
      <c r="AN8" s="257">
        <v>245</v>
      </c>
      <c r="AO8" s="257">
        <v>214</v>
      </c>
      <c r="AP8" s="257">
        <v>143</v>
      </c>
      <c r="AQ8" s="257">
        <v>222</v>
      </c>
      <c r="AR8" s="257">
        <v>36</v>
      </c>
      <c r="AS8" s="254">
        <v>860</v>
      </c>
      <c r="AT8" s="259">
        <v>932</v>
      </c>
      <c r="AU8" s="253">
        <v>0</v>
      </c>
      <c r="AV8" s="257">
        <v>0</v>
      </c>
      <c r="AW8" s="254">
        <v>0</v>
      </c>
      <c r="AX8" s="256">
        <v>0</v>
      </c>
      <c r="AY8" s="257">
        <v>2052</v>
      </c>
      <c r="AZ8" s="257">
        <v>1407</v>
      </c>
      <c r="BA8" s="257">
        <v>748</v>
      </c>
      <c r="BB8" s="257">
        <v>452</v>
      </c>
      <c r="BC8" s="257">
        <v>155</v>
      </c>
      <c r="BD8" s="258">
        <v>4814</v>
      </c>
      <c r="BE8" s="259">
        <v>4814</v>
      </c>
      <c r="BF8" s="253">
        <v>0</v>
      </c>
      <c r="BG8" s="257">
        <v>0</v>
      </c>
      <c r="BH8" s="254">
        <v>0</v>
      </c>
      <c r="BI8" s="256">
        <v>0</v>
      </c>
      <c r="BJ8" s="257">
        <v>405</v>
      </c>
      <c r="BK8" s="257">
        <v>399</v>
      </c>
      <c r="BL8" s="257">
        <v>281</v>
      </c>
      <c r="BM8" s="257">
        <v>181</v>
      </c>
      <c r="BN8" s="257">
        <v>78</v>
      </c>
      <c r="BO8" s="254">
        <v>1344</v>
      </c>
      <c r="BP8" s="259">
        <v>1344</v>
      </c>
      <c r="BQ8" s="253">
        <v>0</v>
      </c>
      <c r="BR8" s="257">
        <v>4</v>
      </c>
      <c r="BS8" s="254">
        <v>4</v>
      </c>
      <c r="BT8" s="256">
        <v>0</v>
      </c>
      <c r="BU8" s="257">
        <v>85</v>
      </c>
      <c r="BV8" s="257">
        <v>211</v>
      </c>
      <c r="BW8" s="257">
        <v>335</v>
      </c>
      <c r="BX8" s="257">
        <v>252</v>
      </c>
      <c r="BY8" s="257">
        <v>135</v>
      </c>
      <c r="BZ8" s="254">
        <v>1018</v>
      </c>
      <c r="CA8" s="259">
        <v>1022</v>
      </c>
      <c r="CB8" s="253">
        <v>0</v>
      </c>
      <c r="CC8" s="257">
        <v>5</v>
      </c>
      <c r="CD8" s="254">
        <v>5</v>
      </c>
      <c r="CE8" s="256">
        <v>0</v>
      </c>
      <c r="CF8" s="257">
        <v>42</v>
      </c>
      <c r="CG8" s="257">
        <v>39</v>
      </c>
      <c r="CH8" s="257">
        <v>62</v>
      </c>
      <c r="CI8" s="257">
        <v>36</v>
      </c>
      <c r="CJ8" s="257">
        <v>47</v>
      </c>
      <c r="CK8" s="254">
        <v>226</v>
      </c>
      <c r="CL8" s="259">
        <v>231</v>
      </c>
      <c r="CM8" s="253">
        <v>0</v>
      </c>
      <c r="CN8" s="257">
        <v>0</v>
      </c>
      <c r="CO8" s="254">
        <v>0</v>
      </c>
      <c r="CP8" s="256">
        <v>0</v>
      </c>
      <c r="CQ8" s="257">
        <v>0</v>
      </c>
      <c r="CR8" s="257">
        <v>0</v>
      </c>
      <c r="CS8" s="257">
        <v>0</v>
      </c>
      <c r="CT8" s="257">
        <v>0</v>
      </c>
      <c r="CU8" s="257">
        <v>0</v>
      </c>
      <c r="CV8" s="254">
        <v>0</v>
      </c>
      <c r="CW8" s="259">
        <v>0</v>
      </c>
      <c r="CX8" s="253">
        <v>0</v>
      </c>
      <c r="CY8" s="257">
        <v>0</v>
      </c>
      <c r="CZ8" s="254">
        <v>0</v>
      </c>
      <c r="DA8" s="256">
        <v>0</v>
      </c>
      <c r="DB8" s="257">
        <v>0</v>
      </c>
      <c r="DC8" s="257">
        <v>0</v>
      </c>
      <c r="DD8" s="257">
        <v>0</v>
      </c>
      <c r="DE8" s="257">
        <v>0</v>
      </c>
      <c r="DF8" s="257">
        <v>0</v>
      </c>
      <c r="DG8" s="254">
        <v>0</v>
      </c>
      <c r="DH8" s="259">
        <v>0</v>
      </c>
    </row>
    <row r="9" spans="2:112" ht="21" customHeight="1" x14ac:dyDescent="0.2">
      <c r="B9" s="437" t="s">
        <v>14</v>
      </c>
      <c r="C9" s="253">
        <v>0</v>
      </c>
      <c r="D9" s="254">
        <v>0</v>
      </c>
      <c r="E9" s="255">
        <v>0</v>
      </c>
      <c r="F9" s="256">
        <v>0</v>
      </c>
      <c r="G9" s="257">
        <v>480</v>
      </c>
      <c r="H9" s="257">
        <v>1412</v>
      </c>
      <c r="I9" s="257">
        <v>919</v>
      </c>
      <c r="J9" s="257">
        <v>1478</v>
      </c>
      <c r="K9" s="257">
        <v>1775</v>
      </c>
      <c r="L9" s="258">
        <v>6064</v>
      </c>
      <c r="M9" s="259">
        <v>6064</v>
      </c>
      <c r="N9" s="253">
        <v>0</v>
      </c>
      <c r="O9" s="257">
        <v>0</v>
      </c>
      <c r="P9" s="254">
        <v>0</v>
      </c>
      <c r="Q9" s="256">
        <v>0</v>
      </c>
      <c r="R9" s="257">
        <v>1</v>
      </c>
      <c r="S9" s="257">
        <v>7</v>
      </c>
      <c r="T9" s="257">
        <v>13</v>
      </c>
      <c r="U9" s="257">
        <v>58</v>
      </c>
      <c r="V9" s="257">
        <v>65</v>
      </c>
      <c r="W9" s="254">
        <v>144</v>
      </c>
      <c r="X9" s="259">
        <v>144</v>
      </c>
      <c r="Y9" s="253">
        <v>45</v>
      </c>
      <c r="Z9" s="257">
        <v>156</v>
      </c>
      <c r="AA9" s="254">
        <v>201</v>
      </c>
      <c r="AB9" s="256">
        <v>0</v>
      </c>
      <c r="AC9" s="257">
        <v>250</v>
      </c>
      <c r="AD9" s="257">
        <v>878</v>
      </c>
      <c r="AE9" s="257">
        <v>391</v>
      </c>
      <c r="AF9" s="257">
        <v>384</v>
      </c>
      <c r="AG9" s="257">
        <v>355</v>
      </c>
      <c r="AH9" s="254">
        <v>2258</v>
      </c>
      <c r="AI9" s="259">
        <v>2459</v>
      </c>
      <c r="AJ9" s="253">
        <v>0</v>
      </c>
      <c r="AK9" s="257">
        <v>24</v>
      </c>
      <c r="AL9" s="254">
        <v>24</v>
      </c>
      <c r="AM9" s="256">
        <v>0</v>
      </c>
      <c r="AN9" s="257">
        <v>24</v>
      </c>
      <c r="AO9" s="257">
        <v>69</v>
      </c>
      <c r="AP9" s="257">
        <v>40</v>
      </c>
      <c r="AQ9" s="257">
        <v>0</v>
      </c>
      <c r="AR9" s="257">
        <v>8</v>
      </c>
      <c r="AS9" s="254">
        <v>141</v>
      </c>
      <c r="AT9" s="259">
        <v>165</v>
      </c>
      <c r="AU9" s="253">
        <v>0</v>
      </c>
      <c r="AV9" s="257">
        <v>0</v>
      </c>
      <c r="AW9" s="254">
        <v>0</v>
      </c>
      <c r="AX9" s="256">
        <v>0</v>
      </c>
      <c r="AY9" s="257">
        <v>697</v>
      </c>
      <c r="AZ9" s="257">
        <v>878</v>
      </c>
      <c r="BA9" s="257">
        <v>600</v>
      </c>
      <c r="BB9" s="257">
        <v>203</v>
      </c>
      <c r="BC9" s="257">
        <v>93</v>
      </c>
      <c r="BD9" s="258">
        <v>2471</v>
      </c>
      <c r="BE9" s="259">
        <v>2471</v>
      </c>
      <c r="BF9" s="253">
        <v>0</v>
      </c>
      <c r="BG9" s="257">
        <v>0</v>
      </c>
      <c r="BH9" s="254">
        <v>0</v>
      </c>
      <c r="BI9" s="256">
        <v>0</v>
      </c>
      <c r="BJ9" s="257">
        <v>42</v>
      </c>
      <c r="BK9" s="257">
        <v>144</v>
      </c>
      <c r="BL9" s="257">
        <v>109</v>
      </c>
      <c r="BM9" s="257">
        <v>43</v>
      </c>
      <c r="BN9" s="257">
        <v>19</v>
      </c>
      <c r="BO9" s="254">
        <v>357</v>
      </c>
      <c r="BP9" s="259">
        <v>357</v>
      </c>
      <c r="BQ9" s="253">
        <v>0</v>
      </c>
      <c r="BR9" s="257">
        <v>0</v>
      </c>
      <c r="BS9" s="254">
        <v>0</v>
      </c>
      <c r="BT9" s="256">
        <v>0</v>
      </c>
      <c r="BU9" s="257">
        <v>46</v>
      </c>
      <c r="BV9" s="257">
        <v>183</v>
      </c>
      <c r="BW9" s="257">
        <v>165</v>
      </c>
      <c r="BX9" s="257">
        <v>-52</v>
      </c>
      <c r="BY9" s="257">
        <v>27</v>
      </c>
      <c r="BZ9" s="254">
        <v>369</v>
      </c>
      <c r="CA9" s="259">
        <v>369</v>
      </c>
      <c r="CB9" s="253">
        <v>0</v>
      </c>
      <c r="CC9" s="257">
        <v>0</v>
      </c>
      <c r="CD9" s="254">
        <v>0</v>
      </c>
      <c r="CE9" s="256">
        <v>0</v>
      </c>
      <c r="CF9" s="257">
        <v>0</v>
      </c>
      <c r="CG9" s="257">
        <v>0</v>
      </c>
      <c r="CH9" s="257">
        <v>0</v>
      </c>
      <c r="CI9" s="257">
        <v>3</v>
      </c>
      <c r="CJ9" s="257">
        <v>0</v>
      </c>
      <c r="CK9" s="254">
        <v>3</v>
      </c>
      <c r="CL9" s="259">
        <v>3</v>
      </c>
      <c r="CM9" s="253">
        <v>0</v>
      </c>
      <c r="CN9" s="257">
        <v>0</v>
      </c>
      <c r="CO9" s="254">
        <v>0</v>
      </c>
      <c r="CP9" s="256">
        <v>0</v>
      </c>
      <c r="CQ9" s="257">
        <v>0</v>
      </c>
      <c r="CR9" s="257">
        <v>0</v>
      </c>
      <c r="CS9" s="257">
        <v>0</v>
      </c>
      <c r="CT9" s="257">
        <v>0</v>
      </c>
      <c r="CU9" s="257">
        <v>0</v>
      </c>
      <c r="CV9" s="254">
        <v>0</v>
      </c>
      <c r="CW9" s="259">
        <v>0</v>
      </c>
      <c r="CX9" s="253">
        <v>0</v>
      </c>
      <c r="CY9" s="257">
        <v>0</v>
      </c>
      <c r="CZ9" s="254">
        <v>0</v>
      </c>
      <c r="DA9" s="256">
        <v>0</v>
      </c>
      <c r="DB9" s="257">
        <v>0</v>
      </c>
      <c r="DC9" s="257">
        <v>0</v>
      </c>
      <c r="DD9" s="257">
        <v>0</v>
      </c>
      <c r="DE9" s="257">
        <v>0</v>
      </c>
      <c r="DF9" s="257">
        <v>0</v>
      </c>
      <c r="DG9" s="254">
        <v>0</v>
      </c>
      <c r="DH9" s="259">
        <v>0</v>
      </c>
    </row>
    <row r="10" spans="2:112" ht="21" customHeight="1" x14ac:dyDescent="0.2">
      <c r="B10" s="437" t="s">
        <v>7</v>
      </c>
      <c r="C10" s="253">
        <v>0</v>
      </c>
      <c r="D10" s="254">
        <v>0</v>
      </c>
      <c r="E10" s="255">
        <v>0</v>
      </c>
      <c r="F10" s="256">
        <v>0</v>
      </c>
      <c r="G10" s="257">
        <v>657</v>
      </c>
      <c r="H10" s="257">
        <v>580</v>
      </c>
      <c r="I10" s="257">
        <v>546</v>
      </c>
      <c r="J10" s="257">
        <v>797</v>
      </c>
      <c r="K10" s="257">
        <v>445</v>
      </c>
      <c r="L10" s="258">
        <v>3025</v>
      </c>
      <c r="M10" s="259">
        <v>3025</v>
      </c>
      <c r="N10" s="253">
        <v>0</v>
      </c>
      <c r="O10" s="257">
        <v>0</v>
      </c>
      <c r="P10" s="254">
        <v>0</v>
      </c>
      <c r="Q10" s="256">
        <v>0</v>
      </c>
      <c r="R10" s="257">
        <v>5</v>
      </c>
      <c r="S10" s="257">
        <v>1</v>
      </c>
      <c r="T10" s="257">
        <v>2</v>
      </c>
      <c r="U10" s="257">
        <v>35</v>
      </c>
      <c r="V10" s="257">
        <v>42</v>
      </c>
      <c r="W10" s="254">
        <v>85</v>
      </c>
      <c r="X10" s="259">
        <v>85</v>
      </c>
      <c r="Y10" s="253">
        <v>4</v>
      </c>
      <c r="Z10" s="257">
        <v>35</v>
      </c>
      <c r="AA10" s="254">
        <v>39</v>
      </c>
      <c r="AB10" s="256">
        <v>0</v>
      </c>
      <c r="AC10" s="257">
        <v>208</v>
      </c>
      <c r="AD10" s="257">
        <v>194</v>
      </c>
      <c r="AE10" s="257">
        <v>193</v>
      </c>
      <c r="AF10" s="257">
        <v>138</v>
      </c>
      <c r="AG10" s="257">
        <v>188</v>
      </c>
      <c r="AH10" s="254">
        <v>921</v>
      </c>
      <c r="AI10" s="259">
        <v>960</v>
      </c>
      <c r="AJ10" s="253">
        <v>8</v>
      </c>
      <c r="AK10" s="257">
        <v>0</v>
      </c>
      <c r="AL10" s="254">
        <v>8</v>
      </c>
      <c r="AM10" s="256">
        <v>0</v>
      </c>
      <c r="AN10" s="257">
        <v>34</v>
      </c>
      <c r="AO10" s="257">
        <v>88</v>
      </c>
      <c r="AP10" s="257">
        <v>29</v>
      </c>
      <c r="AQ10" s="257">
        <v>60</v>
      </c>
      <c r="AR10" s="257">
        <v>4</v>
      </c>
      <c r="AS10" s="254">
        <v>215</v>
      </c>
      <c r="AT10" s="259">
        <v>223</v>
      </c>
      <c r="AU10" s="253">
        <v>0</v>
      </c>
      <c r="AV10" s="257">
        <v>0</v>
      </c>
      <c r="AW10" s="254">
        <v>0</v>
      </c>
      <c r="AX10" s="256">
        <v>0</v>
      </c>
      <c r="AY10" s="257">
        <v>606</v>
      </c>
      <c r="AZ10" s="257">
        <v>339</v>
      </c>
      <c r="BA10" s="257">
        <v>134</v>
      </c>
      <c r="BB10" s="257">
        <v>71</v>
      </c>
      <c r="BC10" s="257">
        <v>49</v>
      </c>
      <c r="BD10" s="258">
        <v>1199</v>
      </c>
      <c r="BE10" s="259">
        <v>1199</v>
      </c>
      <c r="BF10" s="253">
        <v>0</v>
      </c>
      <c r="BG10" s="257">
        <v>0</v>
      </c>
      <c r="BH10" s="254">
        <v>0</v>
      </c>
      <c r="BI10" s="256">
        <v>0</v>
      </c>
      <c r="BJ10" s="257">
        <v>97</v>
      </c>
      <c r="BK10" s="257">
        <v>87</v>
      </c>
      <c r="BL10" s="257">
        <v>68</v>
      </c>
      <c r="BM10" s="257">
        <v>38</v>
      </c>
      <c r="BN10" s="257">
        <v>17</v>
      </c>
      <c r="BO10" s="254">
        <v>307</v>
      </c>
      <c r="BP10" s="259">
        <v>307</v>
      </c>
      <c r="BQ10" s="253">
        <v>0</v>
      </c>
      <c r="BR10" s="257">
        <v>0</v>
      </c>
      <c r="BS10" s="254">
        <v>0</v>
      </c>
      <c r="BT10" s="256">
        <v>0</v>
      </c>
      <c r="BU10" s="257">
        <v>76</v>
      </c>
      <c r="BV10" s="257">
        <v>88</v>
      </c>
      <c r="BW10" s="257">
        <v>10</v>
      </c>
      <c r="BX10" s="257">
        <v>73</v>
      </c>
      <c r="BY10" s="257">
        <v>33</v>
      </c>
      <c r="BZ10" s="254">
        <v>280</v>
      </c>
      <c r="CA10" s="259">
        <v>280</v>
      </c>
      <c r="CB10" s="253">
        <v>0</v>
      </c>
      <c r="CC10" s="257">
        <v>0</v>
      </c>
      <c r="CD10" s="254">
        <v>0</v>
      </c>
      <c r="CE10" s="256">
        <v>0</v>
      </c>
      <c r="CF10" s="257">
        <v>12</v>
      </c>
      <c r="CG10" s="257">
        <v>16</v>
      </c>
      <c r="CH10" s="257">
        <v>0</v>
      </c>
      <c r="CI10" s="257">
        <v>0</v>
      </c>
      <c r="CJ10" s="257">
        <v>0</v>
      </c>
      <c r="CK10" s="254">
        <v>28</v>
      </c>
      <c r="CL10" s="259">
        <v>28</v>
      </c>
      <c r="CM10" s="253">
        <v>0</v>
      </c>
      <c r="CN10" s="257">
        <v>0</v>
      </c>
      <c r="CO10" s="254">
        <v>0</v>
      </c>
      <c r="CP10" s="256">
        <v>0</v>
      </c>
      <c r="CQ10" s="257">
        <v>0</v>
      </c>
      <c r="CR10" s="257">
        <v>0</v>
      </c>
      <c r="CS10" s="257">
        <v>0</v>
      </c>
      <c r="CT10" s="257">
        <v>0</v>
      </c>
      <c r="CU10" s="257">
        <v>0</v>
      </c>
      <c r="CV10" s="254">
        <v>0</v>
      </c>
      <c r="CW10" s="259">
        <v>0</v>
      </c>
      <c r="CX10" s="253">
        <v>0</v>
      </c>
      <c r="CY10" s="257">
        <v>0</v>
      </c>
      <c r="CZ10" s="254">
        <v>0</v>
      </c>
      <c r="DA10" s="256">
        <v>0</v>
      </c>
      <c r="DB10" s="257">
        <v>0</v>
      </c>
      <c r="DC10" s="257">
        <v>0</v>
      </c>
      <c r="DD10" s="257">
        <v>0</v>
      </c>
      <c r="DE10" s="257">
        <v>0</v>
      </c>
      <c r="DF10" s="257">
        <v>0</v>
      </c>
      <c r="DG10" s="254">
        <v>0</v>
      </c>
      <c r="DH10" s="259">
        <v>0</v>
      </c>
    </row>
    <row r="11" spans="2:112" ht="21" customHeight="1" x14ac:dyDescent="0.2">
      <c r="B11" s="437" t="s">
        <v>8</v>
      </c>
      <c r="C11" s="253">
        <v>0</v>
      </c>
      <c r="D11" s="254">
        <v>0</v>
      </c>
      <c r="E11" s="255">
        <v>0</v>
      </c>
      <c r="F11" s="256">
        <v>0</v>
      </c>
      <c r="G11" s="257">
        <v>303</v>
      </c>
      <c r="H11" s="257">
        <v>479</v>
      </c>
      <c r="I11" s="257">
        <v>347</v>
      </c>
      <c r="J11" s="257">
        <v>408</v>
      </c>
      <c r="K11" s="257">
        <v>445</v>
      </c>
      <c r="L11" s="258">
        <v>1982</v>
      </c>
      <c r="M11" s="259">
        <v>1982</v>
      </c>
      <c r="N11" s="253">
        <v>0</v>
      </c>
      <c r="O11" s="257">
        <v>0</v>
      </c>
      <c r="P11" s="254">
        <v>0</v>
      </c>
      <c r="Q11" s="256">
        <v>0</v>
      </c>
      <c r="R11" s="257">
        <v>0</v>
      </c>
      <c r="S11" s="257">
        <v>0</v>
      </c>
      <c r="T11" s="257">
        <v>0</v>
      </c>
      <c r="U11" s="257">
        <v>9</v>
      </c>
      <c r="V11" s="257">
        <v>12</v>
      </c>
      <c r="W11" s="254">
        <v>21</v>
      </c>
      <c r="X11" s="259">
        <v>21</v>
      </c>
      <c r="Y11" s="253">
        <v>14</v>
      </c>
      <c r="Z11" s="257">
        <v>41</v>
      </c>
      <c r="AA11" s="254">
        <v>55</v>
      </c>
      <c r="AB11" s="256">
        <v>0</v>
      </c>
      <c r="AC11" s="257">
        <v>144</v>
      </c>
      <c r="AD11" s="257">
        <v>157</v>
      </c>
      <c r="AE11" s="257">
        <v>94</v>
      </c>
      <c r="AF11" s="257">
        <v>104</v>
      </c>
      <c r="AG11" s="257">
        <v>61</v>
      </c>
      <c r="AH11" s="254">
        <v>560</v>
      </c>
      <c r="AI11" s="259">
        <v>615</v>
      </c>
      <c r="AJ11" s="253">
        <v>8</v>
      </c>
      <c r="AK11" s="257">
        <v>32</v>
      </c>
      <c r="AL11" s="254">
        <v>40</v>
      </c>
      <c r="AM11" s="256">
        <v>0</v>
      </c>
      <c r="AN11" s="257">
        <v>40</v>
      </c>
      <c r="AO11" s="257">
        <v>82</v>
      </c>
      <c r="AP11" s="257">
        <v>38</v>
      </c>
      <c r="AQ11" s="257">
        <v>23</v>
      </c>
      <c r="AR11" s="257">
        <v>30</v>
      </c>
      <c r="AS11" s="254">
        <v>213</v>
      </c>
      <c r="AT11" s="259">
        <v>253</v>
      </c>
      <c r="AU11" s="253">
        <v>0</v>
      </c>
      <c r="AV11" s="257">
        <v>0</v>
      </c>
      <c r="AW11" s="254">
        <v>0</v>
      </c>
      <c r="AX11" s="256">
        <v>0</v>
      </c>
      <c r="AY11" s="257">
        <v>200</v>
      </c>
      <c r="AZ11" s="257">
        <v>269</v>
      </c>
      <c r="BA11" s="257">
        <v>132</v>
      </c>
      <c r="BB11" s="257">
        <v>68</v>
      </c>
      <c r="BC11" s="257">
        <v>38</v>
      </c>
      <c r="BD11" s="258">
        <v>707</v>
      </c>
      <c r="BE11" s="259">
        <v>707</v>
      </c>
      <c r="BF11" s="253">
        <v>0</v>
      </c>
      <c r="BG11" s="257">
        <v>0</v>
      </c>
      <c r="BH11" s="254">
        <v>0</v>
      </c>
      <c r="BI11" s="256">
        <v>0</v>
      </c>
      <c r="BJ11" s="257">
        <v>87</v>
      </c>
      <c r="BK11" s="257">
        <v>42</v>
      </c>
      <c r="BL11" s="257">
        <v>80</v>
      </c>
      <c r="BM11" s="257">
        <v>40</v>
      </c>
      <c r="BN11" s="257">
        <v>26</v>
      </c>
      <c r="BO11" s="254">
        <v>275</v>
      </c>
      <c r="BP11" s="259">
        <v>275</v>
      </c>
      <c r="BQ11" s="253">
        <v>0</v>
      </c>
      <c r="BR11" s="257">
        <v>0</v>
      </c>
      <c r="BS11" s="254">
        <v>0</v>
      </c>
      <c r="BT11" s="256">
        <v>0</v>
      </c>
      <c r="BU11" s="257">
        <v>34</v>
      </c>
      <c r="BV11" s="257">
        <v>31</v>
      </c>
      <c r="BW11" s="257">
        <v>121</v>
      </c>
      <c r="BX11" s="257">
        <v>41</v>
      </c>
      <c r="BY11" s="257">
        <v>75</v>
      </c>
      <c r="BZ11" s="254">
        <v>302</v>
      </c>
      <c r="CA11" s="259">
        <v>302</v>
      </c>
      <c r="CB11" s="253">
        <v>0</v>
      </c>
      <c r="CC11" s="257">
        <v>0</v>
      </c>
      <c r="CD11" s="254">
        <v>0</v>
      </c>
      <c r="CE11" s="256">
        <v>0</v>
      </c>
      <c r="CF11" s="257">
        <v>0</v>
      </c>
      <c r="CG11" s="257">
        <v>7</v>
      </c>
      <c r="CH11" s="257">
        <v>4</v>
      </c>
      <c r="CI11" s="257">
        <v>5</v>
      </c>
      <c r="CJ11" s="257">
        <v>0</v>
      </c>
      <c r="CK11" s="254">
        <v>16</v>
      </c>
      <c r="CL11" s="259">
        <v>16</v>
      </c>
      <c r="CM11" s="253">
        <v>0</v>
      </c>
      <c r="CN11" s="257">
        <v>0</v>
      </c>
      <c r="CO11" s="254">
        <v>0</v>
      </c>
      <c r="CP11" s="256">
        <v>0</v>
      </c>
      <c r="CQ11" s="257">
        <v>0</v>
      </c>
      <c r="CR11" s="257">
        <v>0</v>
      </c>
      <c r="CS11" s="257">
        <v>0</v>
      </c>
      <c r="CT11" s="257">
        <v>0</v>
      </c>
      <c r="CU11" s="257">
        <v>0</v>
      </c>
      <c r="CV11" s="254">
        <v>0</v>
      </c>
      <c r="CW11" s="259">
        <v>0</v>
      </c>
      <c r="CX11" s="253">
        <v>0</v>
      </c>
      <c r="CY11" s="257">
        <v>0</v>
      </c>
      <c r="CZ11" s="254">
        <v>0</v>
      </c>
      <c r="DA11" s="256">
        <v>0</v>
      </c>
      <c r="DB11" s="257">
        <v>0</v>
      </c>
      <c r="DC11" s="257">
        <v>0</v>
      </c>
      <c r="DD11" s="257">
        <v>0</v>
      </c>
      <c r="DE11" s="257">
        <v>0</v>
      </c>
      <c r="DF11" s="257">
        <v>0</v>
      </c>
      <c r="DG11" s="254">
        <v>0</v>
      </c>
      <c r="DH11" s="259">
        <v>0</v>
      </c>
    </row>
    <row r="12" spans="2:112" ht="21" customHeight="1" x14ac:dyDescent="0.2">
      <c r="B12" s="437" t="s">
        <v>9</v>
      </c>
      <c r="C12" s="253">
        <v>0</v>
      </c>
      <c r="D12" s="254">
        <v>0</v>
      </c>
      <c r="E12" s="255">
        <v>0</v>
      </c>
      <c r="F12" s="256">
        <v>0</v>
      </c>
      <c r="G12" s="257">
        <v>641</v>
      </c>
      <c r="H12" s="257">
        <v>577</v>
      </c>
      <c r="I12" s="257">
        <v>1068</v>
      </c>
      <c r="J12" s="257">
        <v>1994</v>
      </c>
      <c r="K12" s="257">
        <v>1058</v>
      </c>
      <c r="L12" s="258">
        <v>5338</v>
      </c>
      <c r="M12" s="259">
        <v>5338</v>
      </c>
      <c r="N12" s="253">
        <v>0</v>
      </c>
      <c r="O12" s="257">
        <v>0</v>
      </c>
      <c r="P12" s="254">
        <v>0</v>
      </c>
      <c r="Q12" s="256">
        <v>0</v>
      </c>
      <c r="R12" s="257">
        <v>5</v>
      </c>
      <c r="S12" s="257">
        <v>0</v>
      </c>
      <c r="T12" s="257">
        <v>5</v>
      </c>
      <c r="U12" s="257">
        <v>46</v>
      </c>
      <c r="V12" s="257">
        <v>43</v>
      </c>
      <c r="W12" s="254">
        <v>99</v>
      </c>
      <c r="X12" s="259">
        <v>99</v>
      </c>
      <c r="Y12" s="253">
        <v>62</v>
      </c>
      <c r="Z12" s="257">
        <v>131</v>
      </c>
      <c r="AA12" s="254">
        <v>193</v>
      </c>
      <c r="AB12" s="256">
        <v>0</v>
      </c>
      <c r="AC12" s="257">
        <v>485</v>
      </c>
      <c r="AD12" s="257">
        <v>534</v>
      </c>
      <c r="AE12" s="257">
        <v>273</v>
      </c>
      <c r="AF12" s="257">
        <v>276</v>
      </c>
      <c r="AG12" s="257">
        <v>184</v>
      </c>
      <c r="AH12" s="254">
        <v>1752</v>
      </c>
      <c r="AI12" s="259">
        <v>1945</v>
      </c>
      <c r="AJ12" s="253">
        <v>8</v>
      </c>
      <c r="AK12" s="257">
        <v>30</v>
      </c>
      <c r="AL12" s="254">
        <v>38</v>
      </c>
      <c r="AM12" s="256">
        <v>0</v>
      </c>
      <c r="AN12" s="257">
        <v>30</v>
      </c>
      <c r="AO12" s="257">
        <v>108</v>
      </c>
      <c r="AP12" s="257">
        <v>101</v>
      </c>
      <c r="AQ12" s="257">
        <v>74</v>
      </c>
      <c r="AR12" s="257">
        <v>31</v>
      </c>
      <c r="AS12" s="254">
        <v>344</v>
      </c>
      <c r="AT12" s="259">
        <v>382</v>
      </c>
      <c r="AU12" s="253">
        <v>0</v>
      </c>
      <c r="AV12" s="257">
        <v>0</v>
      </c>
      <c r="AW12" s="254">
        <v>0</v>
      </c>
      <c r="AX12" s="256">
        <v>0</v>
      </c>
      <c r="AY12" s="257">
        <v>435</v>
      </c>
      <c r="AZ12" s="257">
        <v>214</v>
      </c>
      <c r="BA12" s="257">
        <v>173</v>
      </c>
      <c r="BB12" s="257">
        <v>121</v>
      </c>
      <c r="BC12" s="257">
        <v>27</v>
      </c>
      <c r="BD12" s="258">
        <v>970</v>
      </c>
      <c r="BE12" s="259">
        <v>970</v>
      </c>
      <c r="BF12" s="253">
        <v>0</v>
      </c>
      <c r="BG12" s="257">
        <v>0</v>
      </c>
      <c r="BH12" s="254">
        <v>0</v>
      </c>
      <c r="BI12" s="256">
        <v>0</v>
      </c>
      <c r="BJ12" s="257">
        <v>124</v>
      </c>
      <c r="BK12" s="257">
        <v>221</v>
      </c>
      <c r="BL12" s="257">
        <v>84</v>
      </c>
      <c r="BM12" s="257">
        <v>52</v>
      </c>
      <c r="BN12" s="257">
        <v>10</v>
      </c>
      <c r="BO12" s="254">
        <v>491</v>
      </c>
      <c r="BP12" s="259">
        <v>491</v>
      </c>
      <c r="BQ12" s="253">
        <v>0</v>
      </c>
      <c r="BR12" s="257">
        <v>0</v>
      </c>
      <c r="BS12" s="254">
        <v>0</v>
      </c>
      <c r="BT12" s="256">
        <v>0</v>
      </c>
      <c r="BU12" s="257">
        <v>73</v>
      </c>
      <c r="BV12" s="257">
        <v>108</v>
      </c>
      <c r="BW12" s="257">
        <v>107</v>
      </c>
      <c r="BX12" s="257">
        <v>65</v>
      </c>
      <c r="BY12" s="257">
        <v>48</v>
      </c>
      <c r="BZ12" s="254">
        <v>401</v>
      </c>
      <c r="CA12" s="259">
        <v>401</v>
      </c>
      <c r="CB12" s="253">
        <v>0</v>
      </c>
      <c r="CC12" s="257">
        <v>0</v>
      </c>
      <c r="CD12" s="254">
        <v>0</v>
      </c>
      <c r="CE12" s="256">
        <v>0</v>
      </c>
      <c r="CF12" s="257">
        <v>4</v>
      </c>
      <c r="CG12" s="257">
        <v>4</v>
      </c>
      <c r="CH12" s="257">
        <v>84</v>
      </c>
      <c r="CI12" s="257">
        <v>6</v>
      </c>
      <c r="CJ12" s="257">
        <v>0</v>
      </c>
      <c r="CK12" s="254">
        <v>98</v>
      </c>
      <c r="CL12" s="259">
        <v>98</v>
      </c>
      <c r="CM12" s="253">
        <v>0</v>
      </c>
      <c r="CN12" s="257">
        <v>0</v>
      </c>
      <c r="CO12" s="254">
        <v>0</v>
      </c>
      <c r="CP12" s="256">
        <v>0</v>
      </c>
      <c r="CQ12" s="257">
        <v>0</v>
      </c>
      <c r="CR12" s="257">
        <v>0</v>
      </c>
      <c r="CS12" s="257">
        <v>0</v>
      </c>
      <c r="CT12" s="257">
        <v>0</v>
      </c>
      <c r="CU12" s="257">
        <v>0</v>
      </c>
      <c r="CV12" s="254">
        <v>0</v>
      </c>
      <c r="CW12" s="259">
        <v>0</v>
      </c>
      <c r="CX12" s="253">
        <v>0</v>
      </c>
      <c r="CY12" s="257">
        <v>0</v>
      </c>
      <c r="CZ12" s="254">
        <v>0</v>
      </c>
      <c r="DA12" s="256">
        <v>0</v>
      </c>
      <c r="DB12" s="257">
        <v>0</v>
      </c>
      <c r="DC12" s="257">
        <v>0</v>
      </c>
      <c r="DD12" s="257">
        <v>0</v>
      </c>
      <c r="DE12" s="257">
        <v>0</v>
      </c>
      <c r="DF12" s="257">
        <v>0</v>
      </c>
      <c r="DG12" s="254">
        <v>0</v>
      </c>
      <c r="DH12" s="259">
        <v>0</v>
      </c>
    </row>
    <row r="13" spans="2:112" ht="21" customHeight="1" x14ac:dyDescent="0.2">
      <c r="B13" s="437" t="s">
        <v>10</v>
      </c>
      <c r="C13" s="253">
        <v>0</v>
      </c>
      <c r="D13" s="254">
        <v>0</v>
      </c>
      <c r="E13" s="255">
        <v>0</v>
      </c>
      <c r="F13" s="256">
        <v>0</v>
      </c>
      <c r="G13" s="257">
        <v>1457</v>
      </c>
      <c r="H13" s="257">
        <v>972</v>
      </c>
      <c r="I13" s="257">
        <v>1874</v>
      </c>
      <c r="J13" s="257">
        <v>1562</v>
      </c>
      <c r="K13" s="257">
        <v>1199</v>
      </c>
      <c r="L13" s="258">
        <v>7064</v>
      </c>
      <c r="M13" s="259">
        <v>7064</v>
      </c>
      <c r="N13" s="253">
        <v>0</v>
      </c>
      <c r="O13" s="257">
        <v>0</v>
      </c>
      <c r="P13" s="254">
        <v>0</v>
      </c>
      <c r="Q13" s="256">
        <v>0</v>
      </c>
      <c r="R13" s="257">
        <v>3</v>
      </c>
      <c r="S13" s="257">
        <v>12</v>
      </c>
      <c r="T13" s="257">
        <v>13</v>
      </c>
      <c r="U13" s="257">
        <v>21</v>
      </c>
      <c r="V13" s="257">
        <v>20</v>
      </c>
      <c r="W13" s="254">
        <v>69</v>
      </c>
      <c r="X13" s="259">
        <v>69</v>
      </c>
      <c r="Y13" s="253">
        <v>97</v>
      </c>
      <c r="Z13" s="257">
        <v>171</v>
      </c>
      <c r="AA13" s="254">
        <v>268</v>
      </c>
      <c r="AB13" s="256">
        <v>0</v>
      </c>
      <c r="AC13" s="257">
        <v>562</v>
      </c>
      <c r="AD13" s="257">
        <v>462</v>
      </c>
      <c r="AE13" s="257">
        <v>180</v>
      </c>
      <c r="AF13" s="257">
        <v>241</v>
      </c>
      <c r="AG13" s="257">
        <v>156</v>
      </c>
      <c r="AH13" s="254">
        <v>1601</v>
      </c>
      <c r="AI13" s="259">
        <v>1869</v>
      </c>
      <c r="AJ13" s="253">
        <v>14</v>
      </c>
      <c r="AK13" s="257">
        <v>18</v>
      </c>
      <c r="AL13" s="254">
        <v>32</v>
      </c>
      <c r="AM13" s="256">
        <v>0</v>
      </c>
      <c r="AN13" s="257">
        <v>79</v>
      </c>
      <c r="AO13" s="257">
        <v>121</v>
      </c>
      <c r="AP13" s="257">
        <v>30</v>
      </c>
      <c r="AQ13" s="257">
        <v>8</v>
      </c>
      <c r="AR13" s="257">
        <v>42</v>
      </c>
      <c r="AS13" s="254">
        <v>280</v>
      </c>
      <c r="AT13" s="259">
        <v>312</v>
      </c>
      <c r="AU13" s="253">
        <v>0</v>
      </c>
      <c r="AV13" s="257">
        <v>0</v>
      </c>
      <c r="AW13" s="254">
        <v>0</v>
      </c>
      <c r="AX13" s="256">
        <v>0</v>
      </c>
      <c r="AY13" s="257">
        <v>859</v>
      </c>
      <c r="AZ13" s="257">
        <v>610</v>
      </c>
      <c r="BA13" s="257">
        <v>371</v>
      </c>
      <c r="BB13" s="257">
        <v>168</v>
      </c>
      <c r="BC13" s="257">
        <v>43</v>
      </c>
      <c r="BD13" s="258">
        <v>2051</v>
      </c>
      <c r="BE13" s="259">
        <v>2051</v>
      </c>
      <c r="BF13" s="253">
        <v>0</v>
      </c>
      <c r="BG13" s="257">
        <v>0</v>
      </c>
      <c r="BH13" s="254">
        <v>0</v>
      </c>
      <c r="BI13" s="256">
        <v>0</v>
      </c>
      <c r="BJ13" s="257">
        <v>171</v>
      </c>
      <c r="BK13" s="257">
        <v>111</v>
      </c>
      <c r="BL13" s="257">
        <v>53</v>
      </c>
      <c r="BM13" s="257">
        <v>11</v>
      </c>
      <c r="BN13" s="257">
        <v>8</v>
      </c>
      <c r="BO13" s="254">
        <v>354</v>
      </c>
      <c r="BP13" s="259">
        <v>354</v>
      </c>
      <c r="BQ13" s="253">
        <v>0</v>
      </c>
      <c r="BR13" s="257">
        <v>29</v>
      </c>
      <c r="BS13" s="254">
        <v>29</v>
      </c>
      <c r="BT13" s="256">
        <v>0</v>
      </c>
      <c r="BU13" s="257">
        <v>41</v>
      </c>
      <c r="BV13" s="257">
        <v>80</v>
      </c>
      <c r="BW13" s="257">
        <v>155</v>
      </c>
      <c r="BX13" s="257">
        <v>120</v>
      </c>
      <c r="BY13" s="257">
        <v>3</v>
      </c>
      <c r="BZ13" s="254">
        <v>399</v>
      </c>
      <c r="CA13" s="259">
        <v>428</v>
      </c>
      <c r="CB13" s="253">
        <v>0</v>
      </c>
      <c r="CC13" s="257">
        <v>0</v>
      </c>
      <c r="CD13" s="254">
        <v>0</v>
      </c>
      <c r="CE13" s="256">
        <v>0</v>
      </c>
      <c r="CF13" s="257">
        <v>17</v>
      </c>
      <c r="CG13" s="257">
        <v>6</v>
      </c>
      <c r="CH13" s="257">
        <v>0</v>
      </c>
      <c r="CI13" s="257">
        <v>0</v>
      </c>
      <c r="CJ13" s="257">
        <v>3</v>
      </c>
      <c r="CK13" s="254">
        <v>26</v>
      </c>
      <c r="CL13" s="259">
        <v>26</v>
      </c>
      <c r="CM13" s="253">
        <v>0</v>
      </c>
      <c r="CN13" s="257">
        <v>0</v>
      </c>
      <c r="CO13" s="254">
        <v>0</v>
      </c>
      <c r="CP13" s="256">
        <v>0</v>
      </c>
      <c r="CQ13" s="257">
        <v>0</v>
      </c>
      <c r="CR13" s="257">
        <v>0</v>
      </c>
      <c r="CS13" s="257">
        <v>0</v>
      </c>
      <c r="CT13" s="257">
        <v>0</v>
      </c>
      <c r="CU13" s="257">
        <v>0</v>
      </c>
      <c r="CV13" s="254">
        <v>0</v>
      </c>
      <c r="CW13" s="259">
        <v>0</v>
      </c>
      <c r="CX13" s="253">
        <v>0</v>
      </c>
      <c r="CY13" s="257">
        <v>0</v>
      </c>
      <c r="CZ13" s="254">
        <v>0</v>
      </c>
      <c r="DA13" s="256">
        <v>0</v>
      </c>
      <c r="DB13" s="257">
        <v>0</v>
      </c>
      <c r="DC13" s="257">
        <v>0</v>
      </c>
      <c r="DD13" s="257">
        <v>0</v>
      </c>
      <c r="DE13" s="257">
        <v>0</v>
      </c>
      <c r="DF13" s="257">
        <v>0</v>
      </c>
      <c r="DG13" s="254">
        <v>0</v>
      </c>
      <c r="DH13" s="259">
        <v>0</v>
      </c>
    </row>
    <row r="14" spans="2:112" ht="21" customHeight="1" x14ac:dyDescent="0.2">
      <c r="B14" s="437" t="s">
        <v>11</v>
      </c>
      <c r="C14" s="253">
        <v>0</v>
      </c>
      <c r="D14" s="254">
        <v>0</v>
      </c>
      <c r="E14" s="255">
        <v>0</v>
      </c>
      <c r="F14" s="256">
        <v>0</v>
      </c>
      <c r="G14" s="257">
        <v>103</v>
      </c>
      <c r="H14" s="257">
        <v>70</v>
      </c>
      <c r="I14" s="257">
        <v>318</v>
      </c>
      <c r="J14" s="257">
        <v>475</v>
      </c>
      <c r="K14" s="257">
        <v>44</v>
      </c>
      <c r="L14" s="258">
        <v>1010</v>
      </c>
      <c r="M14" s="259">
        <v>1010</v>
      </c>
      <c r="N14" s="253">
        <v>0</v>
      </c>
      <c r="O14" s="257">
        <v>0</v>
      </c>
      <c r="P14" s="254">
        <v>0</v>
      </c>
      <c r="Q14" s="256">
        <v>0</v>
      </c>
      <c r="R14" s="257">
        <v>0</v>
      </c>
      <c r="S14" s="257">
        <v>0</v>
      </c>
      <c r="T14" s="257">
        <v>2</v>
      </c>
      <c r="U14" s="257">
        <v>20</v>
      </c>
      <c r="V14" s="257">
        <v>12</v>
      </c>
      <c r="W14" s="254">
        <v>34</v>
      </c>
      <c r="X14" s="259">
        <v>34</v>
      </c>
      <c r="Y14" s="253">
        <v>15</v>
      </c>
      <c r="Z14" s="257">
        <v>7</v>
      </c>
      <c r="AA14" s="254">
        <v>22</v>
      </c>
      <c r="AB14" s="256">
        <v>0</v>
      </c>
      <c r="AC14" s="257">
        <v>326</v>
      </c>
      <c r="AD14" s="257">
        <v>150</v>
      </c>
      <c r="AE14" s="257">
        <v>114</v>
      </c>
      <c r="AF14" s="257">
        <v>213</v>
      </c>
      <c r="AG14" s="257">
        <v>31</v>
      </c>
      <c r="AH14" s="254">
        <v>834</v>
      </c>
      <c r="AI14" s="259">
        <v>856</v>
      </c>
      <c r="AJ14" s="253">
        <v>0</v>
      </c>
      <c r="AK14" s="257">
        <v>0</v>
      </c>
      <c r="AL14" s="254">
        <v>0</v>
      </c>
      <c r="AM14" s="256">
        <v>0</v>
      </c>
      <c r="AN14" s="257">
        <v>35</v>
      </c>
      <c r="AO14" s="257">
        <v>45</v>
      </c>
      <c r="AP14" s="257">
        <v>0</v>
      </c>
      <c r="AQ14" s="257">
        <v>12</v>
      </c>
      <c r="AR14" s="257">
        <v>24</v>
      </c>
      <c r="AS14" s="254">
        <v>116</v>
      </c>
      <c r="AT14" s="259">
        <v>116</v>
      </c>
      <c r="AU14" s="253">
        <v>0</v>
      </c>
      <c r="AV14" s="257">
        <v>0</v>
      </c>
      <c r="AW14" s="254">
        <v>0</v>
      </c>
      <c r="AX14" s="256">
        <v>0</v>
      </c>
      <c r="AY14" s="257">
        <v>141</v>
      </c>
      <c r="AZ14" s="257">
        <v>116</v>
      </c>
      <c r="BA14" s="257">
        <v>97</v>
      </c>
      <c r="BB14" s="257">
        <v>111</v>
      </c>
      <c r="BC14" s="257">
        <v>27</v>
      </c>
      <c r="BD14" s="258">
        <v>492</v>
      </c>
      <c r="BE14" s="259">
        <v>492</v>
      </c>
      <c r="BF14" s="253">
        <v>0</v>
      </c>
      <c r="BG14" s="257">
        <v>0</v>
      </c>
      <c r="BH14" s="254">
        <v>0</v>
      </c>
      <c r="BI14" s="256">
        <v>0</v>
      </c>
      <c r="BJ14" s="257">
        <v>66</v>
      </c>
      <c r="BK14" s="257">
        <v>38</v>
      </c>
      <c r="BL14" s="257">
        <v>86</v>
      </c>
      <c r="BM14" s="257">
        <v>9</v>
      </c>
      <c r="BN14" s="257">
        <v>6</v>
      </c>
      <c r="BO14" s="254">
        <v>205</v>
      </c>
      <c r="BP14" s="259">
        <v>205</v>
      </c>
      <c r="BQ14" s="253">
        <v>0</v>
      </c>
      <c r="BR14" s="257">
        <v>0</v>
      </c>
      <c r="BS14" s="254">
        <v>0</v>
      </c>
      <c r="BT14" s="256">
        <v>0</v>
      </c>
      <c r="BU14" s="257">
        <v>19</v>
      </c>
      <c r="BV14" s="257">
        <v>12</v>
      </c>
      <c r="BW14" s="257">
        <v>41</v>
      </c>
      <c r="BX14" s="257">
        <v>15</v>
      </c>
      <c r="BY14" s="257">
        <v>20</v>
      </c>
      <c r="BZ14" s="254">
        <v>107</v>
      </c>
      <c r="CA14" s="259">
        <v>107</v>
      </c>
      <c r="CB14" s="253">
        <v>0</v>
      </c>
      <c r="CC14" s="257">
        <v>0</v>
      </c>
      <c r="CD14" s="254">
        <v>0</v>
      </c>
      <c r="CE14" s="256">
        <v>0</v>
      </c>
      <c r="CF14" s="257">
        <v>0</v>
      </c>
      <c r="CG14" s="257">
        <v>0</v>
      </c>
      <c r="CH14" s="257">
        <v>4</v>
      </c>
      <c r="CI14" s="257">
        <v>0</v>
      </c>
      <c r="CJ14" s="257">
        <v>9</v>
      </c>
      <c r="CK14" s="254">
        <v>13</v>
      </c>
      <c r="CL14" s="259">
        <v>13</v>
      </c>
      <c r="CM14" s="253">
        <v>0</v>
      </c>
      <c r="CN14" s="257">
        <v>0</v>
      </c>
      <c r="CO14" s="254">
        <v>0</v>
      </c>
      <c r="CP14" s="256">
        <v>0</v>
      </c>
      <c r="CQ14" s="257">
        <v>0</v>
      </c>
      <c r="CR14" s="257">
        <v>0</v>
      </c>
      <c r="CS14" s="257">
        <v>0</v>
      </c>
      <c r="CT14" s="257">
        <v>0</v>
      </c>
      <c r="CU14" s="257">
        <v>0</v>
      </c>
      <c r="CV14" s="254">
        <v>0</v>
      </c>
      <c r="CW14" s="259">
        <v>0</v>
      </c>
      <c r="CX14" s="253">
        <v>0</v>
      </c>
      <c r="CY14" s="257">
        <v>0</v>
      </c>
      <c r="CZ14" s="254">
        <v>0</v>
      </c>
      <c r="DA14" s="256">
        <v>0</v>
      </c>
      <c r="DB14" s="257">
        <v>0</v>
      </c>
      <c r="DC14" s="257">
        <v>0</v>
      </c>
      <c r="DD14" s="257">
        <v>0</v>
      </c>
      <c r="DE14" s="257">
        <v>0</v>
      </c>
      <c r="DF14" s="257">
        <v>0</v>
      </c>
      <c r="DG14" s="254">
        <v>0</v>
      </c>
      <c r="DH14" s="259">
        <v>0</v>
      </c>
    </row>
    <row r="15" spans="2:112" ht="21" customHeight="1" x14ac:dyDescent="0.2">
      <c r="B15" s="437" t="s">
        <v>12</v>
      </c>
      <c r="C15" s="253">
        <v>0</v>
      </c>
      <c r="D15" s="254">
        <v>0</v>
      </c>
      <c r="E15" s="255">
        <v>0</v>
      </c>
      <c r="F15" s="256">
        <v>0</v>
      </c>
      <c r="G15" s="257">
        <v>691</v>
      </c>
      <c r="H15" s="257">
        <v>529</v>
      </c>
      <c r="I15" s="257">
        <v>715</v>
      </c>
      <c r="J15" s="257">
        <v>647</v>
      </c>
      <c r="K15" s="257">
        <v>1105</v>
      </c>
      <c r="L15" s="258">
        <v>3687</v>
      </c>
      <c r="M15" s="259">
        <v>3687</v>
      </c>
      <c r="N15" s="253">
        <v>0</v>
      </c>
      <c r="O15" s="257">
        <v>0</v>
      </c>
      <c r="P15" s="254">
        <v>0</v>
      </c>
      <c r="Q15" s="256">
        <v>0</v>
      </c>
      <c r="R15" s="257">
        <v>0</v>
      </c>
      <c r="S15" s="257">
        <v>9</v>
      </c>
      <c r="T15" s="257">
        <v>8</v>
      </c>
      <c r="U15" s="257">
        <v>22</v>
      </c>
      <c r="V15" s="257">
        <v>29</v>
      </c>
      <c r="W15" s="254">
        <v>68</v>
      </c>
      <c r="X15" s="259">
        <v>68</v>
      </c>
      <c r="Y15" s="253">
        <v>71</v>
      </c>
      <c r="Z15" s="257">
        <v>194</v>
      </c>
      <c r="AA15" s="254">
        <v>265</v>
      </c>
      <c r="AB15" s="256">
        <v>0</v>
      </c>
      <c r="AC15" s="257">
        <v>134</v>
      </c>
      <c r="AD15" s="257">
        <v>197</v>
      </c>
      <c r="AE15" s="257">
        <v>121</v>
      </c>
      <c r="AF15" s="257">
        <v>150</v>
      </c>
      <c r="AG15" s="257">
        <v>182</v>
      </c>
      <c r="AH15" s="254">
        <v>784</v>
      </c>
      <c r="AI15" s="259">
        <v>1049</v>
      </c>
      <c r="AJ15" s="253">
        <v>9</v>
      </c>
      <c r="AK15" s="257">
        <v>8</v>
      </c>
      <c r="AL15" s="254">
        <v>17</v>
      </c>
      <c r="AM15" s="256">
        <v>0</v>
      </c>
      <c r="AN15" s="257">
        <v>6</v>
      </c>
      <c r="AO15" s="257">
        <v>34</v>
      </c>
      <c r="AP15" s="257">
        <v>30</v>
      </c>
      <c r="AQ15" s="257">
        <v>18</v>
      </c>
      <c r="AR15" s="257">
        <v>18</v>
      </c>
      <c r="AS15" s="254">
        <v>106</v>
      </c>
      <c r="AT15" s="259">
        <v>123</v>
      </c>
      <c r="AU15" s="253">
        <v>0</v>
      </c>
      <c r="AV15" s="257">
        <v>0</v>
      </c>
      <c r="AW15" s="254">
        <v>0</v>
      </c>
      <c r="AX15" s="256">
        <v>0</v>
      </c>
      <c r="AY15" s="257">
        <v>290</v>
      </c>
      <c r="AZ15" s="257">
        <v>260</v>
      </c>
      <c r="BA15" s="257">
        <v>181</v>
      </c>
      <c r="BB15" s="257">
        <v>81</v>
      </c>
      <c r="BC15" s="257">
        <v>69</v>
      </c>
      <c r="BD15" s="258">
        <v>881</v>
      </c>
      <c r="BE15" s="259">
        <v>881</v>
      </c>
      <c r="BF15" s="253">
        <v>0</v>
      </c>
      <c r="BG15" s="257">
        <v>0</v>
      </c>
      <c r="BH15" s="254">
        <v>0</v>
      </c>
      <c r="BI15" s="256">
        <v>0</v>
      </c>
      <c r="BJ15" s="257">
        <v>67</v>
      </c>
      <c r="BK15" s="257">
        <v>59</v>
      </c>
      <c r="BL15" s="257">
        <v>108</v>
      </c>
      <c r="BM15" s="257">
        <v>32</v>
      </c>
      <c r="BN15" s="257">
        <v>2</v>
      </c>
      <c r="BO15" s="254">
        <v>268</v>
      </c>
      <c r="BP15" s="259">
        <v>268</v>
      </c>
      <c r="BQ15" s="253">
        <v>0</v>
      </c>
      <c r="BR15" s="257">
        <v>3</v>
      </c>
      <c r="BS15" s="254">
        <v>3</v>
      </c>
      <c r="BT15" s="256">
        <v>0</v>
      </c>
      <c r="BU15" s="257">
        <v>78</v>
      </c>
      <c r="BV15" s="257">
        <v>47</v>
      </c>
      <c r="BW15" s="257">
        <v>101</v>
      </c>
      <c r="BX15" s="257">
        <v>65</v>
      </c>
      <c r="BY15" s="257">
        <v>30</v>
      </c>
      <c r="BZ15" s="254">
        <v>321</v>
      </c>
      <c r="CA15" s="259">
        <v>324</v>
      </c>
      <c r="CB15" s="253">
        <v>0</v>
      </c>
      <c r="CC15" s="257">
        <v>0</v>
      </c>
      <c r="CD15" s="254">
        <v>0</v>
      </c>
      <c r="CE15" s="256">
        <v>0</v>
      </c>
      <c r="CF15" s="257">
        <v>32</v>
      </c>
      <c r="CG15" s="257">
        <v>0</v>
      </c>
      <c r="CH15" s="257">
        <v>3</v>
      </c>
      <c r="CI15" s="257">
        <v>0</v>
      </c>
      <c r="CJ15" s="257">
        <v>0</v>
      </c>
      <c r="CK15" s="254">
        <v>35</v>
      </c>
      <c r="CL15" s="259">
        <v>35</v>
      </c>
      <c r="CM15" s="253">
        <v>0</v>
      </c>
      <c r="CN15" s="257">
        <v>0</v>
      </c>
      <c r="CO15" s="254">
        <v>0</v>
      </c>
      <c r="CP15" s="256">
        <v>0</v>
      </c>
      <c r="CQ15" s="257">
        <v>0</v>
      </c>
      <c r="CR15" s="257">
        <v>0</v>
      </c>
      <c r="CS15" s="257">
        <v>0</v>
      </c>
      <c r="CT15" s="257">
        <v>0</v>
      </c>
      <c r="CU15" s="257">
        <v>0</v>
      </c>
      <c r="CV15" s="254">
        <v>0</v>
      </c>
      <c r="CW15" s="259">
        <v>0</v>
      </c>
      <c r="CX15" s="253">
        <v>0</v>
      </c>
      <c r="CY15" s="257">
        <v>0</v>
      </c>
      <c r="CZ15" s="254">
        <v>0</v>
      </c>
      <c r="DA15" s="256">
        <v>0</v>
      </c>
      <c r="DB15" s="257">
        <v>0</v>
      </c>
      <c r="DC15" s="257">
        <v>0</v>
      </c>
      <c r="DD15" s="257">
        <v>0</v>
      </c>
      <c r="DE15" s="257">
        <v>0</v>
      </c>
      <c r="DF15" s="257">
        <v>0</v>
      </c>
      <c r="DG15" s="254">
        <v>0</v>
      </c>
      <c r="DH15" s="259">
        <v>0</v>
      </c>
    </row>
    <row r="16" spans="2:112" ht="21" customHeight="1" x14ac:dyDescent="0.2">
      <c r="B16" s="437" t="s">
        <v>13</v>
      </c>
      <c r="C16" s="253">
        <v>0</v>
      </c>
      <c r="D16" s="254">
        <v>0</v>
      </c>
      <c r="E16" s="255">
        <v>0</v>
      </c>
      <c r="F16" s="256">
        <v>0</v>
      </c>
      <c r="G16" s="257">
        <v>245</v>
      </c>
      <c r="H16" s="257">
        <v>330</v>
      </c>
      <c r="I16" s="257">
        <v>229</v>
      </c>
      <c r="J16" s="257">
        <v>202</v>
      </c>
      <c r="K16" s="257">
        <v>742</v>
      </c>
      <c r="L16" s="258">
        <v>1748</v>
      </c>
      <c r="M16" s="259">
        <v>1748</v>
      </c>
      <c r="N16" s="253">
        <v>0</v>
      </c>
      <c r="O16" s="257">
        <v>0</v>
      </c>
      <c r="P16" s="254">
        <v>0</v>
      </c>
      <c r="Q16" s="256">
        <v>0</v>
      </c>
      <c r="R16" s="257">
        <v>0</v>
      </c>
      <c r="S16" s="257">
        <v>0</v>
      </c>
      <c r="T16" s="257">
        <v>0</v>
      </c>
      <c r="U16" s="257">
        <v>4</v>
      </c>
      <c r="V16" s="257">
        <v>9</v>
      </c>
      <c r="W16" s="254">
        <v>13</v>
      </c>
      <c r="X16" s="259">
        <v>13</v>
      </c>
      <c r="Y16" s="253">
        <v>12</v>
      </c>
      <c r="Z16" s="257">
        <v>44</v>
      </c>
      <c r="AA16" s="254">
        <v>56</v>
      </c>
      <c r="AB16" s="256">
        <v>0</v>
      </c>
      <c r="AC16" s="257">
        <v>153</v>
      </c>
      <c r="AD16" s="257">
        <v>138</v>
      </c>
      <c r="AE16" s="257">
        <v>132</v>
      </c>
      <c r="AF16" s="257">
        <v>84</v>
      </c>
      <c r="AG16" s="257">
        <v>112</v>
      </c>
      <c r="AH16" s="254">
        <v>619</v>
      </c>
      <c r="AI16" s="259">
        <v>675</v>
      </c>
      <c r="AJ16" s="253">
        <v>0</v>
      </c>
      <c r="AK16" s="257">
        <v>26</v>
      </c>
      <c r="AL16" s="254">
        <v>26</v>
      </c>
      <c r="AM16" s="256">
        <v>0</v>
      </c>
      <c r="AN16" s="257">
        <v>8</v>
      </c>
      <c r="AO16" s="257">
        <v>13</v>
      </c>
      <c r="AP16" s="257">
        <v>0</v>
      </c>
      <c r="AQ16" s="257">
        <v>20</v>
      </c>
      <c r="AR16" s="257">
        <v>30</v>
      </c>
      <c r="AS16" s="254">
        <v>71</v>
      </c>
      <c r="AT16" s="259">
        <v>97</v>
      </c>
      <c r="AU16" s="253">
        <v>0</v>
      </c>
      <c r="AV16" s="257">
        <v>0</v>
      </c>
      <c r="AW16" s="254">
        <v>0</v>
      </c>
      <c r="AX16" s="256">
        <v>0</v>
      </c>
      <c r="AY16" s="257">
        <v>113</v>
      </c>
      <c r="AZ16" s="257">
        <v>124</v>
      </c>
      <c r="BA16" s="257">
        <v>68</v>
      </c>
      <c r="BB16" s="257">
        <v>8</v>
      </c>
      <c r="BC16" s="257">
        <v>2</v>
      </c>
      <c r="BD16" s="258">
        <v>315</v>
      </c>
      <c r="BE16" s="259">
        <v>315</v>
      </c>
      <c r="BF16" s="253">
        <v>0</v>
      </c>
      <c r="BG16" s="257">
        <v>0</v>
      </c>
      <c r="BH16" s="254">
        <v>0</v>
      </c>
      <c r="BI16" s="256">
        <v>0</v>
      </c>
      <c r="BJ16" s="257">
        <v>16</v>
      </c>
      <c r="BK16" s="257">
        <v>33</v>
      </c>
      <c r="BL16" s="257">
        <v>16</v>
      </c>
      <c r="BM16" s="257">
        <v>31</v>
      </c>
      <c r="BN16" s="257">
        <v>8</v>
      </c>
      <c r="BO16" s="254">
        <v>104</v>
      </c>
      <c r="BP16" s="259">
        <v>104</v>
      </c>
      <c r="BQ16" s="253">
        <v>0</v>
      </c>
      <c r="BR16" s="257">
        <v>0</v>
      </c>
      <c r="BS16" s="254">
        <v>0</v>
      </c>
      <c r="BT16" s="256">
        <v>0</v>
      </c>
      <c r="BU16" s="257">
        <v>0</v>
      </c>
      <c r="BV16" s="257">
        <v>49</v>
      </c>
      <c r="BW16" s="257">
        <v>27</v>
      </c>
      <c r="BX16" s="257">
        <v>14</v>
      </c>
      <c r="BY16" s="257">
        <v>0</v>
      </c>
      <c r="BZ16" s="254">
        <v>90</v>
      </c>
      <c r="CA16" s="259">
        <v>90</v>
      </c>
      <c r="CB16" s="253">
        <v>0</v>
      </c>
      <c r="CC16" s="257">
        <v>0</v>
      </c>
      <c r="CD16" s="254">
        <v>0</v>
      </c>
      <c r="CE16" s="256">
        <v>0</v>
      </c>
      <c r="CF16" s="257">
        <v>0</v>
      </c>
      <c r="CG16" s="257">
        <v>0</v>
      </c>
      <c r="CH16" s="257">
        <v>0</v>
      </c>
      <c r="CI16" s="257">
        <v>0</v>
      </c>
      <c r="CJ16" s="257">
        <v>0</v>
      </c>
      <c r="CK16" s="254">
        <v>0</v>
      </c>
      <c r="CL16" s="259">
        <v>0</v>
      </c>
      <c r="CM16" s="253">
        <v>0</v>
      </c>
      <c r="CN16" s="257">
        <v>0</v>
      </c>
      <c r="CO16" s="254">
        <v>0</v>
      </c>
      <c r="CP16" s="256">
        <v>0</v>
      </c>
      <c r="CQ16" s="257">
        <v>0</v>
      </c>
      <c r="CR16" s="257">
        <v>0</v>
      </c>
      <c r="CS16" s="257">
        <v>0</v>
      </c>
      <c r="CT16" s="257">
        <v>0</v>
      </c>
      <c r="CU16" s="257">
        <v>0</v>
      </c>
      <c r="CV16" s="254">
        <v>0</v>
      </c>
      <c r="CW16" s="259">
        <v>0</v>
      </c>
      <c r="CX16" s="253">
        <v>0</v>
      </c>
      <c r="CY16" s="257">
        <v>0</v>
      </c>
      <c r="CZ16" s="254">
        <v>0</v>
      </c>
      <c r="DA16" s="256">
        <v>0</v>
      </c>
      <c r="DB16" s="257">
        <v>0</v>
      </c>
      <c r="DC16" s="257">
        <v>0</v>
      </c>
      <c r="DD16" s="257">
        <v>0</v>
      </c>
      <c r="DE16" s="257">
        <v>0</v>
      </c>
      <c r="DF16" s="257">
        <v>0</v>
      </c>
      <c r="DG16" s="254">
        <v>0</v>
      </c>
      <c r="DH16" s="259">
        <v>0</v>
      </c>
    </row>
    <row r="17" spans="2:112" ht="21" customHeight="1" x14ac:dyDescent="0.2">
      <c r="B17" s="437" t="s">
        <v>15</v>
      </c>
      <c r="C17" s="253">
        <v>0</v>
      </c>
      <c r="D17" s="254">
        <v>0</v>
      </c>
      <c r="E17" s="255">
        <v>0</v>
      </c>
      <c r="F17" s="256">
        <v>0</v>
      </c>
      <c r="G17" s="257">
        <v>40</v>
      </c>
      <c r="H17" s="257">
        <v>97</v>
      </c>
      <c r="I17" s="257">
        <v>0</v>
      </c>
      <c r="J17" s="257">
        <v>119</v>
      </c>
      <c r="K17" s="257">
        <v>21</v>
      </c>
      <c r="L17" s="258">
        <v>277</v>
      </c>
      <c r="M17" s="259">
        <v>277</v>
      </c>
      <c r="N17" s="253">
        <v>0</v>
      </c>
      <c r="O17" s="257">
        <v>0</v>
      </c>
      <c r="P17" s="254">
        <v>0</v>
      </c>
      <c r="Q17" s="256">
        <v>0</v>
      </c>
      <c r="R17" s="257">
        <v>0</v>
      </c>
      <c r="S17" s="257">
        <v>3</v>
      </c>
      <c r="T17" s="257">
        <v>0</v>
      </c>
      <c r="U17" s="257">
        <v>4</v>
      </c>
      <c r="V17" s="257">
        <v>14</v>
      </c>
      <c r="W17" s="254">
        <v>21</v>
      </c>
      <c r="X17" s="259">
        <v>21</v>
      </c>
      <c r="Y17" s="253">
        <v>0</v>
      </c>
      <c r="Z17" s="257">
        <v>10</v>
      </c>
      <c r="AA17" s="254">
        <v>10</v>
      </c>
      <c r="AB17" s="256">
        <v>0</v>
      </c>
      <c r="AC17" s="257">
        <v>20</v>
      </c>
      <c r="AD17" s="257">
        <v>43</v>
      </c>
      <c r="AE17" s="257">
        <v>0</v>
      </c>
      <c r="AF17" s="257">
        <v>44</v>
      </c>
      <c r="AG17" s="257">
        <v>43</v>
      </c>
      <c r="AH17" s="254">
        <v>150</v>
      </c>
      <c r="AI17" s="259">
        <v>160</v>
      </c>
      <c r="AJ17" s="253">
        <v>0</v>
      </c>
      <c r="AK17" s="257">
        <v>0</v>
      </c>
      <c r="AL17" s="254">
        <v>0</v>
      </c>
      <c r="AM17" s="256">
        <v>0</v>
      </c>
      <c r="AN17" s="257">
        <v>0</v>
      </c>
      <c r="AO17" s="257">
        <v>12</v>
      </c>
      <c r="AP17" s="257">
        <v>0</v>
      </c>
      <c r="AQ17" s="257">
        <v>0</v>
      </c>
      <c r="AR17" s="257">
        <v>12</v>
      </c>
      <c r="AS17" s="254">
        <v>24</v>
      </c>
      <c r="AT17" s="259">
        <v>24</v>
      </c>
      <c r="AU17" s="253">
        <v>0</v>
      </c>
      <c r="AV17" s="257">
        <v>0</v>
      </c>
      <c r="AW17" s="254">
        <v>0</v>
      </c>
      <c r="AX17" s="256">
        <v>0</v>
      </c>
      <c r="AY17" s="257">
        <v>31</v>
      </c>
      <c r="AZ17" s="257">
        <v>39</v>
      </c>
      <c r="BA17" s="257">
        <v>38</v>
      </c>
      <c r="BB17" s="257">
        <v>10</v>
      </c>
      <c r="BC17" s="257">
        <v>0</v>
      </c>
      <c r="BD17" s="258">
        <v>118</v>
      </c>
      <c r="BE17" s="259">
        <v>118</v>
      </c>
      <c r="BF17" s="253">
        <v>0</v>
      </c>
      <c r="BG17" s="257">
        <v>0</v>
      </c>
      <c r="BH17" s="254">
        <v>0</v>
      </c>
      <c r="BI17" s="256">
        <v>0</v>
      </c>
      <c r="BJ17" s="257">
        <v>4</v>
      </c>
      <c r="BK17" s="257">
        <v>15</v>
      </c>
      <c r="BL17" s="257">
        <v>14</v>
      </c>
      <c r="BM17" s="257">
        <v>16</v>
      </c>
      <c r="BN17" s="257">
        <v>8</v>
      </c>
      <c r="BO17" s="254">
        <v>57</v>
      </c>
      <c r="BP17" s="259">
        <v>57</v>
      </c>
      <c r="BQ17" s="253">
        <v>0</v>
      </c>
      <c r="BR17" s="257">
        <v>0</v>
      </c>
      <c r="BS17" s="254">
        <v>0</v>
      </c>
      <c r="BT17" s="256">
        <v>0</v>
      </c>
      <c r="BU17" s="257">
        <v>0</v>
      </c>
      <c r="BV17" s="257">
        <v>22</v>
      </c>
      <c r="BW17" s="257">
        <v>16</v>
      </c>
      <c r="BX17" s="257">
        <v>24</v>
      </c>
      <c r="BY17" s="257">
        <v>4</v>
      </c>
      <c r="BZ17" s="254">
        <v>66</v>
      </c>
      <c r="CA17" s="259">
        <v>66</v>
      </c>
      <c r="CB17" s="253">
        <v>0</v>
      </c>
      <c r="CC17" s="257">
        <v>0</v>
      </c>
      <c r="CD17" s="254">
        <v>0</v>
      </c>
      <c r="CE17" s="256">
        <v>0</v>
      </c>
      <c r="CF17" s="257">
        <v>0</v>
      </c>
      <c r="CG17" s="257">
        <v>4</v>
      </c>
      <c r="CH17" s="257">
        <v>0</v>
      </c>
      <c r="CI17" s="257">
        <v>0</v>
      </c>
      <c r="CJ17" s="257">
        <v>0</v>
      </c>
      <c r="CK17" s="254">
        <v>4</v>
      </c>
      <c r="CL17" s="259">
        <v>4</v>
      </c>
      <c r="CM17" s="253">
        <v>0</v>
      </c>
      <c r="CN17" s="257">
        <v>0</v>
      </c>
      <c r="CO17" s="254">
        <v>0</v>
      </c>
      <c r="CP17" s="256">
        <v>0</v>
      </c>
      <c r="CQ17" s="257">
        <v>0</v>
      </c>
      <c r="CR17" s="257">
        <v>0</v>
      </c>
      <c r="CS17" s="257">
        <v>0</v>
      </c>
      <c r="CT17" s="257">
        <v>0</v>
      </c>
      <c r="CU17" s="257">
        <v>0</v>
      </c>
      <c r="CV17" s="254">
        <v>0</v>
      </c>
      <c r="CW17" s="259">
        <v>0</v>
      </c>
      <c r="CX17" s="253">
        <v>0</v>
      </c>
      <c r="CY17" s="257">
        <v>0</v>
      </c>
      <c r="CZ17" s="254">
        <v>0</v>
      </c>
      <c r="DA17" s="256">
        <v>0</v>
      </c>
      <c r="DB17" s="257">
        <v>0</v>
      </c>
      <c r="DC17" s="257">
        <v>0</v>
      </c>
      <c r="DD17" s="257">
        <v>0</v>
      </c>
      <c r="DE17" s="257">
        <v>0</v>
      </c>
      <c r="DF17" s="257">
        <v>0</v>
      </c>
      <c r="DG17" s="254">
        <v>0</v>
      </c>
      <c r="DH17" s="259">
        <v>0</v>
      </c>
    </row>
    <row r="18" spans="2:112" ht="21" customHeight="1" x14ac:dyDescent="0.2">
      <c r="B18" s="437" t="s">
        <v>16</v>
      </c>
      <c r="C18" s="253">
        <v>0</v>
      </c>
      <c r="D18" s="254">
        <v>0</v>
      </c>
      <c r="E18" s="255">
        <v>0</v>
      </c>
      <c r="F18" s="256">
        <v>0</v>
      </c>
      <c r="G18" s="257">
        <v>57</v>
      </c>
      <c r="H18" s="257">
        <v>311</v>
      </c>
      <c r="I18" s="257">
        <v>124</v>
      </c>
      <c r="J18" s="257">
        <v>160</v>
      </c>
      <c r="K18" s="257">
        <v>0</v>
      </c>
      <c r="L18" s="258">
        <v>652</v>
      </c>
      <c r="M18" s="259">
        <v>652</v>
      </c>
      <c r="N18" s="253">
        <v>0</v>
      </c>
      <c r="O18" s="257">
        <v>0</v>
      </c>
      <c r="P18" s="254">
        <v>0</v>
      </c>
      <c r="Q18" s="256">
        <v>0</v>
      </c>
      <c r="R18" s="257">
        <v>0</v>
      </c>
      <c r="S18" s="257">
        <v>0</v>
      </c>
      <c r="T18" s="257">
        <v>0</v>
      </c>
      <c r="U18" s="257">
        <v>1</v>
      </c>
      <c r="V18" s="257">
        <v>11</v>
      </c>
      <c r="W18" s="254">
        <v>12</v>
      </c>
      <c r="X18" s="259">
        <v>12</v>
      </c>
      <c r="Y18" s="253">
        <v>3</v>
      </c>
      <c r="Z18" s="257">
        <v>35</v>
      </c>
      <c r="AA18" s="254">
        <v>38</v>
      </c>
      <c r="AB18" s="256">
        <v>0</v>
      </c>
      <c r="AC18" s="257">
        <v>40</v>
      </c>
      <c r="AD18" s="257">
        <v>100</v>
      </c>
      <c r="AE18" s="257">
        <v>104</v>
      </c>
      <c r="AF18" s="257">
        <v>29</v>
      </c>
      <c r="AG18" s="257">
        <v>43</v>
      </c>
      <c r="AH18" s="254">
        <v>316</v>
      </c>
      <c r="AI18" s="259">
        <v>354</v>
      </c>
      <c r="AJ18" s="253">
        <v>0</v>
      </c>
      <c r="AK18" s="257">
        <v>18</v>
      </c>
      <c r="AL18" s="254">
        <v>18</v>
      </c>
      <c r="AM18" s="256">
        <v>0</v>
      </c>
      <c r="AN18" s="257">
        <v>0</v>
      </c>
      <c r="AO18" s="257">
        <v>18</v>
      </c>
      <c r="AP18" s="257">
        <v>9</v>
      </c>
      <c r="AQ18" s="257">
        <v>0</v>
      </c>
      <c r="AR18" s="257">
        <v>9</v>
      </c>
      <c r="AS18" s="254">
        <v>36</v>
      </c>
      <c r="AT18" s="259">
        <v>54</v>
      </c>
      <c r="AU18" s="253">
        <v>0</v>
      </c>
      <c r="AV18" s="257">
        <v>0</v>
      </c>
      <c r="AW18" s="254">
        <v>0</v>
      </c>
      <c r="AX18" s="256">
        <v>0</v>
      </c>
      <c r="AY18" s="257">
        <v>158</v>
      </c>
      <c r="AZ18" s="257">
        <v>125</v>
      </c>
      <c r="BA18" s="257">
        <v>37</v>
      </c>
      <c r="BB18" s="257">
        <v>10</v>
      </c>
      <c r="BC18" s="257">
        <v>12</v>
      </c>
      <c r="BD18" s="258">
        <v>342</v>
      </c>
      <c r="BE18" s="259">
        <v>342</v>
      </c>
      <c r="BF18" s="253">
        <v>0</v>
      </c>
      <c r="BG18" s="257">
        <v>0</v>
      </c>
      <c r="BH18" s="254">
        <v>0</v>
      </c>
      <c r="BI18" s="256">
        <v>0</v>
      </c>
      <c r="BJ18" s="257">
        <v>62</v>
      </c>
      <c r="BK18" s="257">
        <v>120</v>
      </c>
      <c r="BL18" s="257">
        <v>49</v>
      </c>
      <c r="BM18" s="257">
        <v>5</v>
      </c>
      <c r="BN18" s="257">
        <v>8</v>
      </c>
      <c r="BO18" s="254">
        <v>244</v>
      </c>
      <c r="BP18" s="259">
        <v>244</v>
      </c>
      <c r="BQ18" s="253">
        <v>0</v>
      </c>
      <c r="BR18" s="257">
        <v>0</v>
      </c>
      <c r="BS18" s="254">
        <v>0</v>
      </c>
      <c r="BT18" s="256">
        <v>0</v>
      </c>
      <c r="BU18" s="257">
        <v>7</v>
      </c>
      <c r="BV18" s="257">
        <v>66</v>
      </c>
      <c r="BW18" s="257">
        <v>33</v>
      </c>
      <c r="BX18" s="257">
        <v>16</v>
      </c>
      <c r="BY18" s="257">
        <v>0</v>
      </c>
      <c r="BZ18" s="254">
        <v>122</v>
      </c>
      <c r="CA18" s="259">
        <v>122</v>
      </c>
      <c r="CB18" s="253">
        <v>0</v>
      </c>
      <c r="CC18" s="257">
        <v>0</v>
      </c>
      <c r="CD18" s="254">
        <v>0</v>
      </c>
      <c r="CE18" s="256">
        <v>0</v>
      </c>
      <c r="CF18" s="257">
        <v>0</v>
      </c>
      <c r="CG18" s="257">
        <v>0</v>
      </c>
      <c r="CH18" s="257">
        <v>0</v>
      </c>
      <c r="CI18" s="257">
        <v>0</v>
      </c>
      <c r="CJ18" s="257">
        <v>0</v>
      </c>
      <c r="CK18" s="254">
        <v>0</v>
      </c>
      <c r="CL18" s="259">
        <v>0</v>
      </c>
      <c r="CM18" s="253">
        <v>0</v>
      </c>
      <c r="CN18" s="257">
        <v>0</v>
      </c>
      <c r="CO18" s="254">
        <v>0</v>
      </c>
      <c r="CP18" s="256">
        <v>0</v>
      </c>
      <c r="CQ18" s="257">
        <v>0</v>
      </c>
      <c r="CR18" s="257">
        <v>0</v>
      </c>
      <c r="CS18" s="257">
        <v>0</v>
      </c>
      <c r="CT18" s="257">
        <v>0</v>
      </c>
      <c r="CU18" s="257">
        <v>0</v>
      </c>
      <c r="CV18" s="254">
        <v>0</v>
      </c>
      <c r="CW18" s="259">
        <v>0</v>
      </c>
      <c r="CX18" s="253">
        <v>0</v>
      </c>
      <c r="CY18" s="257">
        <v>0</v>
      </c>
      <c r="CZ18" s="254">
        <v>0</v>
      </c>
      <c r="DA18" s="256">
        <v>0</v>
      </c>
      <c r="DB18" s="257">
        <v>0</v>
      </c>
      <c r="DC18" s="257">
        <v>0</v>
      </c>
      <c r="DD18" s="257">
        <v>0</v>
      </c>
      <c r="DE18" s="257">
        <v>0</v>
      </c>
      <c r="DF18" s="257">
        <v>0</v>
      </c>
      <c r="DG18" s="254">
        <v>0</v>
      </c>
      <c r="DH18" s="259">
        <v>0</v>
      </c>
    </row>
    <row r="19" spans="2:112" ht="21" customHeight="1" x14ac:dyDescent="0.2">
      <c r="B19" s="437" t="s">
        <v>17</v>
      </c>
      <c r="C19" s="253">
        <v>0</v>
      </c>
      <c r="D19" s="254">
        <v>0</v>
      </c>
      <c r="E19" s="255">
        <v>0</v>
      </c>
      <c r="F19" s="256">
        <v>0</v>
      </c>
      <c r="G19" s="257">
        <v>175</v>
      </c>
      <c r="H19" s="257">
        <v>332</v>
      </c>
      <c r="I19" s="257">
        <v>597</v>
      </c>
      <c r="J19" s="257">
        <v>263</v>
      </c>
      <c r="K19" s="257">
        <v>360</v>
      </c>
      <c r="L19" s="258">
        <v>1727</v>
      </c>
      <c r="M19" s="259">
        <v>1727</v>
      </c>
      <c r="N19" s="253">
        <v>0</v>
      </c>
      <c r="O19" s="257">
        <v>0</v>
      </c>
      <c r="P19" s="254">
        <v>0</v>
      </c>
      <c r="Q19" s="256">
        <v>0</v>
      </c>
      <c r="R19" s="257">
        <v>3</v>
      </c>
      <c r="S19" s="257">
        <v>0</v>
      </c>
      <c r="T19" s="257">
        <v>2</v>
      </c>
      <c r="U19" s="257">
        <v>10</v>
      </c>
      <c r="V19" s="257">
        <v>8</v>
      </c>
      <c r="W19" s="254">
        <v>23</v>
      </c>
      <c r="X19" s="259">
        <v>23</v>
      </c>
      <c r="Y19" s="253">
        <v>15</v>
      </c>
      <c r="Z19" s="257">
        <v>44</v>
      </c>
      <c r="AA19" s="254">
        <v>59</v>
      </c>
      <c r="AB19" s="256">
        <v>0</v>
      </c>
      <c r="AC19" s="257">
        <v>74</v>
      </c>
      <c r="AD19" s="257">
        <v>190</v>
      </c>
      <c r="AE19" s="257">
        <v>156</v>
      </c>
      <c r="AF19" s="257">
        <v>87</v>
      </c>
      <c r="AG19" s="257">
        <v>49</v>
      </c>
      <c r="AH19" s="254">
        <v>556</v>
      </c>
      <c r="AI19" s="259">
        <v>615</v>
      </c>
      <c r="AJ19" s="253">
        <v>0</v>
      </c>
      <c r="AK19" s="257">
        <v>0</v>
      </c>
      <c r="AL19" s="254">
        <v>0</v>
      </c>
      <c r="AM19" s="256">
        <v>0</v>
      </c>
      <c r="AN19" s="257">
        <v>0</v>
      </c>
      <c r="AO19" s="257">
        <v>35</v>
      </c>
      <c r="AP19" s="257">
        <v>57</v>
      </c>
      <c r="AQ19" s="257">
        <v>8</v>
      </c>
      <c r="AR19" s="257">
        <v>38</v>
      </c>
      <c r="AS19" s="254">
        <v>138</v>
      </c>
      <c r="AT19" s="259">
        <v>138</v>
      </c>
      <c r="AU19" s="253">
        <v>0</v>
      </c>
      <c r="AV19" s="257">
        <v>0</v>
      </c>
      <c r="AW19" s="254">
        <v>0</v>
      </c>
      <c r="AX19" s="256">
        <v>0</v>
      </c>
      <c r="AY19" s="257">
        <v>147</v>
      </c>
      <c r="AZ19" s="257">
        <v>233</v>
      </c>
      <c r="BA19" s="257">
        <v>169</v>
      </c>
      <c r="BB19" s="257">
        <v>93</v>
      </c>
      <c r="BC19" s="257">
        <v>28</v>
      </c>
      <c r="BD19" s="258">
        <v>670</v>
      </c>
      <c r="BE19" s="259">
        <v>670</v>
      </c>
      <c r="BF19" s="253">
        <v>0</v>
      </c>
      <c r="BG19" s="257">
        <v>0</v>
      </c>
      <c r="BH19" s="254">
        <v>0</v>
      </c>
      <c r="BI19" s="256">
        <v>0</v>
      </c>
      <c r="BJ19" s="257">
        <v>19</v>
      </c>
      <c r="BK19" s="257">
        <v>102</v>
      </c>
      <c r="BL19" s="257">
        <v>51</v>
      </c>
      <c r="BM19" s="257">
        <v>30</v>
      </c>
      <c r="BN19" s="257">
        <v>6</v>
      </c>
      <c r="BO19" s="254">
        <v>208</v>
      </c>
      <c r="BP19" s="259">
        <v>208</v>
      </c>
      <c r="BQ19" s="253">
        <v>0</v>
      </c>
      <c r="BR19" s="257">
        <v>3</v>
      </c>
      <c r="BS19" s="254">
        <v>3</v>
      </c>
      <c r="BT19" s="256">
        <v>0</v>
      </c>
      <c r="BU19" s="257">
        <v>16</v>
      </c>
      <c r="BV19" s="257">
        <v>53</v>
      </c>
      <c r="BW19" s="257">
        <v>64</v>
      </c>
      <c r="BX19" s="257">
        <v>89</v>
      </c>
      <c r="BY19" s="257">
        <v>41</v>
      </c>
      <c r="BZ19" s="254">
        <v>263</v>
      </c>
      <c r="CA19" s="259">
        <v>266</v>
      </c>
      <c r="CB19" s="253">
        <v>0</v>
      </c>
      <c r="CC19" s="257">
        <v>0</v>
      </c>
      <c r="CD19" s="254">
        <v>0</v>
      </c>
      <c r="CE19" s="256">
        <v>0</v>
      </c>
      <c r="CF19" s="257">
        <v>5</v>
      </c>
      <c r="CG19" s="257">
        <v>0</v>
      </c>
      <c r="CH19" s="257">
        <v>3</v>
      </c>
      <c r="CI19" s="257">
        <v>11</v>
      </c>
      <c r="CJ19" s="257">
        <v>3</v>
      </c>
      <c r="CK19" s="254">
        <v>22</v>
      </c>
      <c r="CL19" s="259">
        <v>22</v>
      </c>
      <c r="CM19" s="253">
        <v>0</v>
      </c>
      <c r="CN19" s="257">
        <v>0</v>
      </c>
      <c r="CO19" s="254">
        <v>0</v>
      </c>
      <c r="CP19" s="256">
        <v>0</v>
      </c>
      <c r="CQ19" s="257">
        <v>0</v>
      </c>
      <c r="CR19" s="257">
        <v>0</v>
      </c>
      <c r="CS19" s="257">
        <v>0</v>
      </c>
      <c r="CT19" s="257">
        <v>0</v>
      </c>
      <c r="CU19" s="257">
        <v>0</v>
      </c>
      <c r="CV19" s="254">
        <v>0</v>
      </c>
      <c r="CW19" s="259">
        <v>0</v>
      </c>
      <c r="CX19" s="253">
        <v>0</v>
      </c>
      <c r="CY19" s="257">
        <v>0</v>
      </c>
      <c r="CZ19" s="254">
        <v>0</v>
      </c>
      <c r="DA19" s="256">
        <v>0</v>
      </c>
      <c r="DB19" s="257">
        <v>0</v>
      </c>
      <c r="DC19" s="257">
        <v>0</v>
      </c>
      <c r="DD19" s="257">
        <v>0</v>
      </c>
      <c r="DE19" s="257">
        <v>0</v>
      </c>
      <c r="DF19" s="257">
        <v>0</v>
      </c>
      <c r="DG19" s="254">
        <v>0</v>
      </c>
      <c r="DH19" s="259">
        <v>0</v>
      </c>
    </row>
    <row r="20" spans="2:112" ht="21" customHeight="1" x14ac:dyDescent="0.2">
      <c r="B20" s="437" t="s">
        <v>18</v>
      </c>
      <c r="C20" s="253">
        <v>0</v>
      </c>
      <c r="D20" s="254">
        <v>0</v>
      </c>
      <c r="E20" s="255">
        <v>0</v>
      </c>
      <c r="F20" s="256">
        <v>0</v>
      </c>
      <c r="G20" s="257">
        <v>272</v>
      </c>
      <c r="H20" s="257">
        <v>362</v>
      </c>
      <c r="I20" s="257">
        <v>752</v>
      </c>
      <c r="J20" s="257">
        <v>948</v>
      </c>
      <c r="K20" s="257">
        <v>217</v>
      </c>
      <c r="L20" s="258">
        <v>2551</v>
      </c>
      <c r="M20" s="259">
        <v>2551</v>
      </c>
      <c r="N20" s="253">
        <v>0</v>
      </c>
      <c r="O20" s="257">
        <v>0</v>
      </c>
      <c r="P20" s="254">
        <v>0</v>
      </c>
      <c r="Q20" s="256">
        <v>0</v>
      </c>
      <c r="R20" s="257">
        <v>0</v>
      </c>
      <c r="S20" s="257">
        <v>0</v>
      </c>
      <c r="T20" s="257">
        <v>4</v>
      </c>
      <c r="U20" s="257">
        <v>12</v>
      </c>
      <c r="V20" s="257">
        <v>9</v>
      </c>
      <c r="W20" s="254">
        <v>25</v>
      </c>
      <c r="X20" s="259">
        <v>25</v>
      </c>
      <c r="Y20" s="253">
        <v>18</v>
      </c>
      <c r="Z20" s="257">
        <v>25</v>
      </c>
      <c r="AA20" s="254">
        <v>43</v>
      </c>
      <c r="AB20" s="256">
        <v>0</v>
      </c>
      <c r="AC20" s="257">
        <v>183</v>
      </c>
      <c r="AD20" s="257">
        <v>235</v>
      </c>
      <c r="AE20" s="257">
        <v>194</v>
      </c>
      <c r="AF20" s="257">
        <v>137</v>
      </c>
      <c r="AG20" s="257">
        <v>60</v>
      </c>
      <c r="AH20" s="254">
        <v>809</v>
      </c>
      <c r="AI20" s="259">
        <v>852</v>
      </c>
      <c r="AJ20" s="253">
        <v>12</v>
      </c>
      <c r="AK20" s="257">
        <v>10</v>
      </c>
      <c r="AL20" s="254">
        <v>22</v>
      </c>
      <c r="AM20" s="256">
        <v>0</v>
      </c>
      <c r="AN20" s="257">
        <v>12</v>
      </c>
      <c r="AO20" s="257">
        <v>20</v>
      </c>
      <c r="AP20" s="257">
        <v>52</v>
      </c>
      <c r="AQ20" s="257">
        <v>12</v>
      </c>
      <c r="AR20" s="257">
        <v>20</v>
      </c>
      <c r="AS20" s="254">
        <v>116</v>
      </c>
      <c r="AT20" s="259">
        <v>138</v>
      </c>
      <c r="AU20" s="253">
        <v>0</v>
      </c>
      <c r="AV20" s="257">
        <v>0</v>
      </c>
      <c r="AW20" s="254">
        <v>0</v>
      </c>
      <c r="AX20" s="256">
        <v>0</v>
      </c>
      <c r="AY20" s="257">
        <v>278</v>
      </c>
      <c r="AZ20" s="257">
        <v>346</v>
      </c>
      <c r="BA20" s="257">
        <v>115</v>
      </c>
      <c r="BB20" s="257">
        <v>121</v>
      </c>
      <c r="BC20" s="257">
        <v>65</v>
      </c>
      <c r="BD20" s="258">
        <v>925</v>
      </c>
      <c r="BE20" s="259">
        <v>925</v>
      </c>
      <c r="BF20" s="253">
        <v>0</v>
      </c>
      <c r="BG20" s="257">
        <v>0</v>
      </c>
      <c r="BH20" s="254">
        <v>0</v>
      </c>
      <c r="BI20" s="256">
        <v>0</v>
      </c>
      <c r="BJ20" s="257">
        <v>83</v>
      </c>
      <c r="BK20" s="257">
        <v>111</v>
      </c>
      <c r="BL20" s="257">
        <v>73</v>
      </c>
      <c r="BM20" s="257">
        <v>46</v>
      </c>
      <c r="BN20" s="257">
        <v>6</v>
      </c>
      <c r="BO20" s="254">
        <v>319</v>
      </c>
      <c r="BP20" s="259">
        <v>319</v>
      </c>
      <c r="BQ20" s="253">
        <v>6</v>
      </c>
      <c r="BR20" s="257">
        <v>0</v>
      </c>
      <c r="BS20" s="254">
        <v>6</v>
      </c>
      <c r="BT20" s="256">
        <v>0</v>
      </c>
      <c r="BU20" s="257">
        <v>32</v>
      </c>
      <c r="BV20" s="257">
        <v>80</v>
      </c>
      <c r="BW20" s="257">
        <v>83</v>
      </c>
      <c r="BX20" s="257">
        <v>55</v>
      </c>
      <c r="BY20" s="257">
        <v>45</v>
      </c>
      <c r="BZ20" s="254">
        <v>295</v>
      </c>
      <c r="CA20" s="259">
        <v>301</v>
      </c>
      <c r="CB20" s="253">
        <v>0</v>
      </c>
      <c r="CC20" s="257">
        <v>0</v>
      </c>
      <c r="CD20" s="254">
        <v>0</v>
      </c>
      <c r="CE20" s="256">
        <v>0</v>
      </c>
      <c r="CF20" s="257">
        <v>0</v>
      </c>
      <c r="CG20" s="257">
        <v>11</v>
      </c>
      <c r="CH20" s="257">
        <v>0</v>
      </c>
      <c r="CI20" s="257">
        <v>0</v>
      </c>
      <c r="CJ20" s="257">
        <v>0</v>
      </c>
      <c r="CK20" s="254">
        <v>11</v>
      </c>
      <c r="CL20" s="259">
        <v>11</v>
      </c>
      <c r="CM20" s="253">
        <v>0</v>
      </c>
      <c r="CN20" s="257">
        <v>0</v>
      </c>
      <c r="CO20" s="254">
        <v>0</v>
      </c>
      <c r="CP20" s="256">
        <v>0</v>
      </c>
      <c r="CQ20" s="257">
        <v>0</v>
      </c>
      <c r="CR20" s="257">
        <v>0</v>
      </c>
      <c r="CS20" s="257">
        <v>0</v>
      </c>
      <c r="CT20" s="257">
        <v>0</v>
      </c>
      <c r="CU20" s="257">
        <v>0</v>
      </c>
      <c r="CV20" s="254">
        <v>0</v>
      </c>
      <c r="CW20" s="259">
        <v>0</v>
      </c>
      <c r="CX20" s="253">
        <v>0</v>
      </c>
      <c r="CY20" s="257">
        <v>0</v>
      </c>
      <c r="CZ20" s="254">
        <v>0</v>
      </c>
      <c r="DA20" s="256">
        <v>0</v>
      </c>
      <c r="DB20" s="257">
        <v>0</v>
      </c>
      <c r="DC20" s="257">
        <v>0</v>
      </c>
      <c r="DD20" s="257">
        <v>0</v>
      </c>
      <c r="DE20" s="257">
        <v>0</v>
      </c>
      <c r="DF20" s="257">
        <v>0</v>
      </c>
      <c r="DG20" s="254">
        <v>0</v>
      </c>
      <c r="DH20" s="259">
        <v>0</v>
      </c>
    </row>
    <row r="21" spans="2:112" ht="21" customHeight="1" x14ac:dyDescent="0.2">
      <c r="B21" s="437" t="s">
        <v>19</v>
      </c>
      <c r="C21" s="253">
        <v>0</v>
      </c>
      <c r="D21" s="254">
        <v>0</v>
      </c>
      <c r="E21" s="255">
        <v>0</v>
      </c>
      <c r="F21" s="256">
        <v>0</v>
      </c>
      <c r="G21" s="257">
        <v>104</v>
      </c>
      <c r="H21" s="257">
        <v>139</v>
      </c>
      <c r="I21" s="257">
        <v>229</v>
      </c>
      <c r="J21" s="257">
        <v>24</v>
      </c>
      <c r="K21" s="257">
        <v>165</v>
      </c>
      <c r="L21" s="258">
        <v>661</v>
      </c>
      <c r="M21" s="259">
        <v>661</v>
      </c>
      <c r="N21" s="253">
        <v>0</v>
      </c>
      <c r="O21" s="257">
        <v>0</v>
      </c>
      <c r="P21" s="254">
        <v>0</v>
      </c>
      <c r="Q21" s="256">
        <v>0</v>
      </c>
      <c r="R21" s="257">
        <v>0</v>
      </c>
      <c r="S21" s="257">
        <v>0</v>
      </c>
      <c r="T21" s="257">
        <v>5</v>
      </c>
      <c r="U21" s="257">
        <v>7</v>
      </c>
      <c r="V21" s="257">
        <v>6</v>
      </c>
      <c r="W21" s="254">
        <v>18</v>
      </c>
      <c r="X21" s="259">
        <v>18</v>
      </c>
      <c r="Y21" s="253">
        <v>22</v>
      </c>
      <c r="Z21" s="257">
        <v>38</v>
      </c>
      <c r="AA21" s="254">
        <v>60</v>
      </c>
      <c r="AB21" s="256">
        <v>0</v>
      </c>
      <c r="AC21" s="257">
        <v>158</v>
      </c>
      <c r="AD21" s="257">
        <v>83</v>
      </c>
      <c r="AE21" s="257">
        <v>72</v>
      </c>
      <c r="AF21" s="257">
        <v>28</v>
      </c>
      <c r="AG21" s="257">
        <v>14</v>
      </c>
      <c r="AH21" s="254">
        <v>355</v>
      </c>
      <c r="AI21" s="259">
        <v>415</v>
      </c>
      <c r="AJ21" s="253">
        <v>0</v>
      </c>
      <c r="AK21" s="257">
        <v>0</v>
      </c>
      <c r="AL21" s="254">
        <v>0</v>
      </c>
      <c r="AM21" s="256">
        <v>0</v>
      </c>
      <c r="AN21" s="257">
        <v>27</v>
      </c>
      <c r="AO21" s="257">
        <v>0</v>
      </c>
      <c r="AP21" s="257">
        <v>0</v>
      </c>
      <c r="AQ21" s="257">
        <v>24</v>
      </c>
      <c r="AR21" s="257">
        <v>0</v>
      </c>
      <c r="AS21" s="254">
        <v>51</v>
      </c>
      <c r="AT21" s="259">
        <v>51</v>
      </c>
      <c r="AU21" s="253">
        <v>0</v>
      </c>
      <c r="AV21" s="257">
        <v>0</v>
      </c>
      <c r="AW21" s="254">
        <v>0</v>
      </c>
      <c r="AX21" s="256">
        <v>0</v>
      </c>
      <c r="AY21" s="257">
        <v>118</v>
      </c>
      <c r="AZ21" s="257">
        <v>125</v>
      </c>
      <c r="BA21" s="257">
        <v>23</v>
      </c>
      <c r="BB21" s="257">
        <v>0</v>
      </c>
      <c r="BC21" s="257">
        <v>55</v>
      </c>
      <c r="BD21" s="258">
        <v>321</v>
      </c>
      <c r="BE21" s="259">
        <v>321</v>
      </c>
      <c r="BF21" s="253">
        <v>0</v>
      </c>
      <c r="BG21" s="257">
        <v>0</v>
      </c>
      <c r="BH21" s="254">
        <v>0</v>
      </c>
      <c r="BI21" s="256">
        <v>0</v>
      </c>
      <c r="BJ21" s="257">
        <v>86</v>
      </c>
      <c r="BK21" s="257">
        <v>27</v>
      </c>
      <c r="BL21" s="257">
        <v>41</v>
      </c>
      <c r="BM21" s="257">
        <v>16</v>
      </c>
      <c r="BN21" s="257">
        <v>14</v>
      </c>
      <c r="BO21" s="254">
        <v>184</v>
      </c>
      <c r="BP21" s="259">
        <v>184</v>
      </c>
      <c r="BQ21" s="253">
        <v>0</v>
      </c>
      <c r="BR21" s="257">
        <v>3</v>
      </c>
      <c r="BS21" s="254">
        <v>3</v>
      </c>
      <c r="BT21" s="256">
        <v>0</v>
      </c>
      <c r="BU21" s="257">
        <v>8</v>
      </c>
      <c r="BV21" s="257">
        <v>5</v>
      </c>
      <c r="BW21" s="257">
        <v>39</v>
      </c>
      <c r="BX21" s="257">
        <v>0</v>
      </c>
      <c r="BY21" s="257">
        <v>18</v>
      </c>
      <c r="BZ21" s="254">
        <v>70</v>
      </c>
      <c r="CA21" s="259">
        <v>73</v>
      </c>
      <c r="CB21" s="253">
        <v>0</v>
      </c>
      <c r="CC21" s="257">
        <v>0</v>
      </c>
      <c r="CD21" s="254">
        <v>0</v>
      </c>
      <c r="CE21" s="256">
        <v>0</v>
      </c>
      <c r="CF21" s="257">
        <v>2</v>
      </c>
      <c r="CG21" s="257">
        <v>0</v>
      </c>
      <c r="CH21" s="257">
        <v>4</v>
      </c>
      <c r="CI21" s="257">
        <v>8</v>
      </c>
      <c r="CJ21" s="257">
        <v>0</v>
      </c>
      <c r="CK21" s="254">
        <v>14</v>
      </c>
      <c r="CL21" s="259">
        <v>14</v>
      </c>
      <c r="CM21" s="253">
        <v>0</v>
      </c>
      <c r="CN21" s="257">
        <v>0</v>
      </c>
      <c r="CO21" s="254">
        <v>0</v>
      </c>
      <c r="CP21" s="256">
        <v>0</v>
      </c>
      <c r="CQ21" s="257">
        <v>0</v>
      </c>
      <c r="CR21" s="257">
        <v>0</v>
      </c>
      <c r="CS21" s="257">
        <v>0</v>
      </c>
      <c r="CT21" s="257">
        <v>0</v>
      </c>
      <c r="CU21" s="257">
        <v>0</v>
      </c>
      <c r="CV21" s="254">
        <v>0</v>
      </c>
      <c r="CW21" s="259">
        <v>0</v>
      </c>
      <c r="CX21" s="253">
        <v>0</v>
      </c>
      <c r="CY21" s="257">
        <v>0</v>
      </c>
      <c r="CZ21" s="254">
        <v>0</v>
      </c>
      <c r="DA21" s="256">
        <v>0</v>
      </c>
      <c r="DB21" s="257">
        <v>0</v>
      </c>
      <c r="DC21" s="257">
        <v>0</v>
      </c>
      <c r="DD21" s="257">
        <v>0</v>
      </c>
      <c r="DE21" s="257">
        <v>0</v>
      </c>
      <c r="DF21" s="257">
        <v>0</v>
      </c>
      <c r="DG21" s="254">
        <v>0</v>
      </c>
      <c r="DH21" s="259">
        <v>0</v>
      </c>
    </row>
    <row r="22" spans="2:112" ht="21" customHeight="1" x14ac:dyDescent="0.2">
      <c r="B22" s="437" t="s">
        <v>20</v>
      </c>
      <c r="C22" s="253">
        <v>0</v>
      </c>
      <c r="D22" s="254">
        <v>0</v>
      </c>
      <c r="E22" s="255">
        <v>0</v>
      </c>
      <c r="F22" s="256">
        <v>0</v>
      </c>
      <c r="G22" s="257">
        <v>97</v>
      </c>
      <c r="H22" s="257">
        <v>170</v>
      </c>
      <c r="I22" s="257">
        <v>209</v>
      </c>
      <c r="J22" s="257">
        <v>206</v>
      </c>
      <c r="K22" s="257">
        <v>436</v>
      </c>
      <c r="L22" s="258">
        <v>1118</v>
      </c>
      <c r="M22" s="259">
        <v>1118</v>
      </c>
      <c r="N22" s="253">
        <v>0</v>
      </c>
      <c r="O22" s="257">
        <v>0</v>
      </c>
      <c r="P22" s="254">
        <v>0</v>
      </c>
      <c r="Q22" s="256">
        <v>0</v>
      </c>
      <c r="R22" s="257">
        <v>4</v>
      </c>
      <c r="S22" s="257">
        <v>0</v>
      </c>
      <c r="T22" s="257">
        <v>0</v>
      </c>
      <c r="U22" s="257">
        <v>16</v>
      </c>
      <c r="V22" s="257">
        <v>24</v>
      </c>
      <c r="W22" s="254">
        <v>44</v>
      </c>
      <c r="X22" s="259">
        <v>44</v>
      </c>
      <c r="Y22" s="253">
        <v>25</v>
      </c>
      <c r="Z22" s="257">
        <v>26</v>
      </c>
      <c r="AA22" s="254">
        <v>51</v>
      </c>
      <c r="AB22" s="256">
        <v>0</v>
      </c>
      <c r="AC22" s="257">
        <v>137</v>
      </c>
      <c r="AD22" s="257">
        <v>98</v>
      </c>
      <c r="AE22" s="257">
        <v>96</v>
      </c>
      <c r="AF22" s="257">
        <v>70</v>
      </c>
      <c r="AG22" s="257">
        <v>44</v>
      </c>
      <c r="AH22" s="254">
        <v>445</v>
      </c>
      <c r="AI22" s="259">
        <v>496</v>
      </c>
      <c r="AJ22" s="253">
        <v>0</v>
      </c>
      <c r="AK22" s="257">
        <v>28</v>
      </c>
      <c r="AL22" s="254">
        <v>28</v>
      </c>
      <c r="AM22" s="256">
        <v>0</v>
      </c>
      <c r="AN22" s="257">
        <v>28</v>
      </c>
      <c r="AO22" s="257">
        <v>28</v>
      </c>
      <c r="AP22" s="257">
        <v>44</v>
      </c>
      <c r="AQ22" s="257">
        <v>30</v>
      </c>
      <c r="AR22" s="257">
        <v>6</v>
      </c>
      <c r="AS22" s="254">
        <v>136</v>
      </c>
      <c r="AT22" s="259">
        <v>164</v>
      </c>
      <c r="AU22" s="253">
        <v>0</v>
      </c>
      <c r="AV22" s="257">
        <v>0</v>
      </c>
      <c r="AW22" s="254">
        <v>0</v>
      </c>
      <c r="AX22" s="256">
        <v>0</v>
      </c>
      <c r="AY22" s="257">
        <v>154</v>
      </c>
      <c r="AZ22" s="257">
        <v>148</v>
      </c>
      <c r="BA22" s="257">
        <v>96</v>
      </c>
      <c r="BB22" s="257">
        <v>49</v>
      </c>
      <c r="BC22" s="257">
        <v>27</v>
      </c>
      <c r="BD22" s="258">
        <v>474</v>
      </c>
      <c r="BE22" s="259">
        <v>474</v>
      </c>
      <c r="BF22" s="253">
        <v>0</v>
      </c>
      <c r="BG22" s="257">
        <v>0</v>
      </c>
      <c r="BH22" s="254">
        <v>0</v>
      </c>
      <c r="BI22" s="256">
        <v>0</v>
      </c>
      <c r="BJ22" s="257">
        <v>21</v>
      </c>
      <c r="BK22" s="257">
        <v>68</v>
      </c>
      <c r="BL22" s="257">
        <v>26</v>
      </c>
      <c r="BM22" s="257">
        <v>15</v>
      </c>
      <c r="BN22" s="257">
        <v>15</v>
      </c>
      <c r="BO22" s="254">
        <v>145</v>
      </c>
      <c r="BP22" s="259">
        <v>145</v>
      </c>
      <c r="BQ22" s="253">
        <v>0</v>
      </c>
      <c r="BR22" s="257">
        <v>0</v>
      </c>
      <c r="BS22" s="254">
        <v>0</v>
      </c>
      <c r="BT22" s="256">
        <v>0</v>
      </c>
      <c r="BU22" s="257">
        <v>35</v>
      </c>
      <c r="BV22" s="257">
        <v>16</v>
      </c>
      <c r="BW22" s="257">
        <v>33</v>
      </c>
      <c r="BX22" s="257">
        <v>15</v>
      </c>
      <c r="BY22" s="257">
        <v>13</v>
      </c>
      <c r="BZ22" s="254">
        <v>112</v>
      </c>
      <c r="CA22" s="259">
        <v>112</v>
      </c>
      <c r="CB22" s="253">
        <v>0</v>
      </c>
      <c r="CC22" s="257">
        <v>0</v>
      </c>
      <c r="CD22" s="254">
        <v>0</v>
      </c>
      <c r="CE22" s="256">
        <v>0</v>
      </c>
      <c r="CF22" s="257">
        <v>0</v>
      </c>
      <c r="CG22" s="257">
        <v>3</v>
      </c>
      <c r="CH22" s="257">
        <v>3</v>
      </c>
      <c r="CI22" s="257">
        <v>5</v>
      </c>
      <c r="CJ22" s="257">
        <v>0</v>
      </c>
      <c r="CK22" s="254">
        <v>11</v>
      </c>
      <c r="CL22" s="259">
        <v>11</v>
      </c>
      <c r="CM22" s="253">
        <v>0</v>
      </c>
      <c r="CN22" s="257">
        <v>0</v>
      </c>
      <c r="CO22" s="254">
        <v>0</v>
      </c>
      <c r="CP22" s="256">
        <v>0</v>
      </c>
      <c r="CQ22" s="257">
        <v>0</v>
      </c>
      <c r="CR22" s="257">
        <v>0</v>
      </c>
      <c r="CS22" s="257">
        <v>0</v>
      </c>
      <c r="CT22" s="257">
        <v>0</v>
      </c>
      <c r="CU22" s="257">
        <v>0</v>
      </c>
      <c r="CV22" s="254">
        <v>0</v>
      </c>
      <c r="CW22" s="259">
        <v>0</v>
      </c>
      <c r="CX22" s="253">
        <v>0</v>
      </c>
      <c r="CY22" s="257">
        <v>0</v>
      </c>
      <c r="CZ22" s="254">
        <v>0</v>
      </c>
      <c r="DA22" s="256">
        <v>0</v>
      </c>
      <c r="DB22" s="257">
        <v>0</v>
      </c>
      <c r="DC22" s="257">
        <v>0</v>
      </c>
      <c r="DD22" s="257">
        <v>0</v>
      </c>
      <c r="DE22" s="257">
        <v>0</v>
      </c>
      <c r="DF22" s="257">
        <v>0</v>
      </c>
      <c r="DG22" s="254">
        <v>0</v>
      </c>
      <c r="DH22" s="259">
        <v>0</v>
      </c>
    </row>
    <row r="23" spans="2:112" ht="21" customHeight="1" x14ac:dyDescent="0.2">
      <c r="B23" s="437" t="s">
        <v>21</v>
      </c>
      <c r="C23" s="253">
        <v>0</v>
      </c>
      <c r="D23" s="254">
        <v>0</v>
      </c>
      <c r="E23" s="255">
        <v>0</v>
      </c>
      <c r="F23" s="256">
        <v>0</v>
      </c>
      <c r="G23" s="257">
        <v>137</v>
      </c>
      <c r="H23" s="257">
        <v>210</v>
      </c>
      <c r="I23" s="257">
        <v>264</v>
      </c>
      <c r="J23" s="257">
        <v>197</v>
      </c>
      <c r="K23" s="257">
        <v>87</v>
      </c>
      <c r="L23" s="258">
        <v>895</v>
      </c>
      <c r="M23" s="259">
        <v>895</v>
      </c>
      <c r="N23" s="253">
        <v>0</v>
      </c>
      <c r="O23" s="257">
        <v>0</v>
      </c>
      <c r="P23" s="254">
        <v>0</v>
      </c>
      <c r="Q23" s="256">
        <v>0</v>
      </c>
      <c r="R23" s="257">
        <v>0</v>
      </c>
      <c r="S23" s="257">
        <v>4</v>
      </c>
      <c r="T23" s="257">
        <v>0</v>
      </c>
      <c r="U23" s="257">
        <v>0</v>
      </c>
      <c r="V23" s="257">
        <v>10</v>
      </c>
      <c r="W23" s="254">
        <v>14</v>
      </c>
      <c r="X23" s="259">
        <v>14</v>
      </c>
      <c r="Y23" s="253">
        <v>0</v>
      </c>
      <c r="Z23" s="257">
        <v>30</v>
      </c>
      <c r="AA23" s="254">
        <v>30</v>
      </c>
      <c r="AB23" s="256">
        <v>0</v>
      </c>
      <c r="AC23" s="257">
        <v>133</v>
      </c>
      <c r="AD23" s="257">
        <v>115</v>
      </c>
      <c r="AE23" s="257">
        <v>92</v>
      </c>
      <c r="AF23" s="257">
        <v>2</v>
      </c>
      <c r="AG23" s="257">
        <v>52</v>
      </c>
      <c r="AH23" s="254">
        <v>394</v>
      </c>
      <c r="AI23" s="259">
        <v>424</v>
      </c>
      <c r="AJ23" s="253">
        <v>0</v>
      </c>
      <c r="AK23" s="257">
        <v>24</v>
      </c>
      <c r="AL23" s="254">
        <v>24</v>
      </c>
      <c r="AM23" s="256">
        <v>0</v>
      </c>
      <c r="AN23" s="257">
        <v>0</v>
      </c>
      <c r="AO23" s="257">
        <v>0</v>
      </c>
      <c r="AP23" s="257">
        <v>12</v>
      </c>
      <c r="AQ23" s="257">
        <v>0</v>
      </c>
      <c r="AR23" s="257">
        <v>0</v>
      </c>
      <c r="AS23" s="254">
        <v>12</v>
      </c>
      <c r="AT23" s="259">
        <v>36</v>
      </c>
      <c r="AU23" s="253">
        <v>0</v>
      </c>
      <c r="AV23" s="257">
        <v>0</v>
      </c>
      <c r="AW23" s="254">
        <v>0</v>
      </c>
      <c r="AX23" s="256">
        <v>0</v>
      </c>
      <c r="AY23" s="257">
        <v>125</v>
      </c>
      <c r="AZ23" s="257">
        <v>63</v>
      </c>
      <c r="BA23" s="257">
        <v>74</v>
      </c>
      <c r="BB23" s="257">
        <v>15</v>
      </c>
      <c r="BC23" s="257">
        <v>4</v>
      </c>
      <c r="BD23" s="258">
        <v>281</v>
      </c>
      <c r="BE23" s="259">
        <v>281</v>
      </c>
      <c r="BF23" s="253">
        <v>0</v>
      </c>
      <c r="BG23" s="257">
        <v>0</v>
      </c>
      <c r="BH23" s="254">
        <v>0</v>
      </c>
      <c r="BI23" s="256">
        <v>0</v>
      </c>
      <c r="BJ23" s="257">
        <v>20</v>
      </c>
      <c r="BK23" s="257">
        <v>14</v>
      </c>
      <c r="BL23" s="257">
        <v>6</v>
      </c>
      <c r="BM23" s="257">
        <v>0</v>
      </c>
      <c r="BN23" s="257">
        <v>0</v>
      </c>
      <c r="BO23" s="254">
        <v>40</v>
      </c>
      <c r="BP23" s="259">
        <v>40</v>
      </c>
      <c r="BQ23" s="253">
        <v>5</v>
      </c>
      <c r="BR23" s="257">
        <v>8</v>
      </c>
      <c r="BS23" s="254">
        <v>13</v>
      </c>
      <c r="BT23" s="256">
        <v>0</v>
      </c>
      <c r="BU23" s="257">
        <v>9</v>
      </c>
      <c r="BV23" s="257">
        <v>9</v>
      </c>
      <c r="BW23" s="257">
        <v>24</v>
      </c>
      <c r="BX23" s="257">
        <v>-1</v>
      </c>
      <c r="BY23" s="257">
        <v>0</v>
      </c>
      <c r="BZ23" s="254">
        <v>41</v>
      </c>
      <c r="CA23" s="259">
        <v>54</v>
      </c>
      <c r="CB23" s="253">
        <v>0</v>
      </c>
      <c r="CC23" s="257">
        <v>0</v>
      </c>
      <c r="CD23" s="254">
        <v>0</v>
      </c>
      <c r="CE23" s="256">
        <v>0</v>
      </c>
      <c r="CF23" s="257">
        <v>17</v>
      </c>
      <c r="CG23" s="257">
        <v>0</v>
      </c>
      <c r="CH23" s="257">
        <v>4</v>
      </c>
      <c r="CI23" s="257">
        <v>0</v>
      </c>
      <c r="CJ23" s="257">
        <v>0</v>
      </c>
      <c r="CK23" s="254">
        <v>21</v>
      </c>
      <c r="CL23" s="259">
        <v>21</v>
      </c>
      <c r="CM23" s="253">
        <v>0</v>
      </c>
      <c r="CN23" s="257">
        <v>0</v>
      </c>
      <c r="CO23" s="254">
        <v>0</v>
      </c>
      <c r="CP23" s="256">
        <v>0</v>
      </c>
      <c r="CQ23" s="257">
        <v>0</v>
      </c>
      <c r="CR23" s="257">
        <v>0</v>
      </c>
      <c r="CS23" s="257">
        <v>0</v>
      </c>
      <c r="CT23" s="257">
        <v>0</v>
      </c>
      <c r="CU23" s="257">
        <v>0</v>
      </c>
      <c r="CV23" s="254">
        <v>0</v>
      </c>
      <c r="CW23" s="259">
        <v>0</v>
      </c>
      <c r="CX23" s="253">
        <v>0</v>
      </c>
      <c r="CY23" s="257">
        <v>0</v>
      </c>
      <c r="CZ23" s="254">
        <v>0</v>
      </c>
      <c r="DA23" s="256">
        <v>0</v>
      </c>
      <c r="DB23" s="257">
        <v>0</v>
      </c>
      <c r="DC23" s="257">
        <v>0</v>
      </c>
      <c r="DD23" s="257">
        <v>0</v>
      </c>
      <c r="DE23" s="257">
        <v>0</v>
      </c>
      <c r="DF23" s="257">
        <v>0</v>
      </c>
      <c r="DG23" s="254">
        <v>0</v>
      </c>
      <c r="DH23" s="259">
        <v>0</v>
      </c>
    </row>
    <row r="24" spans="2:112" ht="21" customHeight="1" x14ac:dyDescent="0.2">
      <c r="B24" s="437" t="s">
        <v>22</v>
      </c>
      <c r="C24" s="253">
        <v>0</v>
      </c>
      <c r="D24" s="254">
        <v>0</v>
      </c>
      <c r="E24" s="255">
        <v>0</v>
      </c>
      <c r="F24" s="256">
        <v>0</v>
      </c>
      <c r="G24" s="257">
        <v>27</v>
      </c>
      <c r="H24" s="257">
        <v>12</v>
      </c>
      <c r="I24" s="257">
        <v>34</v>
      </c>
      <c r="J24" s="257">
        <v>18</v>
      </c>
      <c r="K24" s="257">
        <v>126</v>
      </c>
      <c r="L24" s="258">
        <v>217</v>
      </c>
      <c r="M24" s="259">
        <v>217</v>
      </c>
      <c r="N24" s="253">
        <v>0</v>
      </c>
      <c r="O24" s="257">
        <v>0</v>
      </c>
      <c r="P24" s="254">
        <v>0</v>
      </c>
      <c r="Q24" s="256">
        <v>0</v>
      </c>
      <c r="R24" s="257">
        <v>0</v>
      </c>
      <c r="S24" s="257">
        <v>0</v>
      </c>
      <c r="T24" s="257">
        <v>0</v>
      </c>
      <c r="U24" s="257">
        <v>0</v>
      </c>
      <c r="V24" s="257">
        <v>35</v>
      </c>
      <c r="W24" s="254">
        <v>35</v>
      </c>
      <c r="X24" s="259">
        <v>35</v>
      </c>
      <c r="Y24" s="253">
        <v>0</v>
      </c>
      <c r="Z24" s="257">
        <v>0</v>
      </c>
      <c r="AA24" s="254">
        <v>0</v>
      </c>
      <c r="AB24" s="256">
        <v>0</v>
      </c>
      <c r="AC24" s="257">
        <v>21</v>
      </c>
      <c r="AD24" s="257">
        <v>45</v>
      </c>
      <c r="AE24" s="257">
        <v>24</v>
      </c>
      <c r="AF24" s="257">
        <v>1</v>
      </c>
      <c r="AG24" s="257">
        <v>100</v>
      </c>
      <c r="AH24" s="254">
        <v>191</v>
      </c>
      <c r="AI24" s="259">
        <v>191</v>
      </c>
      <c r="AJ24" s="253">
        <v>0</v>
      </c>
      <c r="AK24" s="257">
        <v>0</v>
      </c>
      <c r="AL24" s="254">
        <v>0</v>
      </c>
      <c r="AM24" s="256">
        <v>0</v>
      </c>
      <c r="AN24" s="257">
        <v>27</v>
      </c>
      <c r="AO24" s="257">
        <v>20</v>
      </c>
      <c r="AP24" s="257">
        <v>0</v>
      </c>
      <c r="AQ24" s="257">
        <v>24</v>
      </c>
      <c r="AR24" s="257">
        <v>0</v>
      </c>
      <c r="AS24" s="254">
        <v>71</v>
      </c>
      <c r="AT24" s="259">
        <v>71</v>
      </c>
      <c r="AU24" s="253">
        <v>0</v>
      </c>
      <c r="AV24" s="257">
        <v>0</v>
      </c>
      <c r="AW24" s="254">
        <v>0</v>
      </c>
      <c r="AX24" s="256">
        <v>0</v>
      </c>
      <c r="AY24" s="257">
        <v>27</v>
      </c>
      <c r="AZ24" s="257">
        <v>45</v>
      </c>
      <c r="BA24" s="257">
        <v>32</v>
      </c>
      <c r="BB24" s="257">
        <v>54</v>
      </c>
      <c r="BC24" s="257">
        <v>18</v>
      </c>
      <c r="BD24" s="258">
        <v>176</v>
      </c>
      <c r="BE24" s="259">
        <v>176</v>
      </c>
      <c r="BF24" s="253">
        <v>0</v>
      </c>
      <c r="BG24" s="257">
        <v>0</v>
      </c>
      <c r="BH24" s="254">
        <v>0</v>
      </c>
      <c r="BI24" s="256">
        <v>0</v>
      </c>
      <c r="BJ24" s="257">
        <v>5</v>
      </c>
      <c r="BK24" s="257">
        <v>30</v>
      </c>
      <c r="BL24" s="257">
        <v>16</v>
      </c>
      <c r="BM24" s="257">
        <v>13</v>
      </c>
      <c r="BN24" s="257">
        <v>0</v>
      </c>
      <c r="BO24" s="254">
        <v>64</v>
      </c>
      <c r="BP24" s="259">
        <v>64</v>
      </c>
      <c r="BQ24" s="253">
        <v>0</v>
      </c>
      <c r="BR24" s="257">
        <v>0</v>
      </c>
      <c r="BS24" s="254">
        <v>0</v>
      </c>
      <c r="BT24" s="256">
        <v>0</v>
      </c>
      <c r="BU24" s="257">
        <v>0</v>
      </c>
      <c r="BV24" s="257">
        <v>16</v>
      </c>
      <c r="BW24" s="257">
        <v>2</v>
      </c>
      <c r="BX24" s="257">
        <v>12</v>
      </c>
      <c r="BY24" s="257">
        <v>25</v>
      </c>
      <c r="BZ24" s="254">
        <v>55</v>
      </c>
      <c r="CA24" s="259">
        <v>55</v>
      </c>
      <c r="CB24" s="253">
        <v>0</v>
      </c>
      <c r="CC24" s="257">
        <v>0</v>
      </c>
      <c r="CD24" s="254">
        <v>0</v>
      </c>
      <c r="CE24" s="256">
        <v>0</v>
      </c>
      <c r="CF24" s="257">
        <v>0</v>
      </c>
      <c r="CG24" s="257">
        <v>0</v>
      </c>
      <c r="CH24" s="257">
        <v>0</v>
      </c>
      <c r="CI24" s="257">
        <v>6</v>
      </c>
      <c r="CJ24" s="257">
        <v>6</v>
      </c>
      <c r="CK24" s="254">
        <v>12</v>
      </c>
      <c r="CL24" s="259">
        <v>12</v>
      </c>
      <c r="CM24" s="253">
        <v>0</v>
      </c>
      <c r="CN24" s="257">
        <v>0</v>
      </c>
      <c r="CO24" s="254">
        <v>0</v>
      </c>
      <c r="CP24" s="256">
        <v>0</v>
      </c>
      <c r="CQ24" s="257">
        <v>0</v>
      </c>
      <c r="CR24" s="257">
        <v>0</v>
      </c>
      <c r="CS24" s="257">
        <v>0</v>
      </c>
      <c r="CT24" s="257">
        <v>0</v>
      </c>
      <c r="CU24" s="257">
        <v>0</v>
      </c>
      <c r="CV24" s="254">
        <v>0</v>
      </c>
      <c r="CW24" s="259">
        <v>0</v>
      </c>
      <c r="CX24" s="253">
        <v>0</v>
      </c>
      <c r="CY24" s="257">
        <v>0</v>
      </c>
      <c r="CZ24" s="254">
        <v>0</v>
      </c>
      <c r="DA24" s="256">
        <v>0</v>
      </c>
      <c r="DB24" s="257">
        <v>0</v>
      </c>
      <c r="DC24" s="257">
        <v>0</v>
      </c>
      <c r="DD24" s="257">
        <v>0</v>
      </c>
      <c r="DE24" s="257">
        <v>0</v>
      </c>
      <c r="DF24" s="257">
        <v>0</v>
      </c>
      <c r="DG24" s="254">
        <v>0</v>
      </c>
      <c r="DH24" s="259">
        <v>0</v>
      </c>
    </row>
    <row r="25" spans="2:112" ht="21" customHeight="1" x14ac:dyDescent="0.2">
      <c r="B25" s="437" t="s">
        <v>23</v>
      </c>
      <c r="C25" s="253">
        <v>0</v>
      </c>
      <c r="D25" s="254">
        <v>0</v>
      </c>
      <c r="E25" s="255">
        <v>0</v>
      </c>
      <c r="F25" s="256">
        <v>0</v>
      </c>
      <c r="G25" s="257">
        <v>6</v>
      </c>
      <c r="H25" s="257">
        <v>84</v>
      </c>
      <c r="I25" s="257">
        <v>299</v>
      </c>
      <c r="J25" s="257">
        <v>11</v>
      </c>
      <c r="K25" s="257">
        <v>0</v>
      </c>
      <c r="L25" s="258">
        <v>400</v>
      </c>
      <c r="M25" s="259">
        <v>400</v>
      </c>
      <c r="N25" s="253">
        <v>0</v>
      </c>
      <c r="O25" s="257">
        <v>0</v>
      </c>
      <c r="P25" s="254">
        <v>0</v>
      </c>
      <c r="Q25" s="256">
        <v>0</v>
      </c>
      <c r="R25" s="257">
        <v>1</v>
      </c>
      <c r="S25" s="257">
        <v>8</v>
      </c>
      <c r="T25" s="257">
        <v>2</v>
      </c>
      <c r="U25" s="257">
        <v>0</v>
      </c>
      <c r="V25" s="257">
        <v>0</v>
      </c>
      <c r="W25" s="254">
        <v>11</v>
      </c>
      <c r="X25" s="259">
        <v>11</v>
      </c>
      <c r="Y25" s="253">
        <v>16</v>
      </c>
      <c r="Z25" s="257">
        <v>28</v>
      </c>
      <c r="AA25" s="254">
        <v>44</v>
      </c>
      <c r="AB25" s="256">
        <v>0</v>
      </c>
      <c r="AC25" s="257">
        <v>62</v>
      </c>
      <c r="AD25" s="257">
        <v>131</v>
      </c>
      <c r="AE25" s="257">
        <v>99</v>
      </c>
      <c r="AF25" s="257">
        <v>31</v>
      </c>
      <c r="AG25" s="257">
        <v>7</v>
      </c>
      <c r="AH25" s="254">
        <v>330</v>
      </c>
      <c r="AI25" s="259">
        <v>374</v>
      </c>
      <c r="AJ25" s="253">
        <v>8</v>
      </c>
      <c r="AK25" s="257">
        <v>9</v>
      </c>
      <c r="AL25" s="254">
        <v>17</v>
      </c>
      <c r="AM25" s="256">
        <v>0</v>
      </c>
      <c r="AN25" s="257">
        <v>0</v>
      </c>
      <c r="AO25" s="257">
        <v>21</v>
      </c>
      <c r="AP25" s="257">
        <v>0</v>
      </c>
      <c r="AQ25" s="257">
        <v>0</v>
      </c>
      <c r="AR25" s="257">
        <v>0</v>
      </c>
      <c r="AS25" s="254">
        <v>21</v>
      </c>
      <c r="AT25" s="259">
        <v>38</v>
      </c>
      <c r="AU25" s="253">
        <v>0</v>
      </c>
      <c r="AV25" s="257">
        <v>0</v>
      </c>
      <c r="AW25" s="254">
        <v>0</v>
      </c>
      <c r="AX25" s="256">
        <v>0</v>
      </c>
      <c r="AY25" s="257">
        <v>91</v>
      </c>
      <c r="AZ25" s="257">
        <v>99</v>
      </c>
      <c r="BA25" s="257">
        <v>57</v>
      </c>
      <c r="BB25" s="257">
        <v>44</v>
      </c>
      <c r="BC25" s="257">
        <v>0</v>
      </c>
      <c r="BD25" s="258">
        <v>291</v>
      </c>
      <c r="BE25" s="259">
        <v>291</v>
      </c>
      <c r="BF25" s="253">
        <v>0</v>
      </c>
      <c r="BG25" s="257">
        <v>0</v>
      </c>
      <c r="BH25" s="254">
        <v>0</v>
      </c>
      <c r="BI25" s="256">
        <v>0</v>
      </c>
      <c r="BJ25" s="257">
        <v>14</v>
      </c>
      <c r="BK25" s="257">
        <v>12</v>
      </c>
      <c r="BL25" s="257">
        <v>11</v>
      </c>
      <c r="BM25" s="257">
        <v>27</v>
      </c>
      <c r="BN25" s="257">
        <v>1</v>
      </c>
      <c r="BO25" s="254">
        <v>65</v>
      </c>
      <c r="BP25" s="259">
        <v>65</v>
      </c>
      <c r="BQ25" s="253">
        <v>0</v>
      </c>
      <c r="BR25" s="257">
        <v>0</v>
      </c>
      <c r="BS25" s="254">
        <v>0</v>
      </c>
      <c r="BT25" s="256">
        <v>0</v>
      </c>
      <c r="BU25" s="257">
        <v>14</v>
      </c>
      <c r="BV25" s="257">
        <v>33</v>
      </c>
      <c r="BW25" s="257">
        <v>49</v>
      </c>
      <c r="BX25" s="257">
        <v>21</v>
      </c>
      <c r="BY25" s="257">
        <v>10</v>
      </c>
      <c r="BZ25" s="254">
        <v>127</v>
      </c>
      <c r="CA25" s="259">
        <v>127</v>
      </c>
      <c r="CB25" s="253">
        <v>0</v>
      </c>
      <c r="CC25" s="257">
        <v>0</v>
      </c>
      <c r="CD25" s="254">
        <v>0</v>
      </c>
      <c r="CE25" s="256">
        <v>0</v>
      </c>
      <c r="CF25" s="257">
        <v>0</v>
      </c>
      <c r="CG25" s="257">
        <v>0</v>
      </c>
      <c r="CH25" s="257">
        <v>0</v>
      </c>
      <c r="CI25" s="257">
        <v>25</v>
      </c>
      <c r="CJ25" s="257">
        <v>0</v>
      </c>
      <c r="CK25" s="254">
        <v>25</v>
      </c>
      <c r="CL25" s="259">
        <v>25</v>
      </c>
      <c r="CM25" s="253">
        <v>0</v>
      </c>
      <c r="CN25" s="257">
        <v>0</v>
      </c>
      <c r="CO25" s="254">
        <v>0</v>
      </c>
      <c r="CP25" s="256">
        <v>0</v>
      </c>
      <c r="CQ25" s="257">
        <v>0</v>
      </c>
      <c r="CR25" s="257">
        <v>0</v>
      </c>
      <c r="CS25" s="257">
        <v>0</v>
      </c>
      <c r="CT25" s="257">
        <v>0</v>
      </c>
      <c r="CU25" s="257">
        <v>0</v>
      </c>
      <c r="CV25" s="254">
        <v>0</v>
      </c>
      <c r="CW25" s="259">
        <v>0</v>
      </c>
      <c r="CX25" s="253">
        <v>0</v>
      </c>
      <c r="CY25" s="257">
        <v>0</v>
      </c>
      <c r="CZ25" s="254">
        <v>0</v>
      </c>
      <c r="DA25" s="256">
        <v>0</v>
      </c>
      <c r="DB25" s="257">
        <v>0</v>
      </c>
      <c r="DC25" s="257">
        <v>0</v>
      </c>
      <c r="DD25" s="257">
        <v>0</v>
      </c>
      <c r="DE25" s="257">
        <v>0</v>
      </c>
      <c r="DF25" s="257">
        <v>0</v>
      </c>
      <c r="DG25" s="254">
        <v>0</v>
      </c>
      <c r="DH25" s="259">
        <v>0</v>
      </c>
    </row>
    <row r="26" spans="2:112" ht="21" customHeight="1" x14ac:dyDescent="0.2">
      <c r="B26" s="437" t="s">
        <v>24</v>
      </c>
      <c r="C26" s="253">
        <v>0</v>
      </c>
      <c r="D26" s="254">
        <v>0</v>
      </c>
      <c r="E26" s="255">
        <v>0</v>
      </c>
      <c r="F26" s="256">
        <v>0</v>
      </c>
      <c r="G26" s="257">
        <v>74</v>
      </c>
      <c r="H26" s="257">
        <v>142</v>
      </c>
      <c r="I26" s="257">
        <v>90</v>
      </c>
      <c r="J26" s="257">
        <v>136</v>
      </c>
      <c r="K26" s="257">
        <v>126</v>
      </c>
      <c r="L26" s="258">
        <v>568</v>
      </c>
      <c r="M26" s="259">
        <v>568</v>
      </c>
      <c r="N26" s="253">
        <v>0</v>
      </c>
      <c r="O26" s="257">
        <v>0</v>
      </c>
      <c r="P26" s="254">
        <v>0</v>
      </c>
      <c r="Q26" s="256">
        <v>0</v>
      </c>
      <c r="R26" s="257">
        <v>4</v>
      </c>
      <c r="S26" s="257">
        <v>0</v>
      </c>
      <c r="T26" s="257">
        <v>0</v>
      </c>
      <c r="U26" s="257">
        <v>0</v>
      </c>
      <c r="V26" s="257">
        <v>8</v>
      </c>
      <c r="W26" s="254">
        <v>12</v>
      </c>
      <c r="X26" s="259">
        <v>12</v>
      </c>
      <c r="Y26" s="253">
        <v>13</v>
      </c>
      <c r="Z26" s="257">
        <v>5</v>
      </c>
      <c r="AA26" s="254">
        <v>18</v>
      </c>
      <c r="AB26" s="256">
        <v>0</v>
      </c>
      <c r="AC26" s="257">
        <v>68</v>
      </c>
      <c r="AD26" s="257">
        <v>46</v>
      </c>
      <c r="AE26" s="257">
        <v>27</v>
      </c>
      <c r="AF26" s="257">
        <v>57</v>
      </c>
      <c r="AG26" s="257">
        <v>45</v>
      </c>
      <c r="AH26" s="254">
        <v>243</v>
      </c>
      <c r="AI26" s="259">
        <v>261</v>
      </c>
      <c r="AJ26" s="253">
        <v>0</v>
      </c>
      <c r="AK26" s="257">
        <v>0</v>
      </c>
      <c r="AL26" s="254">
        <v>0</v>
      </c>
      <c r="AM26" s="256">
        <v>0</v>
      </c>
      <c r="AN26" s="257">
        <v>0</v>
      </c>
      <c r="AO26" s="257">
        <v>0</v>
      </c>
      <c r="AP26" s="257">
        <v>0</v>
      </c>
      <c r="AQ26" s="257">
        <v>0</v>
      </c>
      <c r="AR26" s="257">
        <v>12</v>
      </c>
      <c r="AS26" s="254">
        <v>12</v>
      </c>
      <c r="AT26" s="259">
        <v>12</v>
      </c>
      <c r="AU26" s="253">
        <v>0</v>
      </c>
      <c r="AV26" s="257">
        <v>0</v>
      </c>
      <c r="AW26" s="254">
        <v>0</v>
      </c>
      <c r="AX26" s="256">
        <v>0</v>
      </c>
      <c r="AY26" s="257">
        <v>75</v>
      </c>
      <c r="AZ26" s="257">
        <v>48</v>
      </c>
      <c r="BA26" s="257">
        <v>10</v>
      </c>
      <c r="BB26" s="257">
        <v>0</v>
      </c>
      <c r="BC26" s="257">
        <v>15</v>
      </c>
      <c r="BD26" s="258">
        <v>148</v>
      </c>
      <c r="BE26" s="259">
        <v>148</v>
      </c>
      <c r="BF26" s="253">
        <v>0</v>
      </c>
      <c r="BG26" s="257">
        <v>0</v>
      </c>
      <c r="BH26" s="254">
        <v>0</v>
      </c>
      <c r="BI26" s="256">
        <v>0</v>
      </c>
      <c r="BJ26" s="257">
        <v>26</v>
      </c>
      <c r="BK26" s="257">
        <v>19</v>
      </c>
      <c r="BL26" s="257">
        <v>12</v>
      </c>
      <c r="BM26" s="257">
        <v>10</v>
      </c>
      <c r="BN26" s="257">
        <v>22</v>
      </c>
      <c r="BO26" s="254">
        <v>89</v>
      </c>
      <c r="BP26" s="259">
        <v>89</v>
      </c>
      <c r="BQ26" s="253">
        <v>4</v>
      </c>
      <c r="BR26" s="257">
        <v>0</v>
      </c>
      <c r="BS26" s="254">
        <v>4</v>
      </c>
      <c r="BT26" s="256">
        <v>0</v>
      </c>
      <c r="BU26" s="257">
        <v>0</v>
      </c>
      <c r="BV26" s="257">
        <v>0</v>
      </c>
      <c r="BW26" s="257">
        <v>7</v>
      </c>
      <c r="BX26" s="257">
        <v>0</v>
      </c>
      <c r="BY26" s="257">
        <v>15</v>
      </c>
      <c r="BZ26" s="254">
        <v>22</v>
      </c>
      <c r="CA26" s="259">
        <v>26</v>
      </c>
      <c r="CB26" s="253">
        <v>0</v>
      </c>
      <c r="CC26" s="257">
        <v>0</v>
      </c>
      <c r="CD26" s="254">
        <v>0</v>
      </c>
      <c r="CE26" s="256">
        <v>0</v>
      </c>
      <c r="CF26" s="257">
        <v>0</v>
      </c>
      <c r="CG26" s="257">
        <v>0</v>
      </c>
      <c r="CH26" s="257">
        <v>0</v>
      </c>
      <c r="CI26" s="257">
        <v>0</v>
      </c>
      <c r="CJ26" s="257">
        <v>0</v>
      </c>
      <c r="CK26" s="254">
        <v>0</v>
      </c>
      <c r="CL26" s="259">
        <v>0</v>
      </c>
      <c r="CM26" s="253">
        <v>0</v>
      </c>
      <c r="CN26" s="257">
        <v>0</v>
      </c>
      <c r="CO26" s="254">
        <v>0</v>
      </c>
      <c r="CP26" s="256">
        <v>0</v>
      </c>
      <c r="CQ26" s="257">
        <v>0</v>
      </c>
      <c r="CR26" s="257">
        <v>0</v>
      </c>
      <c r="CS26" s="257">
        <v>0</v>
      </c>
      <c r="CT26" s="257">
        <v>0</v>
      </c>
      <c r="CU26" s="257">
        <v>0</v>
      </c>
      <c r="CV26" s="254">
        <v>0</v>
      </c>
      <c r="CW26" s="259">
        <v>0</v>
      </c>
      <c r="CX26" s="253">
        <v>0</v>
      </c>
      <c r="CY26" s="257">
        <v>0</v>
      </c>
      <c r="CZ26" s="254">
        <v>0</v>
      </c>
      <c r="DA26" s="256">
        <v>0</v>
      </c>
      <c r="DB26" s="257">
        <v>0</v>
      </c>
      <c r="DC26" s="257">
        <v>0</v>
      </c>
      <c r="DD26" s="257">
        <v>0</v>
      </c>
      <c r="DE26" s="257">
        <v>0</v>
      </c>
      <c r="DF26" s="257">
        <v>0</v>
      </c>
      <c r="DG26" s="254">
        <v>0</v>
      </c>
      <c r="DH26" s="259">
        <v>0</v>
      </c>
    </row>
    <row r="27" spans="2:112" ht="21" customHeight="1" x14ac:dyDescent="0.2">
      <c r="B27" s="437" t="s">
        <v>25</v>
      </c>
      <c r="C27" s="253">
        <v>0</v>
      </c>
      <c r="D27" s="254">
        <v>0</v>
      </c>
      <c r="E27" s="255">
        <v>0</v>
      </c>
      <c r="F27" s="256">
        <v>0</v>
      </c>
      <c r="G27" s="257">
        <v>27</v>
      </c>
      <c r="H27" s="257">
        <v>38</v>
      </c>
      <c r="I27" s="257">
        <v>8</v>
      </c>
      <c r="J27" s="257">
        <v>129</v>
      </c>
      <c r="K27" s="257">
        <v>0</v>
      </c>
      <c r="L27" s="258">
        <v>202</v>
      </c>
      <c r="M27" s="259">
        <v>202</v>
      </c>
      <c r="N27" s="253">
        <v>0</v>
      </c>
      <c r="O27" s="257">
        <v>0</v>
      </c>
      <c r="P27" s="254">
        <v>0</v>
      </c>
      <c r="Q27" s="256">
        <v>0</v>
      </c>
      <c r="R27" s="257">
        <v>5</v>
      </c>
      <c r="S27" s="257">
        <v>0</v>
      </c>
      <c r="T27" s="257">
        <v>0</v>
      </c>
      <c r="U27" s="257">
        <v>0</v>
      </c>
      <c r="V27" s="257">
        <v>8</v>
      </c>
      <c r="W27" s="254">
        <v>13</v>
      </c>
      <c r="X27" s="259">
        <v>13</v>
      </c>
      <c r="Y27" s="253">
        <v>3</v>
      </c>
      <c r="Z27" s="257">
        <v>21</v>
      </c>
      <c r="AA27" s="254">
        <v>24</v>
      </c>
      <c r="AB27" s="256">
        <v>0</v>
      </c>
      <c r="AC27" s="257">
        <v>37</v>
      </c>
      <c r="AD27" s="257">
        <v>0</v>
      </c>
      <c r="AE27" s="257">
        <v>0</v>
      </c>
      <c r="AF27" s="257">
        <v>0</v>
      </c>
      <c r="AG27" s="257">
        <v>22</v>
      </c>
      <c r="AH27" s="254">
        <v>59</v>
      </c>
      <c r="AI27" s="259">
        <v>83</v>
      </c>
      <c r="AJ27" s="253">
        <v>0</v>
      </c>
      <c r="AK27" s="257">
        <v>0</v>
      </c>
      <c r="AL27" s="254">
        <v>0</v>
      </c>
      <c r="AM27" s="256">
        <v>0</v>
      </c>
      <c r="AN27" s="257">
        <v>0</v>
      </c>
      <c r="AO27" s="257">
        <v>0</v>
      </c>
      <c r="AP27" s="257">
        <v>0</v>
      </c>
      <c r="AQ27" s="257">
        <v>0</v>
      </c>
      <c r="AR27" s="257">
        <v>0</v>
      </c>
      <c r="AS27" s="254">
        <v>0</v>
      </c>
      <c r="AT27" s="259">
        <v>0</v>
      </c>
      <c r="AU27" s="253">
        <v>0</v>
      </c>
      <c r="AV27" s="257">
        <v>0</v>
      </c>
      <c r="AW27" s="254">
        <v>0</v>
      </c>
      <c r="AX27" s="256">
        <v>0</v>
      </c>
      <c r="AY27" s="257">
        <v>34</v>
      </c>
      <c r="AZ27" s="257">
        <v>30</v>
      </c>
      <c r="BA27" s="257">
        <v>3</v>
      </c>
      <c r="BB27" s="257">
        <v>0</v>
      </c>
      <c r="BC27" s="257">
        <v>0</v>
      </c>
      <c r="BD27" s="258">
        <v>67</v>
      </c>
      <c r="BE27" s="259">
        <v>67</v>
      </c>
      <c r="BF27" s="253">
        <v>0</v>
      </c>
      <c r="BG27" s="257">
        <v>0</v>
      </c>
      <c r="BH27" s="254">
        <v>0</v>
      </c>
      <c r="BI27" s="256">
        <v>0</v>
      </c>
      <c r="BJ27" s="257">
        <v>22</v>
      </c>
      <c r="BK27" s="257">
        <v>8</v>
      </c>
      <c r="BL27" s="257">
        <v>12</v>
      </c>
      <c r="BM27" s="257">
        <v>0</v>
      </c>
      <c r="BN27" s="257">
        <v>7</v>
      </c>
      <c r="BO27" s="254">
        <v>49</v>
      </c>
      <c r="BP27" s="259">
        <v>49</v>
      </c>
      <c r="BQ27" s="253">
        <v>0</v>
      </c>
      <c r="BR27" s="257">
        <v>3</v>
      </c>
      <c r="BS27" s="254">
        <v>3</v>
      </c>
      <c r="BT27" s="256">
        <v>0</v>
      </c>
      <c r="BU27" s="257">
        <v>12</v>
      </c>
      <c r="BV27" s="257">
        <v>0</v>
      </c>
      <c r="BW27" s="257">
        <v>30</v>
      </c>
      <c r="BX27" s="257">
        <v>0</v>
      </c>
      <c r="BY27" s="257">
        <v>29</v>
      </c>
      <c r="BZ27" s="254">
        <v>71</v>
      </c>
      <c r="CA27" s="259">
        <v>74</v>
      </c>
      <c r="CB27" s="253">
        <v>0</v>
      </c>
      <c r="CC27" s="257">
        <v>0</v>
      </c>
      <c r="CD27" s="254">
        <v>0</v>
      </c>
      <c r="CE27" s="256">
        <v>0</v>
      </c>
      <c r="CF27" s="257">
        <v>0</v>
      </c>
      <c r="CG27" s="257">
        <v>0</v>
      </c>
      <c r="CH27" s="257">
        <v>0</v>
      </c>
      <c r="CI27" s="257">
        <v>0</v>
      </c>
      <c r="CJ27" s="257">
        <v>0</v>
      </c>
      <c r="CK27" s="254">
        <v>0</v>
      </c>
      <c r="CL27" s="259">
        <v>0</v>
      </c>
      <c r="CM27" s="253">
        <v>0</v>
      </c>
      <c r="CN27" s="257">
        <v>0</v>
      </c>
      <c r="CO27" s="254">
        <v>0</v>
      </c>
      <c r="CP27" s="256">
        <v>0</v>
      </c>
      <c r="CQ27" s="257">
        <v>0</v>
      </c>
      <c r="CR27" s="257">
        <v>0</v>
      </c>
      <c r="CS27" s="257">
        <v>0</v>
      </c>
      <c r="CT27" s="257">
        <v>0</v>
      </c>
      <c r="CU27" s="257">
        <v>0</v>
      </c>
      <c r="CV27" s="254">
        <v>0</v>
      </c>
      <c r="CW27" s="259">
        <v>0</v>
      </c>
      <c r="CX27" s="253">
        <v>0</v>
      </c>
      <c r="CY27" s="257">
        <v>0</v>
      </c>
      <c r="CZ27" s="254">
        <v>0</v>
      </c>
      <c r="DA27" s="256">
        <v>0</v>
      </c>
      <c r="DB27" s="257">
        <v>0</v>
      </c>
      <c r="DC27" s="257">
        <v>0</v>
      </c>
      <c r="DD27" s="257">
        <v>0</v>
      </c>
      <c r="DE27" s="257">
        <v>0</v>
      </c>
      <c r="DF27" s="257">
        <v>0</v>
      </c>
      <c r="DG27" s="254">
        <v>0</v>
      </c>
      <c r="DH27" s="259">
        <v>0</v>
      </c>
    </row>
    <row r="28" spans="2:112" ht="21" customHeight="1" x14ac:dyDescent="0.2">
      <c r="B28" s="437" t="s">
        <v>26</v>
      </c>
      <c r="C28" s="253">
        <v>0</v>
      </c>
      <c r="D28" s="254">
        <v>0</v>
      </c>
      <c r="E28" s="255">
        <v>0</v>
      </c>
      <c r="F28" s="256">
        <v>0</v>
      </c>
      <c r="G28" s="257">
        <v>35</v>
      </c>
      <c r="H28" s="257">
        <v>86</v>
      </c>
      <c r="I28" s="257">
        <v>13</v>
      </c>
      <c r="J28" s="257">
        <v>39</v>
      </c>
      <c r="K28" s="257">
        <v>183</v>
      </c>
      <c r="L28" s="258">
        <v>356</v>
      </c>
      <c r="M28" s="259">
        <v>356</v>
      </c>
      <c r="N28" s="253">
        <v>0</v>
      </c>
      <c r="O28" s="257">
        <v>0</v>
      </c>
      <c r="P28" s="254">
        <v>0</v>
      </c>
      <c r="Q28" s="256">
        <v>0</v>
      </c>
      <c r="R28" s="257">
        <v>0</v>
      </c>
      <c r="S28" s="257">
        <v>0</v>
      </c>
      <c r="T28" s="257">
        <v>0</v>
      </c>
      <c r="U28" s="257">
        <v>0</v>
      </c>
      <c r="V28" s="257">
        <v>12</v>
      </c>
      <c r="W28" s="254">
        <v>12</v>
      </c>
      <c r="X28" s="259">
        <v>12</v>
      </c>
      <c r="Y28" s="253">
        <v>0</v>
      </c>
      <c r="Z28" s="257">
        <v>8</v>
      </c>
      <c r="AA28" s="254">
        <v>8</v>
      </c>
      <c r="AB28" s="256">
        <v>0</v>
      </c>
      <c r="AC28" s="257">
        <v>40</v>
      </c>
      <c r="AD28" s="257">
        <v>70</v>
      </c>
      <c r="AE28" s="257">
        <v>0</v>
      </c>
      <c r="AF28" s="257">
        <v>26</v>
      </c>
      <c r="AG28" s="257">
        <v>77</v>
      </c>
      <c r="AH28" s="254">
        <v>213</v>
      </c>
      <c r="AI28" s="259">
        <v>221</v>
      </c>
      <c r="AJ28" s="253">
        <v>0</v>
      </c>
      <c r="AK28" s="257">
        <v>24</v>
      </c>
      <c r="AL28" s="254">
        <v>24</v>
      </c>
      <c r="AM28" s="256">
        <v>0</v>
      </c>
      <c r="AN28" s="257">
        <v>0</v>
      </c>
      <c r="AO28" s="257">
        <v>0</v>
      </c>
      <c r="AP28" s="257">
        <v>0</v>
      </c>
      <c r="AQ28" s="257">
        <v>0</v>
      </c>
      <c r="AR28" s="257">
        <v>0</v>
      </c>
      <c r="AS28" s="254">
        <v>0</v>
      </c>
      <c r="AT28" s="259">
        <v>24</v>
      </c>
      <c r="AU28" s="253">
        <v>0</v>
      </c>
      <c r="AV28" s="257">
        <v>0</v>
      </c>
      <c r="AW28" s="254">
        <v>0</v>
      </c>
      <c r="AX28" s="256">
        <v>0</v>
      </c>
      <c r="AY28" s="257">
        <v>56</v>
      </c>
      <c r="AZ28" s="257">
        <v>20</v>
      </c>
      <c r="BA28" s="257">
        <v>4</v>
      </c>
      <c r="BB28" s="257">
        <v>8</v>
      </c>
      <c r="BC28" s="257">
        <v>0</v>
      </c>
      <c r="BD28" s="258">
        <v>88</v>
      </c>
      <c r="BE28" s="259">
        <v>88</v>
      </c>
      <c r="BF28" s="253">
        <v>0</v>
      </c>
      <c r="BG28" s="257">
        <v>0</v>
      </c>
      <c r="BH28" s="254">
        <v>0</v>
      </c>
      <c r="BI28" s="256">
        <v>0</v>
      </c>
      <c r="BJ28" s="257">
        <v>28</v>
      </c>
      <c r="BK28" s="257">
        <v>15</v>
      </c>
      <c r="BL28" s="257">
        <v>0</v>
      </c>
      <c r="BM28" s="257">
        <v>0</v>
      </c>
      <c r="BN28" s="257">
        <v>0</v>
      </c>
      <c r="BO28" s="254">
        <v>43</v>
      </c>
      <c r="BP28" s="259">
        <v>43</v>
      </c>
      <c r="BQ28" s="253">
        <v>0</v>
      </c>
      <c r="BR28" s="257">
        <v>0</v>
      </c>
      <c r="BS28" s="254">
        <v>0</v>
      </c>
      <c r="BT28" s="256">
        <v>0</v>
      </c>
      <c r="BU28" s="257">
        <v>24</v>
      </c>
      <c r="BV28" s="257">
        <v>2</v>
      </c>
      <c r="BW28" s="257">
        <v>6</v>
      </c>
      <c r="BX28" s="257">
        <v>0</v>
      </c>
      <c r="BY28" s="257">
        <v>0</v>
      </c>
      <c r="BZ28" s="254">
        <v>32</v>
      </c>
      <c r="CA28" s="259">
        <v>32</v>
      </c>
      <c r="CB28" s="253">
        <v>0</v>
      </c>
      <c r="CC28" s="257">
        <v>0</v>
      </c>
      <c r="CD28" s="254">
        <v>0</v>
      </c>
      <c r="CE28" s="256">
        <v>0</v>
      </c>
      <c r="CF28" s="257">
        <v>0</v>
      </c>
      <c r="CG28" s="257">
        <v>0</v>
      </c>
      <c r="CH28" s="257">
        <v>0</v>
      </c>
      <c r="CI28" s="257">
        <v>0</v>
      </c>
      <c r="CJ28" s="257">
        <v>0</v>
      </c>
      <c r="CK28" s="254">
        <v>0</v>
      </c>
      <c r="CL28" s="259">
        <v>0</v>
      </c>
      <c r="CM28" s="253">
        <v>0</v>
      </c>
      <c r="CN28" s="257">
        <v>0</v>
      </c>
      <c r="CO28" s="254">
        <v>0</v>
      </c>
      <c r="CP28" s="256">
        <v>0</v>
      </c>
      <c r="CQ28" s="257">
        <v>0</v>
      </c>
      <c r="CR28" s="257">
        <v>0</v>
      </c>
      <c r="CS28" s="257">
        <v>0</v>
      </c>
      <c r="CT28" s="257">
        <v>0</v>
      </c>
      <c r="CU28" s="257">
        <v>0</v>
      </c>
      <c r="CV28" s="254">
        <v>0</v>
      </c>
      <c r="CW28" s="259">
        <v>0</v>
      </c>
      <c r="CX28" s="253">
        <v>0</v>
      </c>
      <c r="CY28" s="257">
        <v>0</v>
      </c>
      <c r="CZ28" s="254">
        <v>0</v>
      </c>
      <c r="DA28" s="256">
        <v>0</v>
      </c>
      <c r="DB28" s="257">
        <v>0</v>
      </c>
      <c r="DC28" s="257">
        <v>0</v>
      </c>
      <c r="DD28" s="257">
        <v>0</v>
      </c>
      <c r="DE28" s="257">
        <v>0</v>
      </c>
      <c r="DF28" s="257">
        <v>0</v>
      </c>
      <c r="DG28" s="254">
        <v>0</v>
      </c>
      <c r="DH28" s="259">
        <v>0</v>
      </c>
    </row>
    <row r="29" spans="2:112" ht="21" customHeight="1" x14ac:dyDescent="0.2">
      <c r="B29" s="437" t="s">
        <v>27</v>
      </c>
      <c r="C29" s="253">
        <v>0</v>
      </c>
      <c r="D29" s="254">
        <v>0</v>
      </c>
      <c r="E29" s="255">
        <v>0</v>
      </c>
      <c r="F29" s="256">
        <v>0</v>
      </c>
      <c r="G29" s="257">
        <v>6</v>
      </c>
      <c r="H29" s="257">
        <v>119</v>
      </c>
      <c r="I29" s="257">
        <v>151</v>
      </c>
      <c r="J29" s="257">
        <v>0</v>
      </c>
      <c r="K29" s="257">
        <v>0</v>
      </c>
      <c r="L29" s="258">
        <v>276</v>
      </c>
      <c r="M29" s="259">
        <v>276</v>
      </c>
      <c r="N29" s="253">
        <v>0</v>
      </c>
      <c r="O29" s="257">
        <v>0</v>
      </c>
      <c r="P29" s="254">
        <v>0</v>
      </c>
      <c r="Q29" s="256">
        <v>0</v>
      </c>
      <c r="R29" s="257">
        <v>0</v>
      </c>
      <c r="S29" s="257">
        <v>1</v>
      </c>
      <c r="T29" s="257">
        <v>3</v>
      </c>
      <c r="U29" s="257">
        <v>4</v>
      </c>
      <c r="V29" s="257">
        <v>0</v>
      </c>
      <c r="W29" s="254">
        <v>8</v>
      </c>
      <c r="X29" s="259">
        <v>8</v>
      </c>
      <c r="Y29" s="253">
        <v>0</v>
      </c>
      <c r="Z29" s="257">
        <v>19</v>
      </c>
      <c r="AA29" s="254">
        <v>19</v>
      </c>
      <c r="AB29" s="256">
        <v>0</v>
      </c>
      <c r="AC29" s="257">
        <v>0</v>
      </c>
      <c r="AD29" s="257">
        <v>46</v>
      </c>
      <c r="AE29" s="257">
        <v>31</v>
      </c>
      <c r="AF29" s="257">
        <v>10</v>
      </c>
      <c r="AG29" s="257">
        <v>0</v>
      </c>
      <c r="AH29" s="254">
        <v>87</v>
      </c>
      <c r="AI29" s="259">
        <v>106</v>
      </c>
      <c r="AJ29" s="253">
        <v>0</v>
      </c>
      <c r="AK29" s="257">
        <v>0</v>
      </c>
      <c r="AL29" s="254">
        <v>0</v>
      </c>
      <c r="AM29" s="256">
        <v>0</v>
      </c>
      <c r="AN29" s="257">
        <v>0</v>
      </c>
      <c r="AO29" s="257">
        <v>0</v>
      </c>
      <c r="AP29" s="257">
        <v>0</v>
      </c>
      <c r="AQ29" s="257">
        <v>0</v>
      </c>
      <c r="AR29" s="257">
        <v>0</v>
      </c>
      <c r="AS29" s="254">
        <v>0</v>
      </c>
      <c r="AT29" s="259">
        <v>0</v>
      </c>
      <c r="AU29" s="253">
        <v>0</v>
      </c>
      <c r="AV29" s="257">
        <v>0</v>
      </c>
      <c r="AW29" s="254">
        <v>0</v>
      </c>
      <c r="AX29" s="256">
        <v>0</v>
      </c>
      <c r="AY29" s="257">
        <v>20</v>
      </c>
      <c r="AZ29" s="257">
        <v>21</v>
      </c>
      <c r="BA29" s="257">
        <v>21</v>
      </c>
      <c r="BB29" s="257">
        <v>14</v>
      </c>
      <c r="BC29" s="257">
        <v>0</v>
      </c>
      <c r="BD29" s="258">
        <v>76</v>
      </c>
      <c r="BE29" s="259">
        <v>76</v>
      </c>
      <c r="BF29" s="253">
        <v>0</v>
      </c>
      <c r="BG29" s="257">
        <v>0</v>
      </c>
      <c r="BH29" s="254">
        <v>0</v>
      </c>
      <c r="BI29" s="256">
        <v>0</v>
      </c>
      <c r="BJ29" s="257">
        <v>12</v>
      </c>
      <c r="BK29" s="257">
        <v>7</v>
      </c>
      <c r="BL29" s="257">
        <v>8</v>
      </c>
      <c r="BM29" s="257">
        <v>0</v>
      </c>
      <c r="BN29" s="257">
        <v>0</v>
      </c>
      <c r="BO29" s="254">
        <v>27</v>
      </c>
      <c r="BP29" s="259">
        <v>27</v>
      </c>
      <c r="BQ29" s="253">
        <v>0</v>
      </c>
      <c r="BR29" s="257">
        <v>0</v>
      </c>
      <c r="BS29" s="254">
        <v>0</v>
      </c>
      <c r="BT29" s="256">
        <v>0</v>
      </c>
      <c r="BU29" s="257">
        <v>6</v>
      </c>
      <c r="BV29" s="257">
        <v>0</v>
      </c>
      <c r="BW29" s="257">
        <v>2</v>
      </c>
      <c r="BX29" s="257">
        <v>12</v>
      </c>
      <c r="BY29" s="257">
        <v>0</v>
      </c>
      <c r="BZ29" s="254">
        <v>20</v>
      </c>
      <c r="CA29" s="259">
        <v>20</v>
      </c>
      <c r="CB29" s="253">
        <v>0</v>
      </c>
      <c r="CC29" s="257">
        <v>0</v>
      </c>
      <c r="CD29" s="254">
        <v>0</v>
      </c>
      <c r="CE29" s="256">
        <v>0</v>
      </c>
      <c r="CF29" s="257">
        <v>0</v>
      </c>
      <c r="CG29" s="257">
        <v>0</v>
      </c>
      <c r="CH29" s="257">
        <v>0</v>
      </c>
      <c r="CI29" s="257">
        <v>0</v>
      </c>
      <c r="CJ29" s="257">
        <v>0</v>
      </c>
      <c r="CK29" s="254">
        <v>0</v>
      </c>
      <c r="CL29" s="259">
        <v>0</v>
      </c>
      <c r="CM29" s="253">
        <v>0</v>
      </c>
      <c r="CN29" s="257">
        <v>0</v>
      </c>
      <c r="CO29" s="254">
        <v>0</v>
      </c>
      <c r="CP29" s="256">
        <v>0</v>
      </c>
      <c r="CQ29" s="257">
        <v>0</v>
      </c>
      <c r="CR29" s="257">
        <v>0</v>
      </c>
      <c r="CS29" s="257">
        <v>0</v>
      </c>
      <c r="CT29" s="257">
        <v>0</v>
      </c>
      <c r="CU29" s="257">
        <v>0</v>
      </c>
      <c r="CV29" s="254">
        <v>0</v>
      </c>
      <c r="CW29" s="259">
        <v>0</v>
      </c>
      <c r="CX29" s="253">
        <v>0</v>
      </c>
      <c r="CY29" s="257">
        <v>0</v>
      </c>
      <c r="CZ29" s="254">
        <v>0</v>
      </c>
      <c r="DA29" s="256">
        <v>0</v>
      </c>
      <c r="DB29" s="257">
        <v>0</v>
      </c>
      <c r="DC29" s="257">
        <v>0</v>
      </c>
      <c r="DD29" s="257">
        <v>0</v>
      </c>
      <c r="DE29" s="257">
        <v>0</v>
      </c>
      <c r="DF29" s="257">
        <v>0</v>
      </c>
      <c r="DG29" s="254">
        <v>0</v>
      </c>
      <c r="DH29" s="259">
        <v>0</v>
      </c>
    </row>
    <row r="30" spans="2:112" ht="21" customHeight="1" x14ac:dyDescent="0.2">
      <c r="B30" s="437" t="s">
        <v>28</v>
      </c>
      <c r="C30" s="253">
        <v>0</v>
      </c>
      <c r="D30" s="254">
        <v>0</v>
      </c>
      <c r="E30" s="255">
        <v>0</v>
      </c>
      <c r="F30" s="256">
        <v>0</v>
      </c>
      <c r="G30" s="257">
        <v>8</v>
      </c>
      <c r="H30" s="257">
        <v>12</v>
      </c>
      <c r="I30" s="257">
        <v>0</v>
      </c>
      <c r="J30" s="257">
        <v>25</v>
      </c>
      <c r="K30" s="257">
        <v>0</v>
      </c>
      <c r="L30" s="258">
        <v>45</v>
      </c>
      <c r="M30" s="259">
        <v>45</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0</v>
      </c>
      <c r="AD30" s="257">
        <v>14</v>
      </c>
      <c r="AE30" s="257">
        <v>2</v>
      </c>
      <c r="AF30" s="257">
        <v>0</v>
      </c>
      <c r="AG30" s="257">
        <v>0</v>
      </c>
      <c r="AH30" s="254">
        <v>16</v>
      </c>
      <c r="AI30" s="259">
        <v>16</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0</v>
      </c>
      <c r="AZ30" s="257">
        <v>12</v>
      </c>
      <c r="BA30" s="257">
        <v>22</v>
      </c>
      <c r="BB30" s="257">
        <v>0</v>
      </c>
      <c r="BC30" s="257">
        <v>0</v>
      </c>
      <c r="BD30" s="258">
        <v>34</v>
      </c>
      <c r="BE30" s="259">
        <v>34</v>
      </c>
      <c r="BF30" s="253">
        <v>0</v>
      </c>
      <c r="BG30" s="257">
        <v>0</v>
      </c>
      <c r="BH30" s="254">
        <v>0</v>
      </c>
      <c r="BI30" s="256">
        <v>0</v>
      </c>
      <c r="BJ30" s="257">
        <v>0</v>
      </c>
      <c r="BK30" s="257">
        <v>0</v>
      </c>
      <c r="BL30" s="257">
        <v>7</v>
      </c>
      <c r="BM30" s="257">
        <v>0</v>
      </c>
      <c r="BN30" s="257">
        <v>0</v>
      </c>
      <c r="BO30" s="254">
        <v>7</v>
      </c>
      <c r="BP30" s="259">
        <v>7</v>
      </c>
      <c r="BQ30" s="253">
        <v>0</v>
      </c>
      <c r="BR30" s="257">
        <v>0</v>
      </c>
      <c r="BS30" s="254">
        <v>0</v>
      </c>
      <c r="BT30" s="256">
        <v>0</v>
      </c>
      <c r="BU30" s="257">
        <v>0</v>
      </c>
      <c r="BV30" s="257">
        <v>12</v>
      </c>
      <c r="BW30" s="257">
        <v>5</v>
      </c>
      <c r="BX30" s="257">
        <v>0</v>
      </c>
      <c r="BY30" s="257">
        <v>0</v>
      </c>
      <c r="BZ30" s="254">
        <v>17</v>
      </c>
      <c r="CA30" s="259">
        <v>17</v>
      </c>
      <c r="CB30" s="253">
        <v>0</v>
      </c>
      <c r="CC30" s="257">
        <v>0</v>
      </c>
      <c r="CD30" s="254">
        <v>0</v>
      </c>
      <c r="CE30" s="256">
        <v>0</v>
      </c>
      <c r="CF30" s="257">
        <v>0</v>
      </c>
      <c r="CG30" s="257">
        <v>0</v>
      </c>
      <c r="CH30" s="257">
        <v>0</v>
      </c>
      <c r="CI30" s="257">
        <v>0</v>
      </c>
      <c r="CJ30" s="257">
        <v>0</v>
      </c>
      <c r="CK30" s="254">
        <v>0</v>
      </c>
      <c r="CL30" s="259">
        <v>0</v>
      </c>
      <c r="CM30" s="253">
        <v>0</v>
      </c>
      <c r="CN30" s="257">
        <v>0</v>
      </c>
      <c r="CO30" s="254">
        <v>0</v>
      </c>
      <c r="CP30" s="256">
        <v>0</v>
      </c>
      <c r="CQ30" s="257">
        <v>0</v>
      </c>
      <c r="CR30" s="257">
        <v>0</v>
      </c>
      <c r="CS30" s="257">
        <v>0</v>
      </c>
      <c r="CT30" s="257">
        <v>0</v>
      </c>
      <c r="CU30" s="257">
        <v>0</v>
      </c>
      <c r="CV30" s="254">
        <v>0</v>
      </c>
      <c r="CW30" s="259">
        <v>0</v>
      </c>
      <c r="CX30" s="253">
        <v>0</v>
      </c>
      <c r="CY30" s="257">
        <v>0</v>
      </c>
      <c r="CZ30" s="254">
        <v>0</v>
      </c>
      <c r="DA30" s="256">
        <v>0</v>
      </c>
      <c r="DB30" s="257">
        <v>0</v>
      </c>
      <c r="DC30" s="257">
        <v>0</v>
      </c>
      <c r="DD30" s="257">
        <v>0</v>
      </c>
      <c r="DE30" s="257">
        <v>0</v>
      </c>
      <c r="DF30" s="257">
        <v>0</v>
      </c>
      <c r="DG30" s="254">
        <v>0</v>
      </c>
      <c r="DH30" s="259">
        <v>0</v>
      </c>
    </row>
    <row r="31" spans="2:112" ht="21" customHeight="1" x14ac:dyDescent="0.2">
      <c r="B31" s="437" t="s">
        <v>29</v>
      </c>
      <c r="C31" s="253">
        <v>0</v>
      </c>
      <c r="D31" s="254">
        <v>0</v>
      </c>
      <c r="E31" s="255">
        <v>0</v>
      </c>
      <c r="F31" s="256">
        <v>0</v>
      </c>
      <c r="G31" s="257">
        <v>21</v>
      </c>
      <c r="H31" s="257">
        <v>25</v>
      </c>
      <c r="I31" s="257">
        <v>36</v>
      </c>
      <c r="J31" s="257">
        <v>28</v>
      </c>
      <c r="K31" s="257">
        <v>0</v>
      </c>
      <c r="L31" s="258">
        <v>110</v>
      </c>
      <c r="M31" s="259">
        <v>110</v>
      </c>
      <c r="N31" s="253">
        <v>0</v>
      </c>
      <c r="O31" s="257">
        <v>0</v>
      </c>
      <c r="P31" s="254">
        <v>0</v>
      </c>
      <c r="Q31" s="256">
        <v>0</v>
      </c>
      <c r="R31" s="257">
        <v>0</v>
      </c>
      <c r="S31" s="257">
        <v>0</v>
      </c>
      <c r="T31" s="257">
        <v>0</v>
      </c>
      <c r="U31" s="257">
        <v>0</v>
      </c>
      <c r="V31" s="257">
        <v>0</v>
      </c>
      <c r="W31" s="254">
        <v>0</v>
      </c>
      <c r="X31" s="259">
        <v>0</v>
      </c>
      <c r="Y31" s="253">
        <v>0</v>
      </c>
      <c r="Z31" s="257">
        <v>7</v>
      </c>
      <c r="AA31" s="254">
        <v>7</v>
      </c>
      <c r="AB31" s="256">
        <v>0</v>
      </c>
      <c r="AC31" s="257">
        <v>20</v>
      </c>
      <c r="AD31" s="257">
        <v>18</v>
      </c>
      <c r="AE31" s="257">
        <v>54</v>
      </c>
      <c r="AF31" s="257">
        <v>0</v>
      </c>
      <c r="AG31" s="257">
        <v>0</v>
      </c>
      <c r="AH31" s="254">
        <v>92</v>
      </c>
      <c r="AI31" s="259">
        <v>99</v>
      </c>
      <c r="AJ31" s="253">
        <v>0</v>
      </c>
      <c r="AK31" s="257">
        <v>0</v>
      </c>
      <c r="AL31" s="254">
        <v>0</v>
      </c>
      <c r="AM31" s="256">
        <v>0</v>
      </c>
      <c r="AN31" s="257">
        <v>12</v>
      </c>
      <c r="AO31" s="257">
        <v>0</v>
      </c>
      <c r="AP31" s="257">
        <v>0</v>
      </c>
      <c r="AQ31" s="257">
        <v>12</v>
      </c>
      <c r="AR31" s="257">
        <v>0</v>
      </c>
      <c r="AS31" s="254">
        <v>24</v>
      </c>
      <c r="AT31" s="259">
        <v>24</v>
      </c>
      <c r="AU31" s="253">
        <v>0</v>
      </c>
      <c r="AV31" s="257">
        <v>0</v>
      </c>
      <c r="AW31" s="254">
        <v>0</v>
      </c>
      <c r="AX31" s="256">
        <v>0</v>
      </c>
      <c r="AY31" s="257">
        <v>21</v>
      </c>
      <c r="AZ31" s="257">
        <v>7</v>
      </c>
      <c r="BA31" s="257">
        <v>9</v>
      </c>
      <c r="BB31" s="257">
        <v>0</v>
      </c>
      <c r="BC31" s="257">
        <v>0</v>
      </c>
      <c r="BD31" s="258">
        <v>37</v>
      </c>
      <c r="BE31" s="259">
        <v>37</v>
      </c>
      <c r="BF31" s="253">
        <v>0</v>
      </c>
      <c r="BG31" s="257">
        <v>0</v>
      </c>
      <c r="BH31" s="254">
        <v>0</v>
      </c>
      <c r="BI31" s="256">
        <v>0</v>
      </c>
      <c r="BJ31" s="257">
        <v>15</v>
      </c>
      <c r="BK31" s="257">
        <v>0</v>
      </c>
      <c r="BL31" s="257">
        <v>14</v>
      </c>
      <c r="BM31" s="257">
        <v>8</v>
      </c>
      <c r="BN31" s="257">
        <v>0</v>
      </c>
      <c r="BO31" s="254">
        <v>37</v>
      </c>
      <c r="BP31" s="259">
        <v>37</v>
      </c>
      <c r="BQ31" s="253">
        <v>0</v>
      </c>
      <c r="BR31" s="257">
        <v>0</v>
      </c>
      <c r="BS31" s="254">
        <v>0</v>
      </c>
      <c r="BT31" s="256">
        <v>0</v>
      </c>
      <c r="BU31" s="257">
        <v>0</v>
      </c>
      <c r="BV31" s="257">
        <v>0</v>
      </c>
      <c r="BW31" s="257">
        <v>0</v>
      </c>
      <c r="BX31" s="257">
        <v>0</v>
      </c>
      <c r="BY31" s="257">
        <v>0</v>
      </c>
      <c r="BZ31" s="254">
        <v>0</v>
      </c>
      <c r="CA31" s="259">
        <v>0</v>
      </c>
      <c r="CB31" s="253">
        <v>0</v>
      </c>
      <c r="CC31" s="257">
        <v>0</v>
      </c>
      <c r="CD31" s="254">
        <v>0</v>
      </c>
      <c r="CE31" s="256">
        <v>0</v>
      </c>
      <c r="CF31" s="257">
        <v>2</v>
      </c>
      <c r="CG31" s="257">
        <v>0</v>
      </c>
      <c r="CH31" s="257">
        <v>0</v>
      </c>
      <c r="CI31" s="257">
        <v>0</v>
      </c>
      <c r="CJ31" s="257">
        <v>0</v>
      </c>
      <c r="CK31" s="254">
        <v>2</v>
      </c>
      <c r="CL31" s="259">
        <v>2</v>
      </c>
      <c r="CM31" s="253">
        <v>0</v>
      </c>
      <c r="CN31" s="257">
        <v>0</v>
      </c>
      <c r="CO31" s="254">
        <v>0</v>
      </c>
      <c r="CP31" s="256">
        <v>0</v>
      </c>
      <c r="CQ31" s="257">
        <v>0</v>
      </c>
      <c r="CR31" s="257">
        <v>0</v>
      </c>
      <c r="CS31" s="257">
        <v>0</v>
      </c>
      <c r="CT31" s="257">
        <v>0</v>
      </c>
      <c r="CU31" s="257">
        <v>0</v>
      </c>
      <c r="CV31" s="254">
        <v>0</v>
      </c>
      <c r="CW31" s="259">
        <v>0</v>
      </c>
      <c r="CX31" s="253">
        <v>0</v>
      </c>
      <c r="CY31" s="257">
        <v>0</v>
      </c>
      <c r="CZ31" s="254">
        <v>0</v>
      </c>
      <c r="DA31" s="256">
        <v>0</v>
      </c>
      <c r="DB31" s="257">
        <v>0</v>
      </c>
      <c r="DC31" s="257">
        <v>0</v>
      </c>
      <c r="DD31" s="257">
        <v>0</v>
      </c>
      <c r="DE31" s="257">
        <v>0</v>
      </c>
      <c r="DF31" s="257">
        <v>0</v>
      </c>
      <c r="DG31" s="254">
        <v>0</v>
      </c>
      <c r="DH31" s="259">
        <v>0</v>
      </c>
    </row>
    <row r="32" spans="2:112" ht="21" customHeight="1" x14ac:dyDescent="0.2">
      <c r="B32" s="437" t="s">
        <v>30</v>
      </c>
      <c r="C32" s="253">
        <v>0</v>
      </c>
      <c r="D32" s="254">
        <v>0</v>
      </c>
      <c r="E32" s="255">
        <v>0</v>
      </c>
      <c r="F32" s="256">
        <v>0</v>
      </c>
      <c r="G32" s="257">
        <v>11</v>
      </c>
      <c r="H32" s="257">
        <v>13</v>
      </c>
      <c r="I32" s="257">
        <v>38</v>
      </c>
      <c r="J32" s="257">
        <v>55</v>
      </c>
      <c r="K32" s="257">
        <v>0</v>
      </c>
      <c r="L32" s="258">
        <v>117</v>
      </c>
      <c r="M32" s="259">
        <v>117</v>
      </c>
      <c r="N32" s="253">
        <v>0</v>
      </c>
      <c r="O32" s="257">
        <v>0</v>
      </c>
      <c r="P32" s="254">
        <v>0</v>
      </c>
      <c r="Q32" s="256">
        <v>0</v>
      </c>
      <c r="R32" s="257">
        <v>0</v>
      </c>
      <c r="S32" s="257">
        <v>3</v>
      </c>
      <c r="T32" s="257">
        <v>4</v>
      </c>
      <c r="U32" s="257">
        <v>0</v>
      </c>
      <c r="V32" s="257">
        <v>0</v>
      </c>
      <c r="W32" s="254">
        <v>7</v>
      </c>
      <c r="X32" s="259">
        <v>7</v>
      </c>
      <c r="Y32" s="253">
        <v>0</v>
      </c>
      <c r="Z32" s="257">
        <v>0</v>
      </c>
      <c r="AA32" s="254">
        <v>0</v>
      </c>
      <c r="AB32" s="256">
        <v>0</v>
      </c>
      <c r="AC32" s="257">
        <v>4</v>
      </c>
      <c r="AD32" s="257">
        <v>9</v>
      </c>
      <c r="AE32" s="257">
        <v>4</v>
      </c>
      <c r="AF32" s="257">
        <v>0</v>
      </c>
      <c r="AG32" s="257">
        <v>0</v>
      </c>
      <c r="AH32" s="254">
        <v>17</v>
      </c>
      <c r="AI32" s="259">
        <v>17</v>
      </c>
      <c r="AJ32" s="253">
        <v>0</v>
      </c>
      <c r="AK32" s="257">
        <v>0</v>
      </c>
      <c r="AL32" s="254">
        <v>0</v>
      </c>
      <c r="AM32" s="256">
        <v>0</v>
      </c>
      <c r="AN32" s="257">
        <v>0</v>
      </c>
      <c r="AO32" s="257">
        <v>14</v>
      </c>
      <c r="AP32" s="257">
        <v>0</v>
      </c>
      <c r="AQ32" s="257">
        <v>0</v>
      </c>
      <c r="AR32" s="257">
        <v>0</v>
      </c>
      <c r="AS32" s="254">
        <v>14</v>
      </c>
      <c r="AT32" s="259">
        <v>14</v>
      </c>
      <c r="AU32" s="253">
        <v>0</v>
      </c>
      <c r="AV32" s="257">
        <v>0</v>
      </c>
      <c r="AW32" s="254">
        <v>0</v>
      </c>
      <c r="AX32" s="256">
        <v>0</v>
      </c>
      <c r="AY32" s="257">
        <v>5</v>
      </c>
      <c r="AZ32" s="257">
        <v>4</v>
      </c>
      <c r="BA32" s="257">
        <v>4</v>
      </c>
      <c r="BB32" s="257">
        <v>0</v>
      </c>
      <c r="BC32" s="257">
        <v>0</v>
      </c>
      <c r="BD32" s="258">
        <v>13</v>
      </c>
      <c r="BE32" s="259">
        <v>13</v>
      </c>
      <c r="BF32" s="253">
        <v>0</v>
      </c>
      <c r="BG32" s="257">
        <v>0</v>
      </c>
      <c r="BH32" s="254">
        <v>0</v>
      </c>
      <c r="BI32" s="256">
        <v>0</v>
      </c>
      <c r="BJ32" s="257">
        <v>6</v>
      </c>
      <c r="BK32" s="257">
        <v>0</v>
      </c>
      <c r="BL32" s="257">
        <v>0</v>
      </c>
      <c r="BM32" s="257">
        <v>6</v>
      </c>
      <c r="BN32" s="257">
        <v>0</v>
      </c>
      <c r="BO32" s="254">
        <v>12</v>
      </c>
      <c r="BP32" s="259">
        <v>12</v>
      </c>
      <c r="BQ32" s="253">
        <v>0</v>
      </c>
      <c r="BR32" s="257">
        <v>0</v>
      </c>
      <c r="BS32" s="254">
        <v>0</v>
      </c>
      <c r="BT32" s="256">
        <v>0</v>
      </c>
      <c r="BU32" s="257">
        <v>0</v>
      </c>
      <c r="BV32" s="257">
        <v>0</v>
      </c>
      <c r="BW32" s="257">
        <v>12</v>
      </c>
      <c r="BX32" s="257">
        <v>6</v>
      </c>
      <c r="BY32" s="257">
        <v>0</v>
      </c>
      <c r="BZ32" s="254">
        <v>18</v>
      </c>
      <c r="CA32" s="259">
        <v>18</v>
      </c>
      <c r="CB32" s="253">
        <v>0</v>
      </c>
      <c r="CC32" s="257">
        <v>0</v>
      </c>
      <c r="CD32" s="254">
        <v>0</v>
      </c>
      <c r="CE32" s="256">
        <v>0</v>
      </c>
      <c r="CF32" s="257">
        <v>2</v>
      </c>
      <c r="CG32" s="257">
        <v>0</v>
      </c>
      <c r="CH32" s="257">
        <v>0</v>
      </c>
      <c r="CI32" s="257">
        <v>0</v>
      </c>
      <c r="CJ32" s="257">
        <v>0</v>
      </c>
      <c r="CK32" s="254">
        <v>2</v>
      </c>
      <c r="CL32" s="259">
        <v>2</v>
      </c>
      <c r="CM32" s="253">
        <v>0</v>
      </c>
      <c r="CN32" s="257">
        <v>0</v>
      </c>
      <c r="CO32" s="254">
        <v>0</v>
      </c>
      <c r="CP32" s="256">
        <v>0</v>
      </c>
      <c r="CQ32" s="257">
        <v>0</v>
      </c>
      <c r="CR32" s="257">
        <v>0</v>
      </c>
      <c r="CS32" s="257">
        <v>0</v>
      </c>
      <c r="CT32" s="257">
        <v>0</v>
      </c>
      <c r="CU32" s="257">
        <v>0</v>
      </c>
      <c r="CV32" s="254">
        <v>0</v>
      </c>
      <c r="CW32" s="259">
        <v>0</v>
      </c>
      <c r="CX32" s="253">
        <v>0</v>
      </c>
      <c r="CY32" s="257">
        <v>0</v>
      </c>
      <c r="CZ32" s="254">
        <v>0</v>
      </c>
      <c r="DA32" s="256">
        <v>0</v>
      </c>
      <c r="DB32" s="257">
        <v>0</v>
      </c>
      <c r="DC32" s="257">
        <v>0</v>
      </c>
      <c r="DD32" s="257">
        <v>0</v>
      </c>
      <c r="DE32" s="257">
        <v>0</v>
      </c>
      <c r="DF32" s="257">
        <v>0</v>
      </c>
      <c r="DG32" s="254">
        <v>0</v>
      </c>
      <c r="DH32" s="259">
        <v>0</v>
      </c>
    </row>
    <row r="33" spans="2:112" ht="21" customHeight="1" x14ac:dyDescent="0.2">
      <c r="B33" s="437" t="s">
        <v>31</v>
      </c>
      <c r="C33" s="253">
        <v>0</v>
      </c>
      <c r="D33" s="254">
        <v>0</v>
      </c>
      <c r="E33" s="255">
        <v>0</v>
      </c>
      <c r="F33" s="256">
        <v>0</v>
      </c>
      <c r="G33" s="257">
        <v>4</v>
      </c>
      <c r="H33" s="257">
        <v>12</v>
      </c>
      <c r="I33" s="257">
        <v>0</v>
      </c>
      <c r="J33" s="257">
        <v>0</v>
      </c>
      <c r="K33" s="257">
        <v>0</v>
      </c>
      <c r="L33" s="258">
        <v>16</v>
      </c>
      <c r="M33" s="259">
        <v>16</v>
      </c>
      <c r="N33" s="253">
        <v>0</v>
      </c>
      <c r="O33" s="257">
        <v>0</v>
      </c>
      <c r="P33" s="254">
        <v>0</v>
      </c>
      <c r="Q33" s="256">
        <v>0</v>
      </c>
      <c r="R33" s="257">
        <v>0</v>
      </c>
      <c r="S33" s="257">
        <v>0</v>
      </c>
      <c r="T33" s="257">
        <v>0</v>
      </c>
      <c r="U33" s="257">
        <v>0</v>
      </c>
      <c r="V33" s="257">
        <v>14</v>
      </c>
      <c r="W33" s="254">
        <v>14</v>
      </c>
      <c r="X33" s="259">
        <v>14</v>
      </c>
      <c r="Y33" s="253">
        <v>0</v>
      </c>
      <c r="Z33" s="257">
        <v>0</v>
      </c>
      <c r="AA33" s="254">
        <v>0</v>
      </c>
      <c r="AB33" s="256">
        <v>0</v>
      </c>
      <c r="AC33" s="257">
        <v>31</v>
      </c>
      <c r="AD33" s="257">
        <v>6</v>
      </c>
      <c r="AE33" s="257">
        <v>20</v>
      </c>
      <c r="AF33" s="257">
        <v>0</v>
      </c>
      <c r="AG33" s="257">
        <v>48</v>
      </c>
      <c r="AH33" s="254">
        <v>105</v>
      </c>
      <c r="AI33" s="259">
        <v>105</v>
      </c>
      <c r="AJ33" s="253">
        <v>0</v>
      </c>
      <c r="AK33" s="257">
        <v>0</v>
      </c>
      <c r="AL33" s="254">
        <v>0</v>
      </c>
      <c r="AM33" s="256">
        <v>0</v>
      </c>
      <c r="AN33" s="257">
        <v>0</v>
      </c>
      <c r="AO33" s="257">
        <v>0</v>
      </c>
      <c r="AP33" s="257">
        <v>0</v>
      </c>
      <c r="AQ33" s="257">
        <v>0</v>
      </c>
      <c r="AR33" s="257">
        <v>0</v>
      </c>
      <c r="AS33" s="254">
        <v>0</v>
      </c>
      <c r="AT33" s="259">
        <v>0</v>
      </c>
      <c r="AU33" s="253">
        <v>0</v>
      </c>
      <c r="AV33" s="257">
        <v>0</v>
      </c>
      <c r="AW33" s="254">
        <v>0</v>
      </c>
      <c r="AX33" s="256">
        <v>0</v>
      </c>
      <c r="AY33" s="257">
        <v>23</v>
      </c>
      <c r="AZ33" s="257">
        <v>22</v>
      </c>
      <c r="BA33" s="257">
        <v>18</v>
      </c>
      <c r="BB33" s="257">
        <v>0</v>
      </c>
      <c r="BC33" s="257">
        <v>0</v>
      </c>
      <c r="BD33" s="258">
        <v>63</v>
      </c>
      <c r="BE33" s="259">
        <v>63</v>
      </c>
      <c r="BF33" s="253">
        <v>0</v>
      </c>
      <c r="BG33" s="257">
        <v>0</v>
      </c>
      <c r="BH33" s="254">
        <v>0</v>
      </c>
      <c r="BI33" s="256">
        <v>0</v>
      </c>
      <c r="BJ33" s="257">
        <v>6</v>
      </c>
      <c r="BK33" s="257">
        <v>0</v>
      </c>
      <c r="BL33" s="257">
        <v>23</v>
      </c>
      <c r="BM33" s="257">
        <v>0</v>
      </c>
      <c r="BN33" s="257">
        <v>0</v>
      </c>
      <c r="BO33" s="254">
        <v>29</v>
      </c>
      <c r="BP33" s="259">
        <v>29</v>
      </c>
      <c r="BQ33" s="253">
        <v>0</v>
      </c>
      <c r="BR33" s="257">
        <v>0</v>
      </c>
      <c r="BS33" s="254">
        <v>0</v>
      </c>
      <c r="BT33" s="256">
        <v>0</v>
      </c>
      <c r="BU33" s="257">
        <v>0</v>
      </c>
      <c r="BV33" s="257">
        <v>3</v>
      </c>
      <c r="BW33" s="257">
        <v>0</v>
      </c>
      <c r="BX33" s="257">
        <v>0</v>
      </c>
      <c r="BY33" s="257">
        <v>1</v>
      </c>
      <c r="BZ33" s="254">
        <v>4</v>
      </c>
      <c r="CA33" s="259">
        <v>4</v>
      </c>
      <c r="CB33" s="253">
        <v>0</v>
      </c>
      <c r="CC33" s="257">
        <v>0</v>
      </c>
      <c r="CD33" s="254">
        <v>0</v>
      </c>
      <c r="CE33" s="256">
        <v>0</v>
      </c>
      <c r="CF33" s="257">
        <v>0</v>
      </c>
      <c r="CG33" s="257">
        <v>0</v>
      </c>
      <c r="CH33" s="257">
        <v>4</v>
      </c>
      <c r="CI33" s="257">
        <v>0</v>
      </c>
      <c r="CJ33" s="257">
        <v>0</v>
      </c>
      <c r="CK33" s="254">
        <v>4</v>
      </c>
      <c r="CL33" s="259">
        <v>4</v>
      </c>
      <c r="CM33" s="253">
        <v>0</v>
      </c>
      <c r="CN33" s="257">
        <v>0</v>
      </c>
      <c r="CO33" s="254">
        <v>0</v>
      </c>
      <c r="CP33" s="256">
        <v>0</v>
      </c>
      <c r="CQ33" s="257">
        <v>0</v>
      </c>
      <c r="CR33" s="257">
        <v>0</v>
      </c>
      <c r="CS33" s="257">
        <v>0</v>
      </c>
      <c r="CT33" s="257">
        <v>0</v>
      </c>
      <c r="CU33" s="257">
        <v>0</v>
      </c>
      <c r="CV33" s="254">
        <v>0</v>
      </c>
      <c r="CW33" s="259">
        <v>0</v>
      </c>
      <c r="CX33" s="253">
        <v>0</v>
      </c>
      <c r="CY33" s="257">
        <v>0</v>
      </c>
      <c r="CZ33" s="254">
        <v>0</v>
      </c>
      <c r="DA33" s="256">
        <v>0</v>
      </c>
      <c r="DB33" s="257">
        <v>0</v>
      </c>
      <c r="DC33" s="257">
        <v>0</v>
      </c>
      <c r="DD33" s="257">
        <v>0</v>
      </c>
      <c r="DE33" s="257">
        <v>0</v>
      </c>
      <c r="DF33" s="257">
        <v>0</v>
      </c>
      <c r="DG33" s="254">
        <v>0</v>
      </c>
      <c r="DH33" s="259">
        <v>0</v>
      </c>
    </row>
    <row r="34" spans="2:112" ht="21" customHeight="1" x14ac:dyDescent="0.2">
      <c r="B34" s="437" t="s">
        <v>32</v>
      </c>
      <c r="C34" s="253">
        <v>0</v>
      </c>
      <c r="D34" s="254">
        <v>0</v>
      </c>
      <c r="E34" s="255">
        <v>0</v>
      </c>
      <c r="F34" s="256">
        <v>0</v>
      </c>
      <c r="G34" s="257">
        <v>8</v>
      </c>
      <c r="H34" s="257">
        <v>19</v>
      </c>
      <c r="I34" s="257">
        <v>0</v>
      </c>
      <c r="J34" s="257">
        <v>0</v>
      </c>
      <c r="K34" s="257">
        <v>0</v>
      </c>
      <c r="L34" s="258">
        <v>27</v>
      </c>
      <c r="M34" s="259">
        <v>27</v>
      </c>
      <c r="N34" s="253">
        <v>0</v>
      </c>
      <c r="O34" s="257">
        <v>0</v>
      </c>
      <c r="P34" s="254">
        <v>0</v>
      </c>
      <c r="Q34" s="256">
        <v>0</v>
      </c>
      <c r="R34" s="257">
        <v>0</v>
      </c>
      <c r="S34" s="257">
        <v>0</v>
      </c>
      <c r="T34" s="257">
        <v>0</v>
      </c>
      <c r="U34" s="257">
        <v>0</v>
      </c>
      <c r="V34" s="257">
        <v>0</v>
      </c>
      <c r="W34" s="254">
        <v>0</v>
      </c>
      <c r="X34" s="259">
        <v>0</v>
      </c>
      <c r="Y34" s="253">
        <v>0</v>
      </c>
      <c r="Z34" s="257">
        <v>2</v>
      </c>
      <c r="AA34" s="254">
        <v>2</v>
      </c>
      <c r="AB34" s="256">
        <v>0</v>
      </c>
      <c r="AC34" s="257">
        <v>26</v>
      </c>
      <c r="AD34" s="257">
        <v>0</v>
      </c>
      <c r="AE34" s="257">
        <v>0</v>
      </c>
      <c r="AF34" s="257">
        <v>0</v>
      </c>
      <c r="AG34" s="257">
        <v>17</v>
      </c>
      <c r="AH34" s="254">
        <v>43</v>
      </c>
      <c r="AI34" s="259">
        <v>45</v>
      </c>
      <c r="AJ34" s="253">
        <v>0</v>
      </c>
      <c r="AK34" s="257">
        <v>0</v>
      </c>
      <c r="AL34" s="254">
        <v>0</v>
      </c>
      <c r="AM34" s="256">
        <v>0</v>
      </c>
      <c r="AN34" s="257">
        <v>0</v>
      </c>
      <c r="AO34" s="257">
        <v>12</v>
      </c>
      <c r="AP34" s="257">
        <v>0</v>
      </c>
      <c r="AQ34" s="257">
        <v>6</v>
      </c>
      <c r="AR34" s="257">
        <v>0</v>
      </c>
      <c r="AS34" s="254">
        <v>18</v>
      </c>
      <c r="AT34" s="259">
        <v>18</v>
      </c>
      <c r="AU34" s="253">
        <v>0</v>
      </c>
      <c r="AV34" s="257">
        <v>0</v>
      </c>
      <c r="AW34" s="254">
        <v>0</v>
      </c>
      <c r="AX34" s="256">
        <v>0</v>
      </c>
      <c r="AY34" s="257">
        <v>35</v>
      </c>
      <c r="AZ34" s="257">
        <v>33</v>
      </c>
      <c r="BA34" s="257">
        <v>0</v>
      </c>
      <c r="BB34" s="257">
        <v>26</v>
      </c>
      <c r="BC34" s="257">
        <v>36</v>
      </c>
      <c r="BD34" s="258">
        <v>130</v>
      </c>
      <c r="BE34" s="259">
        <v>130</v>
      </c>
      <c r="BF34" s="253">
        <v>0</v>
      </c>
      <c r="BG34" s="257">
        <v>0</v>
      </c>
      <c r="BH34" s="254">
        <v>0</v>
      </c>
      <c r="BI34" s="256">
        <v>0</v>
      </c>
      <c r="BJ34" s="257">
        <v>0</v>
      </c>
      <c r="BK34" s="257">
        <v>10</v>
      </c>
      <c r="BL34" s="257">
        <v>0</v>
      </c>
      <c r="BM34" s="257">
        <v>12</v>
      </c>
      <c r="BN34" s="257">
        <v>4</v>
      </c>
      <c r="BO34" s="254">
        <v>26</v>
      </c>
      <c r="BP34" s="259">
        <v>26</v>
      </c>
      <c r="BQ34" s="253">
        <v>0</v>
      </c>
      <c r="BR34" s="257">
        <v>0</v>
      </c>
      <c r="BS34" s="254">
        <v>0</v>
      </c>
      <c r="BT34" s="256">
        <v>0</v>
      </c>
      <c r="BU34" s="257">
        <v>0</v>
      </c>
      <c r="BV34" s="257">
        <v>3</v>
      </c>
      <c r="BW34" s="257">
        <v>0</v>
      </c>
      <c r="BX34" s="257">
        <v>14</v>
      </c>
      <c r="BY34" s="257">
        <v>2</v>
      </c>
      <c r="BZ34" s="254">
        <v>19</v>
      </c>
      <c r="CA34" s="259">
        <v>19</v>
      </c>
      <c r="CB34" s="253">
        <v>0</v>
      </c>
      <c r="CC34" s="257">
        <v>0</v>
      </c>
      <c r="CD34" s="254">
        <v>0</v>
      </c>
      <c r="CE34" s="256">
        <v>0</v>
      </c>
      <c r="CF34" s="257">
        <v>0</v>
      </c>
      <c r="CG34" s="257">
        <v>0</v>
      </c>
      <c r="CH34" s="257">
        <v>0</v>
      </c>
      <c r="CI34" s="257">
        <v>0</v>
      </c>
      <c r="CJ34" s="257">
        <v>3</v>
      </c>
      <c r="CK34" s="254">
        <v>3</v>
      </c>
      <c r="CL34" s="259">
        <v>3</v>
      </c>
      <c r="CM34" s="253">
        <v>0</v>
      </c>
      <c r="CN34" s="257">
        <v>0</v>
      </c>
      <c r="CO34" s="254">
        <v>0</v>
      </c>
      <c r="CP34" s="256">
        <v>0</v>
      </c>
      <c r="CQ34" s="257">
        <v>0</v>
      </c>
      <c r="CR34" s="257">
        <v>0</v>
      </c>
      <c r="CS34" s="257">
        <v>0</v>
      </c>
      <c r="CT34" s="257">
        <v>0</v>
      </c>
      <c r="CU34" s="257">
        <v>0</v>
      </c>
      <c r="CV34" s="254">
        <v>0</v>
      </c>
      <c r="CW34" s="259">
        <v>0</v>
      </c>
      <c r="CX34" s="253">
        <v>0</v>
      </c>
      <c r="CY34" s="257">
        <v>0</v>
      </c>
      <c r="CZ34" s="254">
        <v>0</v>
      </c>
      <c r="DA34" s="256">
        <v>0</v>
      </c>
      <c r="DB34" s="257">
        <v>0</v>
      </c>
      <c r="DC34" s="257">
        <v>0</v>
      </c>
      <c r="DD34" s="257">
        <v>0</v>
      </c>
      <c r="DE34" s="257">
        <v>0</v>
      </c>
      <c r="DF34" s="257">
        <v>0</v>
      </c>
      <c r="DG34" s="254">
        <v>0</v>
      </c>
      <c r="DH34" s="259">
        <v>0</v>
      </c>
    </row>
    <row r="35" spans="2:112" ht="21" customHeight="1" x14ac:dyDescent="0.2">
      <c r="B35" s="437" t="s">
        <v>33</v>
      </c>
      <c r="C35" s="253">
        <v>0</v>
      </c>
      <c r="D35" s="254">
        <v>0</v>
      </c>
      <c r="E35" s="255">
        <v>0</v>
      </c>
      <c r="F35" s="256">
        <v>0</v>
      </c>
      <c r="G35" s="257">
        <v>31</v>
      </c>
      <c r="H35" s="257">
        <v>0</v>
      </c>
      <c r="I35" s="257">
        <v>0</v>
      </c>
      <c r="J35" s="257">
        <v>0</v>
      </c>
      <c r="K35" s="257">
        <v>98</v>
      </c>
      <c r="L35" s="258">
        <v>129</v>
      </c>
      <c r="M35" s="259">
        <v>129</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0</v>
      </c>
      <c r="AD35" s="257">
        <v>39</v>
      </c>
      <c r="AE35" s="257">
        <v>0</v>
      </c>
      <c r="AF35" s="257">
        <v>0</v>
      </c>
      <c r="AG35" s="257">
        <v>2</v>
      </c>
      <c r="AH35" s="254">
        <v>41</v>
      </c>
      <c r="AI35" s="259">
        <v>41</v>
      </c>
      <c r="AJ35" s="253">
        <v>0</v>
      </c>
      <c r="AK35" s="257">
        <v>6</v>
      </c>
      <c r="AL35" s="254">
        <v>6</v>
      </c>
      <c r="AM35" s="256">
        <v>0</v>
      </c>
      <c r="AN35" s="257">
        <v>36</v>
      </c>
      <c r="AO35" s="257">
        <v>42</v>
      </c>
      <c r="AP35" s="257">
        <v>12</v>
      </c>
      <c r="AQ35" s="257">
        <v>36</v>
      </c>
      <c r="AR35" s="257">
        <v>0</v>
      </c>
      <c r="AS35" s="254">
        <v>126</v>
      </c>
      <c r="AT35" s="259">
        <v>132</v>
      </c>
      <c r="AU35" s="253">
        <v>0</v>
      </c>
      <c r="AV35" s="257">
        <v>0</v>
      </c>
      <c r="AW35" s="254">
        <v>0</v>
      </c>
      <c r="AX35" s="256">
        <v>0</v>
      </c>
      <c r="AY35" s="257">
        <v>11</v>
      </c>
      <c r="AZ35" s="257">
        <v>0</v>
      </c>
      <c r="BA35" s="257">
        <v>0</v>
      </c>
      <c r="BB35" s="257">
        <v>0</v>
      </c>
      <c r="BC35" s="257">
        <v>12</v>
      </c>
      <c r="BD35" s="258">
        <v>23</v>
      </c>
      <c r="BE35" s="259">
        <v>23</v>
      </c>
      <c r="BF35" s="253">
        <v>0</v>
      </c>
      <c r="BG35" s="257">
        <v>0</v>
      </c>
      <c r="BH35" s="254">
        <v>0</v>
      </c>
      <c r="BI35" s="256">
        <v>0</v>
      </c>
      <c r="BJ35" s="257">
        <v>7</v>
      </c>
      <c r="BK35" s="257">
        <v>0</v>
      </c>
      <c r="BL35" s="257">
        <v>8</v>
      </c>
      <c r="BM35" s="257">
        <v>0</v>
      </c>
      <c r="BN35" s="257">
        <v>0</v>
      </c>
      <c r="BO35" s="254">
        <v>15</v>
      </c>
      <c r="BP35" s="259">
        <v>15</v>
      </c>
      <c r="BQ35" s="253">
        <v>0</v>
      </c>
      <c r="BR35" s="257">
        <v>0</v>
      </c>
      <c r="BS35" s="254">
        <v>0</v>
      </c>
      <c r="BT35" s="256">
        <v>0</v>
      </c>
      <c r="BU35" s="257">
        <v>0</v>
      </c>
      <c r="BV35" s="257">
        <v>0</v>
      </c>
      <c r="BW35" s="257">
        <v>3</v>
      </c>
      <c r="BX35" s="257">
        <v>2</v>
      </c>
      <c r="BY35" s="257">
        <v>0</v>
      </c>
      <c r="BZ35" s="254">
        <v>5</v>
      </c>
      <c r="CA35" s="259">
        <v>5</v>
      </c>
      <c r="CB35" s="253">
        <v>0</v>
      </c>
      <c r="CC35" s="257">
        <v>0</v>
      </c>
      <c r="CD35" s="254">
        <v>0</v>
      </c>
      <c r="CE35" s="256">
        <v>0</v>
      </c>
      <c r="CF35" s="257">
        <v>15</v>
      </c>
      <c r="CG35" s="257">
        <v>0</v>
      </c>
      <c r="CH35" s="257">
        <v>0</v>
      </c>
      <c r="CI35" s="257">
        <v>0</v>
      </c>
      <c r="CJ35" s="257">
        <v>0</v>
      </c>
      <c r="CK35" s="254">
        <v>15</v>
      </c>
      <c r="CL35" s="259">
        <v>15</v>
      </c>
      <c r="CM35" s="253">
        <v>0</v>
      </c>
      <c r="CN35" s="257">
        <v>0</v>
      </c>
      <c r="CO35" s="254">
        <v>0</v>
      </c>
      <c r="CP35" s="256">
        <v>0</v>
      </c>
      <c r="CQ35" s="257">
        <v>0</v>
      </c>
      <c r="CR35" s="257">
        <v>0</v>
      </c>
      <c r="CS35" s="257">
        <v>0</v>
      </c>
      <c r="CT35" s="257">
        <v>0</v>
      </c>
      <c r="CU35" s="257">
        <v>0</v>
      </c>
      <c r="CV35" s="254">
        <v>0</v>
      </c>
      <c r="CW35" s="259">
        <v>0</v>
      </c>
      <c r="CX35" s="253">
        <v>0</v>
      </c>
      <c r="CY35" s="257">
        <v>0</v>
      </c>
      <c r="CZ35" s="254">
        <v>0</v>
      </c>
      <c r="DA35" s="256">
        <v>0</v>
      </c>
      <c r="DB35" s="257">
        <v>0</v>
      </c>
      <c r="DC35" s="257">
        <v>0</v>
      </c>
      <c r="DD35" s="257">
        <v>0</v>
      </c>
      <c r="DE35" s="257">
        <v>0</v>
      </c>
      <c r="DF35" s="257">
        <v>0</v>
      </c>
      <c r="DG35" s="254">
        <v>0</v>
      </c>
      <c r="DH35" s="259">
        <v>0</v>
      </c>
    </row>
    <row r="36" spans="2:112" ht="21" customHeight="1" x14ac:dyDescent="0.2">
      <c r="B36" s="437" t="s">
        <v>34</v>
      </c>
      <c r="C36" s="253">
        <v>0</v>
      </c>
      <c r="D36" s="254">
        <v>0</v>
      </c>
      <c r="E36" s="255">
        <v>0</v>
      </c>
      <c r="F36" s="256">
        <v>0</v>
      </c>
      <c r="G36" s="257">
        <v>13</v>
      </c>
      <c r="H36" s="257">
        <v>0</v>
      </c>
      <c r="I36" s="257">
        <v>0</v>
      </c>
      <c r="J36" s="257">
        <v>0</v>
      </c>
      <c r="K36" s="257">
        <v>0</v>
      </c>
      <c r="L36" s="258">
        <v>13</v>
      </c>
      <c r="M36" s="259">
        <v>13</v>
      </c>
      <c r="N36" s="253">
        <v>0</v>
      </c>
      <c r="O36" s="257">
        <v>0</v>
      </c>
      <c r="P36" s="254">
        <v>0</v>
      </c>
      <c r="Q36" s="256">
        <v>0</v>
      </c>
      <c r="R36" s="257">
        <v>0</v>
      </c>
      <c r="S36" s="257">
        <v>0</v>
      </c>
      <c r="T36" s="257">
        <v>3</v>
      </c>
      <c r="U36" s="257">
        <v>0</v>
      </c>
      <c r="V36" s="257">
        <v>0</v>
      </c>
      <c r="W36" s="254">
        <v>3</v>
      </c>
      <c r="X36" s="259">
        <v>3</v>
      </c>
      <c r="Y36" s="253">
        <v>0</v>
      </c>
      <c r="Z36" s="257">
        <v>17</v>
      </c>
      <c r="AA36" s="254">
        <v>17</v>
      </c>
      <c r="AB36" s="256">
        <v>0</v>
      </c>
      <c r="AC36" s="257">
        <v>0</v>
      </c>
      <c r="AD36" s="257">
        <v>0</v>
      </c>
      <c r="AE36" s="257">
        <v>0</v>
      </c>
      <c r="AF36" s="257">
        <v>0</v>
      </c>
      <c r="AG36" s="257">
        <v>0</v>
      </c>
      <c r="AH36" s="254">
        <v>0</v>
      </c>
      <c r="AI36" s="259">
        <v>17</v>
      </c>
      <c r="AJ36" s="253">
        <v>0</v>
      </c>
      <c r="AK36" s="257">
        <v>0</v>
      </c>
      <c r="AL36" s="254">
        <v>0</v>
      </c>
      <c r="AM36" s="256">
        <v>0</v>
      </c>
      <c r="AN36" s="257">
        <v>0</v>
      </c>
      <c r="AO36" s="257">
        <v>24</v>
      </c>
      <c r="AP36" s="257">
        <v>5</v>
      </c>
      <c r="AQ36" s="257">
        <v>0</v>
      </c>
      <c r="AR36" s="257">
        <v>0</v>
      </c>
      <c r="AS36" s="254">
        <v>29</v>
      </c>
      <c r="AT36" s="259">
        <v>29</v>
      </c>
      <c r="AU36" s="253">
        <v>0</v>
      </c>
      <c r="AV36" s="257">
        <v>0</v>
      </c>
      <c r="AW36" s="254">
        <v>0</v>
      </c>
      <c r="AX36" s="256">
        <v>0</v>
      </c>
      <c r="AY36" s="257">
        <v>0</v>
      </c>
      <c r="AZ36" s="257">
        <v>15</v>
      </c>
      <c r="BA36" s="257">
        <v>23</v>
      </c>
      <c r="BB36" s="257">
        <v>0</v>
      </c>
      <c r="BC36" s="257">
        <v>0</v>
      </c>
      <c r="BD36" s="258">
        <v>38</v>
      </c>
      <c r="BE36" s="259">
        <v>38</v>
      </c>
      <c r="BF36" s="253">
        <v>0</v>
      </c>
      <c r="BG36" s="257">
        <v>0</v>
      </c>
      <c r="BH36" s="254">
        <v>0</v>
      </c>
      <c r="BI36" s="256">
        <v>0</v>
      </c>
      <c r="BJ36" s="257">
        <v>0</v>
      </c>
      <c r="BK36" s="257">
        <v>0</v>
      </c>
      <c r="BL36" s="257">
        <v>0</v>
      </c>
      <c r="BM36" s="257">
        <v>0</v>
      </c>
      <c r="BN36" s="257">
        <v>0</v>
      </c>
      <c r="BO36" s="254">
        <v>0</v>
      </c>
      <c r="BP36" s="259">
        <v>0</v>
      </c>
      <c r="BQ36" s="253">
        <v>0</v>
      </c>
      <c r="BR36" s="257">
        <v>0</v>
      </c>
      <c r="BS36" s="254">
        <v>0</v>
      </c>
      <c r="BT36" s="256">
        <v>0</v>
      </c>
      <c r="BU36" s="257">
        <v>0</v>
      </c>
      <c r="BV36" s="257">
        <v>0</v>
      </c>
      <c r="BW36" s="257">
        <v>2</v>
      </c>
      <c r="BX36" s="257">
        <v>0</v>
      </c>
      <c r="BY36" s="257">
        <v>0</v>
      </c>
      <c r="BZ36" s="254">
        <v>2</v>
      </c>
      <c r="CA36" s="259">
        <v>2</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0</v>
      </c>
      <c r="CR36" s="257">
        <v>0</v>
      </c>
      <c r="CS36" s="257">
        <v>0</v>
      </c>
      <c r="CT36" s="257">
        <v>0</v>
      </c>
      <c r="CU36" s="257">
        <v>0</v>
      </c>
      <c r="CV36" s="254">
        <v>0</v>
      </c>
      <c r="CW36" s="259">
        <v>0</v>
      </c>
      <c r="CX36" s="253">
        <v>0</v>
      </c>
      <c r="CY36" s="257">
        <v>0</v>
      </c>
      <c r="CZ36" s="254">
        <v>0</v>
      </c>
      <c r="DA36" s="256">
        <v>0</v>
      </c>
      <c r="DB36" s="257">
        <v>0</v>
      </c>
      <c r="DC36" s="257">
        <v>0</v>
      </c>
      <c r="DD36" s="257">
        <v>0</v>
      </c>
      <c r="DE36" s="257">
        <v>0</v>
      </c>
      <c r="DF36" s="257">
        <v>0</v>
      </c>
      <c r="DG36" s="254">
        <v>0</v>
      </c>
      <c r="DH36" s="259">
        <v>0</v>
      </c>
    </row>
    <row r="37" spans="2:112" ht="21" customHeight="1" x14ac:dyDescent="0.2">
      <c r="B37" s="437" t="s">
        <v>35</v>
      </c>
      <c r="C37" s="253">
        <v>0</v>
      </c>
      <c r="D37" s="254">
        <v>0</v>
      </c>
      <c r="E37" s="255">
        <v>0</v>
      </c>
      <c r="F37" s="256">
        <v>0</v>
      </c>
      <c r="G37" s="257">
        <v>47</v>
      </c>
      <c r="H37" s="257">
        <v>50</v>
      </c>
      <c r="I37" s="257">
        <v>11</v>
      </c>
      <c r="J37" s="257">
        <v>0</v>
      </c>
      <c r="K37" s="257">
        <v>0</v>
      </c>
      <c r="L37" s="258">
        <v>108</v>
      </c>
      <c r="M37" s="259">
        <v>108</v>
      </c>
      <c r="N37" s="253">
        <v>0</v>
      </c>
      <c r="O37" s="257">
        <v>0</v>
      </c>
      <c r="P37" s="254">
        <v>0</v>
      </c>
      <c r="Q37" s="256">
        <v>0</v>
      </c>
      <c r="R37" s="257">
        <v>0</v>
      </c>
      <c r="S37" s="257">
        <v>0</v>
      </c>
      <c r="T37" s="257">
        <v>0</v>
      </c>
      <c r="U37" s="257">
        <v>0</v>
      </c>
      <c r="V37" s="257">
        <v>0</v>
      </c>
      <c r="W37" s="254">
        <v>0</v>
      </c>
      <c r="X37" s="259">
        <v>0</v>
      </c>
      <c r="Y37" s="253">
        <v>0</v>
      </c>
      <c r="Z37" s="257">
        <v>2</v>
      </c>
      <c r="AA37" s="254">
        <v>2</v>
      </c>
      <c r="AB37" s="256">
        <v>0</v>
      </c>
      <c r="AC37" s="257">
        <v>27</v>
      </c>
      <c r="AD37" s="257">
        <v>27</v>
      </c>
      <c r="AE37" s="257">
        <v>40</v>
      </c>
      <c r="AF37" s="257">
        <v>0</v>
      </c>
      <c r="AG37" s="257">
        <v>2</v>
      </c>
      <c r="AH37" s="254">
        <v>96</v>
      </c>
      <c r="AI37" s="259">
        <v>98</v>
      </c>
      <c r="AJ37" s="253">
        <v>0</v>
      </c>
      <c r="AK37" s="257">
        <v>0</v>
      </c>
      <c r="AL37" s="254">
        <v>0</v>
      </c>
      <c r="AM37" s="256">
        <v>0</v>
      </c>
      <c r="AN37" s="257">
        <v>24</v>
      </c>
      <c r="AO37" s="257">
        <v>0</v>
      </c>
      <c r="AP37" s="257">
        <v>0</v>
      </c>
      <c r="AQ37" s="257">
        <v>21</v>
      </c>
      <c r="AR37" s="257">
        <v>0</v>
      </c>
      <c r="AS37" s="254">
        <v>45</v>
      </c>
      <c r="AT37" s="259">
        <v>45</v>
      </c>
      <c r="AU37" s="253">
        <v>0</v>
      </c>
      <c r="AV37" s="257">
        <v>0</v>
      </c>
      <c r="AW37" s="254">
        <v>0</v>
      </c>
      <c r="AX37" s="256">
        <v>0</v>
      </c>
      <c r="AY37" s="257">
        <v>0</v>
      </c>
      <c r="AZ37" s="257">
        <v>2</v>
      </c>
      <c r="BA37" s="257">
        <v>4</v>
      </c>
      <c r="BB37" s="257">
        <v>8</v>
      </c>
      <c r="BC37" s="257">
        <v>4</v>
      </c>
      <c r="BD37" s="258">
        <v>18</v>
      </c>
      <c r="BE37" s="259">
        <v>18</v>
      </c>
      <c r="BF37" s="253">
        <v>0</v>
      </c>
      <c r="BG37" s="257">
        <v>0</v>
      </c>
      <c r="BH37" s="254">
        <v>0</v>
      </c>
      <c r="BI37" s="256">
        <v>0</v>
      </c>
      <c r="BJ37" s="257">
        <v>3</v>
      </c>
      <c r="BK37" s="257">
        <v>6</v>
      </c>
      <c r="BL37" s="257">
        <v>8</v>
      </c>
      <c r="BM37" s="257">
        <v>0</v>
      </c>
      <c r="BN37" s="257">
        <v>0</v>
      </c>
      <c r="BO37" s="254">
        <v>17</v>
      </c>
      <c r="BP37" s="259">
        <v>17</v>
      </c>
      <c r="BQ37" s="253">
        <v>0</v>
      </c>
      <c r="BR37" s="257">
        <v>0</v>
      </c>
      <c r="BS37" s="254">
        <v>0</v>
      </c>
      <c r="BT37" s="256">
        <v>0</v>
      </c>
      <c r="BU37" s="257">
        <v>0</v>
      </c>
      <c r="BV37" s="257">
        <v>0</v>
      </c>
      <c r="BW37" s="257">
        <v>0</v>
      </c>
      <c r="BX37" s="257">
        <v>0</v>
      </c>
      <c r="BY37" s="257">
        <v>14</v>
      </c>
      <c r="BZ37" s="254">
        <v>14</v>
      </c>
      <c r="CA37" s="259">
        <v>14</v>
      </c>
      <c r="CB37" s="253">
        <v>0</v>
      </c>
      <c r="CC37" s="257">
        <v>0</v>
      </c>
      <c r="CD37" s="254">
        <v>0</v>
      </c>
      <c r="CE37" s="256">
        <v>0</v>
      </c>
      <c r="CF37" s="257">
        <v>0</v>
      </c>
      <c r="CG37" s="257">
        <v>0</v>
      </c>
      <c r="CH37" s="257">
        <v>0</v>
      </c>
      <c r="CI37" s="257">
        <v>0</v>
      </c>
      <c r="CJ37" s="257">
        <v>0</v>
      </c>
      <c r="CK37" s="254">
        <v>0</v>
      </c>
      <c r="CL37" s="259">
        <v>0</v>
      </c>
      <c r="CM37" s="253">
        <v>0</v>
      </c>
      <c r="CN37" s="257">
        <v>0</v>
      </c>
      <c r="CO37" s="254">
        <v>0</v>
      </c>
      <c r="CP37" s="256">
        <v>0</v>
      </c>
      <c r="CQ37" s="257">
        <v>0</v>
      </c>
      <c r="CR37" s="257">
        <v>0</v>
      </c>
      <c r="CS37" s="257">
        <v>0</v>
      </c>
      <c r="CT37" s="257">
        <v>0</v>
      </c>
      <c r="CU37" s="257">
        <v>0</v>
      </c>
      <c r="CV37" s="254">
        <v>0</v>
      </c>
      <c r="CW37" s="259">
        <v>0</v>
      </c>
      <c r="CX37" s="253">
        <v>0</v>
      </c>
      <c r="CY37" s="257">
        <v>0</v>
      </c>
      <c r="CZ37" s="254">
        <v>0</v>
      </c>
      <c r="DA37" s="256">
        <v>0</v>
      </c>
      <c r="DB37" s="257">
        <v>0</v>
      </c>
      <c r="DC37" s="257">
        <v>0</v>
      </c>
      <c r="DD37" s="257">
        <v>0</v>
      </c>
      <c r="DE37" s="257">
        <v>0</v>
      </c>
      <c r="DF37" s="257">
        <v>0</v>
      </c>
      <c r="DG37" s="254">
        <v>0</v>
      </c>
      <c r="DH37" s="259">
        <v>0</v>
      </c>
    </row>
    <row r="38" spans="2:112" ht="21" customHeight="1" x14ac:dyDescent="0.2">
      <c r="B38" s="437" t="s">
        <v>36</v>
      </c>
      <c r="C38" s="253">
        <v>0</v>
      </c>
      <c r="D38" s="254">
        <v>0</v>
      </c>
      <c r="E38" s="255">
        <v>0</v>
      </c>
      <c r="F38" s="256">
        <v>0</v>
      </c>
      <c r="G38" s="257">
        <v>26</v>
      </c>
      <c r="H38" s="257">
        <v>5</v>
      </c>
      <c r="I38" s="257">
        <v>8</v>
      </c>
      <c r="J38" s="257">
        <v>93</v>
      </c>
      <c r="K38" s="257">
        <v>183</v>
      </c>
      <c r="L38" s="258">
        <v>315</v>
      </c>
      <c r="M38" s="259">
        <v>315</v>
      </c>
      <c r="N38" s="253">
        <v>0</v>
      </c>
      <c r="O38" s="257">
        <v>0</v>
      </c>
      <c r="P38" s="254">
        <v>0</v>
      </c>
      <c r="Q38" s="256">
        <v>0</v>
      </c>
      <c r="R38" s="257">
        <v>0</v>
      </c>
      <c r="S38" s="257">
        <v>4</v>
      </c>
      <c r="T38" s="257">
        <v>0</v>
      </c>
      <c r="U38" s="257">
        <v>0</v>
      </c>
      <c r="V38" s="257">
        <v>0</v>
      </c>
      <c r="W38" s="254">
        <v>4</v>
      </c>
      <c r="X38" s="259">
        <v>4</v>
      </c>
      <c r="Y38" s="253">
        <v>4</v>
      </c>
      <c r="Z38" s="257">
        <v>8</v>
      </c>
      <c r="AA38" s="254">
        <v>12</v>
      </c>
      <c r="AB38" s="256">
        <v>0</v>
      </c>
      <c r="AC38" s="257">
        <v>4</v>
      </c>
      <c r="AD38" s="257">
        <v>5</v>
      </c>
      <c r="AE38" s="257">
        <v>0</v>
      </c>
      <c r="AF38" s="257">
        <v>1</v>
      </c>
      <c r="AG38" s="257">
        <v>14</v>
      </c>
      <c r="AH38" s="254">
        <v>24</v>
      </c>
      <c r="AI38" s="259">
        <v>36</v>
      </c>
      <c r="AJ38" s="253">
        <v>0</v>
      </c>
      <c r="AK38" s="257">
        <v>0</v>
      </c>
      <c r="AL38" s="254">
        <v>0</v>
      </c>
      <c r="AM38" s="256">
        <v>0</v>
      </c>
      <c r="AN38" s="257">
        <v>14</v>
      </c>
      <c r="AO38" s="257">
        <v>0</v>
      </c>
      <c r="AP38" s="257">
        <v>0</v>
      </c>
      <c r="AQ38" s="257">
        <v>0</v>
      </c>
      <c r="AR38" s="257">
        <v>0</v>
      </c>
      <c r="AS38" s="254">
        <v>14</v>
      </c>
      <c r="AT38" s="259">
        <v>14</v>
      </c>
      <c r="AU38" s="253">
        <v>0</v>
      </c>
      <c r="AV38" s="257">
        <v>0</v>
      </c>
      <c r="AW38" s="254">
        <v>0</v>
      </c>
      <c r="AX38" s="256">
        <v>0</v>
      </c>
      <c r="AY38" s="257">
        <v>0</v>
      </c>
      <c r="AZ38" s="257">
        <v>45</v>
      </c>
      <c r="BA38" s="257">
        <v>0</v>
      </c>
      <c r="BB38" s="257">
        <v>14</v>
      </c>
      <c r="BC38" s="257">
        <v>0</v>
      </c>
      <c r="BD38" s="258">
        <v>59</v>
      </c>
      <c r="BE38" s="259">
        <v>59</v>
      </c>
      <c r="BF38" s="253">
        <v>0</v>
      </c>
      <c r="BG38" s="257">
        <v>0</v>
      </c>
      <c r="BH38" s="254">
        <v>0</v>
      </c>
      <c r="BI38" s="256">
        <v>0</v>
      </c>
      <c r="BJ38" s="257">
        <v>0</v>
      </c>
      <c r="BK38" s="257">
        <v>0</v>
      </c>
      <c r="BL38" s="257">
        <v>0</v>
      </c>
      <c r="BM38" s="257">
        <v>0</v>
      </c>
      <c r="BN38" s="257">
        <v>0</v>
      </c>
      <c r="BO38" s="254">
        <v>0</v>
      </c>
      <c r="BP38" s="259">
        <v>0</v>
      </c>
      <c r="BQ38" s="253">
        <v>0</v>
      </c>
      <c r="BR38" s="257">
        <v>0</v>
      </c>
      <c r="BS38" s="254">
        <v>0</v>
      </c>
      <c r="BT38" s="256">
        <v>0</v>
      </c>
      <c r="BU38" s="257">
        <v>0</v>
      </c>
      <c r="BV38" s="257">
        <v>18</v>
      </c>
      <c r="BW38" s="257">
        <v>0</v>
      </c>
      <c r="BX38" s="257">
        <v>7</v>
      </c>
      <c r="BY38" s="257">
        <v>0</v>
      </c>
      <c r="BZ38" s="254">
        <v>25</v>
      </c>
      <c r="CA38" s="259">
        <v>25</v>
      </c>
      <c r="CB38" s="253">
        <v>0</v>
      </c>
      <c r="CC38" s="257">
        <v>0</v>
      </c>
      <c r="CD38" s="254">
        <v>0</v>
      </c>
      <c r="CE38" s="256">
        <v>0</v>
      </c>
      <c r="CF38" s="257">
        <v>0</v>
      </c>
      <c r="CG38" s="257">
        <v>0</v>
      </c>
      <c r="CH38" s="257">
        <v>0</v>
      </c>
      <c r="CI38" s="257">
        <v>0</v>
      </c>
      <c r="CJ38" s="257">
        <v>0</v>
      </c>
      <c r="CK38" s="254">
        <v>0</v>
      </c>
      <c r="CL38" s="259">
        <v>0</v>
      </c>
      <c r="CM38" s="253">
        <v>0</v>
      </c>
      <c r="CN38" s="257">
        <v>0</v>
      </c>
      <c r="CO38" s="254">
        <v>0</v>
      </c>
      <c r="CP38" s="256">
        <v>0</v>
      </c>
      <c r="CQ38" s="257">
        <v>0</v>
      </c>
      <c r="CR38" s="257">
        <v>0</v>
      </c>
      <c r="CS38" s="257">
        <v>0</v>
      </c>
      <c r="CT38" s="257">
        <v>0</v>
      </c>
      <c r="CU38" s="257">
        <v>0</v>
      </c>
      <c r="CV38" s="254">
        <v>0</v>
      </c>
      <c r="CW38" s="259">
        <v>0</v>
      </c>
      <c r="CX38" s="253">
        <v>0</v>
      </c>
      <c r="CY38" s="257">
        <v>0</v>
      </c>
      <c r="CZ38" s="254">
        <v>0</v>
      </c>
      <c r="DA38" s="256">
        <v>0</v>
      </c>
      <c r="DB38" s="257">
        <v>0</v>
      </c>
      <c r="DC38" s="257">
        <v>0</v>
      </c>
      <c r="DD38" s="257">
        <v>0</v>
      </c>
      <c r="DE38" s="257">
        <v>0</v>
      </c>
      <c r="DF38" s="257">
        <v>0</v>
      </c>
      <c r="DG38" s="254">
        <v>0</v>
      </c>
      <c r="DH38" s="259">
        <v>0</v>
      </c>
    </row>
    <row r="39" spans="2:112" ht="21" customHeight="1" thickBot="1" x14ac:dyDescent="0.25">
      <c r="B39" s="438" t="s">
        <v>37</v>
      </c>
      <c r="C39" s="260">
        <v>0</v>
      </c>
      <c r="D39" s="261">
        <v>0</v>
      </c>
      <c r="E39" s="262">
        <v>0</v>
      </c>
      <c r="F39" s="263">
        <v>0</v>
      </c>
      <c r="G39" s="264">
        <v>0</v>
      </c>
      <c r="H39" s="264">
        <v>0</v>
      </c>
      <c r="I39" s="264">
        <v>0</v>
      </c>
      <c r="J39" s="264">
        <v>0</v>
      </c>
      <c r="K39" s="264">
        <v>20</v>
      </c>
      <c r="L39" s="265">
        <v>20</v>
      </c>
      <c r="M39" s="266">
        <v>20</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27</v>
      </c>
      <c r="AG39" s="264">
        <v>4</v>
      </c>
      <c r="AH39" s="261">
        <v>31</v>
      </c>
      <c r="AI39" s="266">
        <v>31</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0</v>
      </c>
      <c r="BA39" s="264">
        <v>0</v>
      </c>
      <c r="BB39" s="264">
        <v>4</v>
      </c>
      <c r="BC39" s="264">
        <v>0</v>
      </c>
      <c r="BD39" s="265">
        <v>4</v>
      </c>
      <c r="BE39" s="266">
        <v>4</v>
      </c>
      <c r="BF39" s="260">
        <v>0</v>
      </c>
      <c r="BG39" s="264">
        <v>0</v>
      </c>
      <c r="BH39" s="261">
        <v>0</v>
      </c>
      <c r="BI39" s="263">
        <v>0</v>
      </c>
      <c r="BJ39" s="264">
        <v>0</v>
      </c>
      <c r="BK39" s="264">
        <v>0</v>
      </c>
      <c r="BL39" s="264">
        <v>0</v>
      </c>
      <c r="BM39" s="264">
        <v>0</v>
      </c>
      <c r="BN39" s="264">
        <v>0</v>
      </c>
      <c r="BO39" s="261">
        <v>0</v>
      </c>
      <c r="BP39" s="266">
        <v>0</v>
      </c>
      <c r="BQ39" s="260">
        <v>0</v>
      </c>
      <c r="BR39" s="264">
        <v>0</v>
      </c>
      <c r="BS39" s="261">
        <v>0</v>
      </c>
      <c r="BT39" s="263">
        <v>0</v>
      </c>
      <c r="BU39" s="264">
        <v>0</v>
      </c>
      <c r="BV39" s="264">
        <v>0</v>
      </c>
      <c r="BW39" s="264">
        <v>0</v>
      </c>
      <c r="BX39" s="264">
        <v>0</v>
      </c>
      <c r="BY39" s="264">
        <v>0</v>
      </c>
      <c r="BZ39" s="261">
        <v>0</v>
      </c>
      <c r="CA39" s="266">
        <v>0</v>
      </c>
      <c r="CB39" s="260">
        <v>0</v>
      </c>
      <c r="CC39" s="264">
        <v>0</v>
      </c>
      <c r="CD39" s="261">
        <v>0</v>
      </c>
      <c r="CE39" s="263">
        <v>0</v>
      </c>
      <c r="CF39" s="264">
        <v>0</v>
      </c>
      <c r="CG39" s="264">
        <v>0</v>
      </c>
      <c r="CH39" s="264">
        <v>0</v>
      </c>
      <c r="CI39" s="264">
        <v>0</v>
      </c>
      <c r="CJ39" s="264">
        <v>4</v>
      </c>
      <c r="CK39" s="261">
        <v>4</v>
      </c>
      <c r="CL39" s="266">
        <v>4</v>
      </c>
      <c r="CM39" s="260">
        <v>0</v>
      </c>
      <c r="CN39" s="264">
        <v>0</v>
      </c>
      <c r="CO39" s="261">
        <v>0</v>
      </c>
      <c r="CP39" s="263">
        <v>0</v>
      </c>
      <c r="CQ39" s="264">
        <v>0</v>
      </c>
      <c r="CR39" s="264">
        <v>0</v>
      </c>
      <c r="CS39" s="264">
        <v>0</v>
      </c>
      <c r="CT39" s="264">
        <v>0</v>
      </c>
      <c r="CU39" s="264">
        <v>0</v>
      </c>
      <c r="CV39" s="261">
        <v>0</v>
      </c>
      <c r="CW39" s="266">
        <v>0</v>
      </c>
      <c r="CX39" s="260">
        <v>0</v>
      </c>
      <c r="CY39" s="264">
        <v>0</v>
      </c>
      <c r="CZ39" s="261">
        <v>0</v>
      </c>
      <c r="DA39" s="263">
        <v>0</v>
      </c>
      <c r="DB39" s="264">
        <v>0</v>
      </c>
      <c r="DC39" s="264">
        <v>0</v>
      </c>
      <c r="DD39" s="264">
        <v>0</v>
      </c>
      <c r="DE39" s="264">
        <v>0</v>
      </c>
      <c r="DF39" s="264">
        <v>0</v>
      </c>
      <c r="DG39" s="261">
        <v>0</v>
      </c>
      <c r="DH39" s="266">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15" t="s">
        <v>127</v>
      </c>
      <c r="F1" s="17"/>
      <c r="H1" s="495">
        <f>第１表!F2</f>
        <v>6</v>
      </c>
      <c r="I1" s="495"/>
      <c r="J1" s="231">
        <f>第１表!G2</f>
        <v>3</v>
      </c>
      <c r="K1" s="525">
        <f>IF(J1&lt;3,J1-2+12,J1-2)</f>
        <v>1</v>
      </c>
      <c r="L1" s="525"/>
    </row>
    <row r="2" spans="2:35" ht="24" customHeight="1" thickBot="1" x14ac:dyDescent="0.25">
      <c r="J2" s="5"/>
      <c r="K2" s="5"/>
      <c r="L2" s="5"/>
      <c r="M2" s="5"/>
      <c r="N2" s="5"/>
      <c r="O2" s="5"/>
      <c r="P2" s="25"/>
      <c r="Q2" s="25"/>
      <c r="R2" s="25"/>
    </row>
    <row r="3" spans="2:35" ht="21" customHeight="1" thickBot="1" x14ac:dyDescent="0.25">
      <c r="B3" s="21"/>
      <c r="C3" s="526" t="s">
        <v>53</v>
      </c>
      <c r="D3" s="527"/>
      <c r="E3" s="527"/>
      <c r="F3" s="527"/>
      <c r="G3" s="527"/>
      <c r="H3" s="527"/>
      <c r="I3" s="527"/>
      <c r="J3" s="527"/>
      <c r="K3" s="527"/>
      <c r="L3" s="527"/>
      <c r="M3" s="528"/>
      <c r="N3" s="526" t="s">
        <v>54</v>
      </c>
      <c r="O3" s="527"/>
      <c r="P3" s="527"/>
      <c r="Q3" s="527"/>
      <c r="R3" s="527"/>
      <c r="S3" s="527"/>
      <c r="T3" s="527"/>
      <c r="U3" s="527"/>
      <c r="V3" s="527"/>
      <c r="W3" s="527"/>
      <c r="X3" s="528"/>
      <c r="Y3" s="526" t="s">
        <v>55</v>
      </c>
      <c r="Z3" s="527"/>
      <c r="AA3" s="527"/>
      <c r="AB3" s="527"/>
      <c r="AC3" s="527"/>
      <c r="AD3" s="527"/>
      <c r="AE3" s="527"/>
      <c r="AF3" s="527"/>
      <c r="AG3" s="527"/>
      <c r="AH3" s="527"/>
      <c r="AI3" s="528"/>
    </row>
    <row r="4" spans="2:35" ht="30" customHeight="1" thickBot="1" x14ac:dyDescent="0.25">
      <c r="B4" s="21" t="s">
        <v>42</v>
      </c>
      <c r="C4" s="22" t="s">
        <v>43</v>
      </c>
      <c r="D4" s="6" t="s">
        <v>44</v>
      </c>
      <c r="E4" s="23" t="s">
        <v>45</v>
      </c>
      <c r="F4" s="24" t="s">
        <v>46</v>
      </c>
      <c r="G4" s="6" t="s">
        <v>47</v>
      </c>
      <c r="H4" s="6" t="s">
        <v>48</v>
      </c>
      <c r="I4" s="6" t="s">
        <v>49</v>
      </c>
      <c r="J4" s="6" t="s">
        <v>50</v>
      </c>
      <c r="K4" s="6" t="s">
        <v>51</v>
      </c>
      <c r="L4" s="23" t="s">
        <v>45</v>
      </c>
      <c r="M4" s="11" t="s">
        <v>52</v>
      </c>
      <c r="N4" s="22" t="s">
        <v>43</v>
      </c>
      <c r="O4" s="6" t="s">
        <v>44</v>
      </c>
      <c r="P4" s="23" t="s">
        <v>45</v>
      </c>
      <c r="Q4" s="24" t="s">
        <v>46</v>
      </c>
      <c r="R4" s="6" t="s">
        <v>47</v>
      </c>
      <c r="S4" s="6" t="s">
        <v>48</v>
      </c>
      <c r="T4" s="6" t="s">
        <v>49</v>
      </c>
      <c r="U4" s="6" t="s">
        <v>50</v>
      </c>
      <c r="V4" s="6" t="s">
        <v>51</v>
      </c>
      <c r="W4" s="23" t="s">
        <v>45</v>
      </c>
      <c r="X4" s="11" t="s">
        <v>52</v>
      </c>
      <c r="Y4" s="22" t="s">
        <v>43</v>
      </c>
      <c r="Z4" s="6" t="s">
        <v>44</v>
      </c>
      <c r="AA4" s="23" t="s">
        <v>45</v>
      </c>
      <c r="AB4" s="24" t="s">
        <v>46</v>
      </c>
      <c r="AC4" s="6" t="s">
        <v>47</v>
      </c>
      <c r="AD4" s="6" t="s">
        <v>48</v>
      </c>
      <c r="AE4" s="6" t="s">
        <v>49</v>
      </c>
      <c r="AF4" s="6" t="s">
        <v>50</v>
      </c>
      <c r="AG4" s="6" t="s">
        <v>51</v>
      </c>
      <c r="AH4" s="23" t="s">
        <v>45</v>
      </c>
      <c r="AI4" s="11" t="s">
        <v>52</v>
      </c>
    </row>
    <row r="5" spans="2:35" ht="21" customHeight="1" x14ac:dyDescent="0.2">
      <c r="B5" s="435" t="s">
        <v>4</v>
      </c>
      <c r="C5" s="81">
        <v>179</v>
      </c>
      <c r="D5" s="82">
        <v>329</v>
      </c>
      <c r="E5" s="83">
        <v>508</v>
      </c>
      <c r="F5" s="84">
        <v>0</v>
      </c>
      <c r="G5" s="82">
        <v>18957</v>
      </c>
      <c r="H5" s="82">
        <v>19545</v>
      </c>
      <c r="I5" s="82">
        <v>12909</v>
      </c>
      <c r="J5" s="82">
        <v>8138</v>
      </c>
      <c r="K5" s="82">
        <v>5109</v>
      </c>
      <c r="L5" s="83">
        <v>64658</v>
      </c>
      <c r="M5" s="85">
        <v>65166</v>
      </c>
      <c r="N5" s="86">
        <v>0</v>
      </c>
      <c r="O5" s="82">
        <v>3</v>
      </c>
      <c r="P5" s="83">
        <v>3</v>
      </c>
      <c r="Q5" s="84">
        <v>0</v>
      </c>
      <c r="R5" s="82">
        <v>223</v>
      </c>
      <c r="S5" s="82">
        <v>364</v>
      </c>
      <c r="T5" s="82">
        <v>221</v>
      </c>
      <c r="U5" s="82">
        <v>169</v>
      </c>
      <c r="V5" s="82">
        <v>168</v>
      </c>
      <c r="W5" s="83">
        <v>1145</v>
      </c>
      <c r="X5" s="85">
        <v>1148</v>
      </c>
      <c r="Y5" s="86">
        <v>179</v>
      </c>
      <c r="Z5" s="82">
        <v>332</v>
      </c>
      <c r="AA5" s="83">
        <v>511</v>
      </c>
      <c r="AB5" s="84">
        <v>0</v>
      </c>
      <c r="AC5" s="82">
        <v>19180</v>
      </c>
      <c r="AD5" s="82">
        <v>19909</v>
      </c>
      <c r="AE5" s="82">
        <v>13130</v>
      </c>
      <c r="AF5" s="82">
        <v>8307</v>
      </c>
      <c r="AG5" s="82">
        <v>5277</v>
      </c>
      <c r="AH5" s="83">
        <v>65803</v>
      </c>
      <c r="AI5" s="85">
        <v>66314</v>
      </c>
    </row>
    <row r="6" spans="2:35" ht="21" customHeight="1" x14ac:dyDescent="0.2">
      <c r="B6" s="436" t="s">
        <v>5</v>
      </c>
      <c r="C6" s="87">
        <v>73</v>
      </c>
      <c r="D6" s="88">
        <v>131</v>
      </c>
      <c r="E6" s="89">
        <v>204</v>
      </c>
      <c r="F6" s="90">
        <v>0</v>
      </c>
      <c r="G6" s="88">
        <v>7208</v>
      </c>
      <c r="H6" s="88">
        <v>9324</v>
      </c>
      <c r="I6" s="88">
        <v>5770</v>
      </c>
      <c r="J6" s="88">
        <v>3616</v>
      </c>
      <c r="K6" s="88">
        <v>2363</v>
      </c>
      <c r="L6" s="89">
        <v>28281</v>
      </c>
      <c r="M6" s="91">
        <v>28485</v>
      </c>
      <c r="N6" s="92">
        <v>0</v>
      </c>
      <c r="O6" s="88">
        <v>0</v>
      </c>
      <c r="P6" s="89">
        <v>0</v>
      </c>
      <c r="Q6" s="90">
        <v>0</v>
      </c>
      <c r="R6" s="88">
        <v>77</v>
      </c>
      <c r="S6" s="88">
        <v>181</v>
      </c>
      <c r="T6" s="88">
        <v>118</v>
      </c>
      <c r="U6" s="88">
        <v>84</v>
      </c>
      <c r="V6" s="88">
        <v>89</v>
      </c>
      <c r="W6" s="89">
        <v>549</v>
      </c>
      <c r="X6" s="91">
        <v>549</v>
      </c>
      <c r="Y6" s="92">
        <v>73</v>
      </c>
      <c r="Z6" s="88">
        <v>131</v>
      </c>
      <c r="AA6" s="89">
        <v>204</v>
      </c>
      <c r="AB6" s="90">
        <v>0</v>
      </c>
      <c r="AC6" s="88">
        <v>7285</v>
      </c>
      <c r="AD6" s="88">
        <v>9505</v>
      </c>
      <c r="AE6" s="88">
        <v>5888</v>
      </c>
      <c r="AF6" s="88">
        <v>3700</v>
      </c>
      <c r="AG6" s="88">
        <v>2452</v>
      </c>
      <c r="AH6" s="89">
        <v>28830</v>
      </c>
      <c r="AI6" s="91">
        <v>29034</v>
      </c>
    </row>
    <row r="7" spans="2:35" ht="21" customHeight="1" x14ac:dyDescent="0.2">
      <c r="B7" s="437" t="s">
        <v>6</v>
      </c>
      <c r="C7" s="87">
        <v>23</v>
      </c>
      <c r="D7" s="88">
        <v>43</v>
      </c>
      <c r="E7" s="89">
        <v>66</v>
      </c>
      <c r="F7" s="90">
        <v>0</v>
      </c>
      <c r="G7" s="88">
        <v>2913</v>
      </c>
      <c r="H7" s="88">
        <v>2596</v>
      </c>
      <c r="I7" s="88">
        <v>1919</v>
      </c>
      <c r="J7" s="88">
        <v>1335</v>
      </c>
      <c r="K7" s="88">
        <v>928</v>
      </c>
      <c r="L7" s="89">
        <v>9691</v>
      </c>
      <c r="M7" s="91">
        <v>9757</v>
      </c>
      <c r="N7" s="92">
        <v>0</v>
      </c>
      <c r="O7" s="88">
        <v>0</v>
      </c>
      <c r="P7" s="89">
        <v>0</v>
      </c>
      <c r="Q7" s="90">
        <v>0</v>
      </c>
      <c r="R7" s="88">
        <v>30</v>
      </c>
      <c r="S7" s="88">
        <v>30</v>
      </c>
      <c r="T7" s="88">
        <v>24</v>
      </c>
      <c r="U7" s="88">
        <v>24</v>
      </c>
      <c r="V7" s="88">
        <v>29</v>
      </c>
      <c r="W7" s="89">
        <v>137</v>
      </c>
      <c r="X7" s="91">
        <v>137</v>
      </c>
      <c r="Y7" s="92">
        <v>23</v>
      </c>
      <c r="Z7" s="88">
        <v>43</v>
      </c>
      <c r="AA7" s="89">
        <v>66</v>
      </c>
      <c r="AB7" s="90">
        <v>0</v>
      </c>
      <c r="AC7" s="88">
        <v>2943</v>
      </c>
      <c r="AD7" s="88">
        <v>2626</v>
      </c>
      <c r="AE7" s="88">
        <v>1943</v>
      </c>
      <c r="AF7" s="88">
        <v>1359</v>
      </c>
      <c r="AG7" s="88">
        <v>957</v>
      </c>
      <c r="AH7" s="89">
        <v>9828</v>
      </c>
      <c r="AI7" s="91">
        <v>9894</v>
      </c>
    </row>
    <row r="8" spans="2:35" ht="21" customHeight="1" x14ac:dyDescent="0.2">
      <c r="B8" s="437" t="s">
        <v>14</v>
      </c>
      <c r="C8" s="87">
        <v>21</v>
      </c>
      <c r="D8" s="88">
        <v>29</v>
      </c>
      <c r="E8" s="89">
        <v>50</v>
      </c>
      <c r="F8" s="90">
        <v>0</v>
      </c>
      <c r="G8" s="88">
        <v>1460</v>
      </c>
      <c r="H8" s="88">
        <v>1675</v>
      </c>
      <c r="I8" s="88">
        <v>1141</v>
      </c>
      <c r="J8" s="88">
        <v>658</v>
      </c>
      <c r="K8" s="88">
        <v>356</v>
      </c>
      <c r="L8" s="89">
        <v>5290</v>
      </c>
      <c r="M8" s="91">
        <v>5340</v>
      </c>
      <c r="N8" s="92">
        <v>0</v>
      </c>
      <c r="O8" s="88">
        <v>0</v>
      </c>
      <c r="P8" s="89">
        <v>0</v>
      </c>
      <c r="Q8" s="90">
        <v>0</v>
      </c>
      <c r="R8" s="88">
        <v>15</v>
      </c>
      <c r="S8" s="88">
        <v>32</v>
      </c>
      <c r="T8" s="88">
        <v>19</v>
      </c>
      <c r="U8" s="88">
        <v>10</v>
      </c>
      <c r="V8" s="88">
        <v>9</v>
      </c>
      <c r="W8" s="89">
        <v>85</v>
      </c>
      <c r="X8" s="91">
        <v>85</v>
      </c>
      <c r="Y8" s="92">
        <v>21</v>
      </c>
      <c r="Z8" s="88">
        <v>29</v>
      </c>
      <c r="AA8" s="89">
        <v>50</v>
      </c>
      <c r="AB8" s="90">
        <v>0</v>
      </c>
      <c r="AC8" s="88">
        <v>1475</v>
      </c>
      <c r="AD8" s="88">
        <v>1707</v>
      </c>
      <c r="AE8" s="88">
        <v>1160</v>
      </c>
      <c r="AF8" s="88">
        <v>668</v>
      </c>
      <c r="AG8" s="88">
        <v>365</v>
      </c>
      <c r="AH8" s="89">
        <v>5375</v>
      </c>
      <c r="AI8" s="91">
        <v>5425</v>
      </c>
    </row>
    <row r="9" spans="2:35" ht="21" customHeight="1" x14ac:dyDescent="0.2">
      <c r="B9" s="437" t="s">
        <v>7</v>
      </c>
      <c r="C9" s="87">
        <v>3</v>
      </c>
      <c r="D9" s="88">
        <v>4</v>
      </c>
      <c r="E9" s="89">
        <v>7</v>
      </c>
      <c r="F9" s="90">
        <v>0</v>
      </c>
      <c r="G9" s="88">
        <v>1375</v>
      </c>
      <c r="H9" s="88">
        <v>943</v>
      </c>
      <c r="I9" s="88">
        <v>531</v>
      </c>
      <c r="J9" s="88">
        <v>312</v>
      </c>
      <c r="K9" s="88">
        <v>175</v>
      </c>
      <c r="L9" s="89">
        <v>3336</v>
      </c>
      <c r="M9" s="91">
        <v>3343</v>
      </c>
      <c r="N9" s="92">
        <v>0</v>
      </c>
      <c r="O9" s="88">
        <v>0</v>
      </c>
      <c r="P9" s="89">
        <v>0</v>
      </c>
      <c r="Q9" s="90">
        <v>0</v>
      </c>
      <c r="R9" s="88">
        <v>18</v>
      </c>
      <c r="S9" s="88">
        <v>19</v>
      </c>
      <c r="T9" s="88">
        <v>9</v>
      </c>
      <c r="U9" s="88">
        <v>5</v>
      </c>
      <c r="V9" s="88">
        <v>5</v>
      </c>
      <c r="W9" s="89">
        <v>56</v>
      </c>
      <c r="X9" s="91">
        <v>56</v>
      </c>
      <c r="Y9" s="92">
        <v>3</v>
      </c>
      <c r="Z9" s="88">
        <v>4</v>
      </c>
      <c r="AA9" s="89">
        <v>7</v>
      </c>
      <c r="AB9" s="90">
        <v>0</v>
      </c>
      <c r="AC9" s="88">
        <v>1393</v>
      </c>
      <c r="AD9" s="88">
        <v>962</v>
      </c>
      <c r="AE9" s="88">
        <v>540</v>
      </c>
      <c r="AF9" s="88">
        <v>317</v>
      </c>
      <c r="AG9" s="88">
        <v>180</v>
      </c>
      <c r="AH9" s="89">
        <v>3392</v>
      </c>
      <c r="AI9" s="91">
        <v>3399</v>
      </c>
    </row>
    <row r="10" spans="2:35" ht="21" customHeight="1" x14ac:dyDescent="0.2">
      <c r="B10" s="437" t="s">
        <v>8</v>
      </c>
      <c r="C10" s="87">
        <v>10</v>
      </c>
      <c r="D10" s="88">
        <v>13</v>
      </c>
      <c r="E10" s="89">
        <v>23</v>
      </c>
      <c r="F10" s="90">
        <v>0</v>
      </c>
      <c r="G10" s="88">
        <v>748</v>
      </c>
      <c r="H10" s="88">
        <v>667</v>
      </c>
      <c r="I10" s="88">
        <v>383</v>
      </c>
      <c r="J10" s="88">
        <v>253</v>
      </c>
      <c r="K10" s="88">
        <v>135</v>
      </c>
      <c r="L10" s="89">
        <v>2186</v>
      </c>
      <c r="M10" s="91">
        <v>2209</v>
      </c>
      <c r="N10" s="92">
        <v>0</v>
      </c>
      <c r="O10" s="88">
        <v>0</v>
      </c>
      <c r="P10" s="89">
        <v>0</v>
      </c>
      <c r="Q10" s="90">
        <v>0</v>
      </c>
      <c r="R10" s="88">
        <v>13</v>
      </c>
      <c r="S10" s="88">
        <v>24</v>
      </c>
      <c r="T10" s="88">
        <v>6</v>
      </c>
      <c r="U10" s="88">
        <v>6</v>
      </c>
      <c r="V10" s="88">
        <v>3</v>
      </c>
      <c r="W10" s="89">
        <v>52</v>
      </c>
      <c r="X10" s="91">
        <v>52</v>
      </c>
      <c r="Y10" s="92">
        <v>10</v>
      </c>
      <c r="Z10" s="88">
        <v>13</v>
      </c>
      <c r="AA10" s="89">
        <v>23</v>
      </c>
      <c r="AB10" s="90">
        <v>0</v>
      </c>
      <c r="AC10" s="88">
        <v>761</v>
      </c>
      <c r="AD10" s="88">
        <v>691</v>
      </c>
      <c r="AE10" s="88">
        <v>389</v>
      </c>
      <c r="AF10" s="88">
        <v>259</v>
      </c>
      <c r="AG10" s="88">
        <v>138</v>
      </c>
      <c r="AH10" s="89">
        <v>2238</v>
      </c>
      <c r="AI10" s="91">
        <v>2261</v>
      </c>
    </row>
    <row r="11" spans="2:35" ht="21" customHeight="1" x14ac:dyDescent="0.2">
      <c r="B11" s="437" t="s">
        <v>9</v>
      </c>
      <c r="C11" s="87">
        <v>7</v>
      </c>
      <c r="D11" s="88">
        <v>8</v>
      </c>
      <c r="E11" s="89">
        <v>15</v>
      </c>
      <c r="F11" s="90">
        <v>0</v>
      </c>
      <c r="G11" s="88">
        <v>521</v>
      </c>
      <c r="H11" s="88">
        <v>352</v>
      </c>
      <c r="I11" s="88">
        <v>291</v>
      </c>
      <c r="J11" s="88">
        <v>198</v>
      </c>
      <c r="K11" s="88">
        <v>93</v>
      </c>
      <c r="L11" s="89">
        <v>1455</v>
      </c>
      <c r="M11" s="91">
        <v>1470</v>
      </c>
      <c r="N11" s="92">
        <v>0</v>
      </c>
      <c r="O11" s="88">
        <v>0</v>
      </c>
      <c r="P11" s="89">
        <v>0</v>
      </c>
      <c r="Q11" s="90">
        <v>0</v>
      </c>
      <c r="R11" s="88">
        <v>14</v>
      </c>
      <c r="S11" s="88">
        <v>10</v>
      </c>
      <c r="T11" s="88">
        <v>6</v>
      </c>
      <c r="U11" s="88">
        <v>4</v>
      </c>
      <c r="V11" s="88">
        <v>2</v>
      </c>
      <c r="W11" s="89">
        <v>36</v>
      </c>
      <c r="X11" s="91">
        <v>36</v>
      </c>
      <c r="Y11" s="92">
        <v>7</v>
      </c>
      <c r="Z11" s="88">
        <v>8</v>
      </c>
      <c r="AA11" s="89">
        <v>15</v>
      </c>
      <c r="AB11" s="90">
        <v>0</v>
      </c>
      <c r="AC11" s="88">
        <v>535</v>
      </c>
      <c r="AD11" s="88">
        <v>362</v>
      </c>
      <c r="AE11" s="88">
        <v>297</v>
      </c>
      <c r="AF11" s="88">
        <v>202</v>
      </c>
      <c r="AG11" s="88">
        <v>95</v>
      </c>
      <c r="AH11" s="89">
        <v>1491</v>
      </c>
      <c r="AI11" s="91">
        <v>1506</v>
      </c>
    </row>
    <row r="12" spans="2:35" ht="21" customHeight="1" x14ac:dyDescent="0.2">
      <c r="B12" s="437" t="s">
        <v>10</v>
      </c>
      <c r="C12" s="87">
        <v>13</v>
      </c>
      <c r="D12" s="88">
        <v>21</v>
      </c>
      <c r="E12" s="89">
        <v>34</v>
      </c>
      <c r="F12" s="90">
        <v>0</v>
      </c>
      <c r="G12" s="88">
        <v>833</v>
      </c>
      <c r="H12" s="88">
        <v>528</v>
      </c>
      <c r="I12" s="88">
        <v>415</v>
      </c>
      <c r="J12" s="88">
        <v>329</v>
      </c>
      <c r="K12" s="88">
        <v>242</v>
      </c>
      <c r="L12" s="89">
        <v>2347</v>
      </c>
      <c r="M12" s="91">
        <v>2381</v>
      </c>
      <c r="N12" s="92">
        <v>0</v>
      </c>
      <c r="O12" s="88">
        <v>1</v>
      </c>
      <c r="P12" s="89">
        <v>1</v>
      </c>
      <c r="Q12" s="90">
        <v>0</v>
      </c>
      <c r="R12" s="88">
        <v>15</v>
      </c>
      <c r="S12" s="88">
        <v>6</v>
      </c>
      <c r="T12" s="88">
        <v>5</v>
      </c>
      <c r="U12" s="88">
        <v>9</v>
      </c>
      <c r="V12" s="88">
        <v>7</v>
      </c>
      <c r="W12" s="89">
        <v>42</v>
      </c>
      <c r="X12" s="91">
        <v>43</v>
      </c>
      <c r="Y12" s="92">
        <v>13</v>
      </c>
      <c r="Z12" s="88">
        <v>22</v>
      </c>
      <c r="AA12" s="89">
        <v>35</v>
      </c>
      <c r="AB12" s="90">
        <v>0</v>
      </c>
      <c r="AC12" s="88">
        <v>848</v>
      </c>
      <c r="AD12" s="88">
        <v>534</v>
      </c>
      <c r="AE12" s="88">
        <v>420</v>
      </c>
      <c r="AF12" s="88">
        <v>338</v>
      </c>
      <c r="AG12" s="88">
        <v>249</v>
      </c>
      <c r="AH12" s="89">
        <v>2389</v>
      </c>
      <c r="AI12" s="91">
        <v>2424</v>
      </c>
    </row>
    <row r="13" spans="2:35" ht="21" customHeight="1" x14ac:dyDescent="0.2">
      <c r="B13" s="437" t="s">
        <v>11</v>
      </c>
      <c r="C13" s="87">
        <v>1</v>
      </c>
      <c r="D13" s="88">
        <v>8</v>
      </c>
      <c r="E13" s="89">
        <v>9</v>
      </c>
      <c r="F13" s="90">
        <v>0</v>
      </c>
      <c r="G13" s="88">
        <v>617</v>
      </c>
      <c r="H13" s="88">
        <v>393</v>
      </c>
      <c r="I13" s="88">
        <v>302</v>
      </c>
      <c r="J13" s="88">
        <v>160</v>
      </c>
      <c r="K13" s="88">
        <v>85</v>
      </c>
      <c r="L13" s="89">
        <v>1557</v>
      </c>
      <c r="M13" s="91">
        <v>1566</v>
      </c>
      <c r="N13" s="92">
        <v>0</v>
      </c>
      <c r="O13" s="88">
        <v>1</v>
      </c>
      <c r="P13" s="89">
        <v>1</v>
      </c>
      <c r="Q13" s="90">
        <v>0</v>
      </c>
      <c r="R13" s="88">
        <v>9</v>
      </c>
      <c r="S13" s="88">
        <v>5</v>
      </c>
      <c r="T13" s="88">
        <v>5</v>
      </c>
      <c r="U13" s="88">
        <v>4</v>
      </c>
      <c r="V13" s="88">
        <v>1</v>
      </c>
      <c r="W13" s="89">
        <v>24</v>
      </c>
      <c r="X13" s="91">
        <v>25</v>
      </c>
      <c r="Y13" s="92">
        <v>1</v>
      </c>
      <c r="Z13" s="88">
        <v>9</v>
      </c>
      <c r="AA13" s="89">
        <v>10</v>
      </c>
      <c r="AB13" s="90">
        <v>0</v>
      </c>
      <c r="AC13" s="88">
        <v>626</v>
      </c>
      <c r="AD13" s="88">
        <v>398</v>
      </c>
      <c r="AE13" s="88">
        <v>307</v>
      </c>
      <c r="AF13" s="88">
        <v>164</v>
      </c>
      <c r="AG13" s="88">
        <v>86</v>
      </c>
      <c r="AH13" s="89">
        <v>1581</v>
      </c>
      <c r="AI13" s="91">
        <v>1591</v>
      </c>
    </row>
    <row r="14" spans="2:35" ht="21" customHeight="1" x14ac:dyDescent="0.2">
      <c r="B14" s="437" t="s">
        <v>12</v>
      </c>
      <c r="C14" s="87">
        <v>0</v>
      </c>
      <c r="D14" s="88">
        <v>1</v>
      </c>
      <c r="E14" s="89">
        <v>1</v>
      </c>
      <c r="F14" s="90">
        <v>0</v>
      </c>
      <c r="G14" s="88">
        <v>450</v>
      </c>
      <c r="H14" s="88">
        <v>376</v>
      </c>
      <c r="I14" s="88">
        <v>273</v>
      </c>
      <c r="J14" s="88">
        <v>173</v>
      </c>
      <c r="K14" s="88">
        <v>120</v>
      </c>
      <c r="L14" s="89">
        <v>1392</v>
      </c>
      <c r="M14" s="91">
        <v>1393</v>
      </c>
      <c r="N14" s="92">
        <v>0</v>
      </c>
      <c r="O14" s="88">
        <v>0</v>
      </c>
      <c r="P14" s="89">
        <v>0</v>
      </c>
      <c r="Q14" s="90">
        <v>0</v>
      </c>
      <c r="R14" s="88">
        <v>4</v>
      </c>
      <c r="S14" s="88">
        <v>8</v>
      </c>
      <c r="T14" s="88">
        <v>3</v>
      </c>
      <c r="U14" s="88">
        <v>0</v>
      </c>
      <c r="V14" s="88">
        <v>2</v>
      </c>
      <c r="W14" s="89">
        <v>17</v>
      </c>
      <c r="X14" s="91">
        <v>17</v>
      </c>
      <c r="Y14" s="92">
        <v>0</v>
      </c>
      <c r="Z14" s="88">
        <v>1</v>
      </c>
      <c r="AA14" s="89">
        <v>1</v>
      </c>
      <c r="AB14" s="90">
        <v>0</v>
      </c>
      <c r="AC14" s="88">
        <v>454</v>
      </c>
      <c r="AD14" s="88">
        <v>384</v>
      </c>
      <c r="AE14" s="88">
        <v>276</v>
      </c>
      <c r="AF14" s="88">
        <v>173</v>
      </c>
      <c r="AG14" s="88">
        <v>122</v>
      </c>
      <c r="AH14" s="89">
        <v>1409</v>
      </c>
      <c r="AI14" s="91">
        <v>1410</v>
      </c>
    </row>
    <row r="15" spans="2:35" ht="21" customHeight="1" x14ac:dyDescent="0.2">
      <c r="B15" s="437" t="s">
        <v>13</v>
      </c>
      <c r="C15" s="87">
        <v>1</v>
      </c>
      <c r="D15" s="88">
        <v>4</v>
      </c>
      <c r="E15" s="89">
        <v>5</v>
      </c>
      <c r="F15" s="90">
        <v>0</v>
      </c>
      <c r="G15" s="88">
        <v>177</v>
      </c>
      <c r="H15" s="88">
        <v>184</v>
      </c>
      <c r="I15" s="88">
        <v>109</v>
      </c>
      <c r="J15" s="88">
        <v>62</v>
      </c>
      <c r="K15" s="88">
        <v>32</v>
      </c>
      <c r="L15" s="89">
        <v>564</v>
      </c>
      <c r="M15" s="91">
        <v>569</v>
      </c>
      <c r="N15" s="92">
        <v>0</v>
      </c>
      <c r="O15" s="88">
        <v>0</v>
      </c>
      <c r="P15" s="89">
        <v>0</v>
      </c>
      <c r="Q15" s="90">
        <v>0</v>
      </c>
      <c r="R15" s="88">
        <v>1</v>
      </c>
      <c r="S15" s="88">
        <v>2</v>
      </c>
      <c r="T15" s="88">
        <v>3</v>
      </c>
      <c r="U15" s="88">
        <v>0</v>
      </c>
      <c r="V15" s="88">
        <v>0</v>
      </c>
      <c r="W15" s="89">
        <v>6</v>
      </c>
      <c r="X15" s="91">
        <v>6</v>
      </c>
      <c r="Y15" s="92">
        <v>1</v>
      </c>
      <c r="Z15" s="88">
        <v>4</v>
      </c>
      <c r="AA15" s="89">
        <v>5</v>
      </c>
      <c r="AB15" s="90">
        <v>0</v>
      </c>
      <c r="AC15" s="88">
        <v>178</v>
      </c>
      <c r="AD15" s="88">
        <v>186</v>
      </c>
      <c r="AE15" s="88">
        <v>112</v>
      </c>
      <c r="AF15" s="88">
        <v>62</v>
      </c>
      <c r="AG15" s="88">
        <v>32</v>
      </c>
      <c r="AH15" s="89">
        <v>570</v>
      </c>
      <c r="AI15" s="91">
        <v>575</v>
      </c>
    </row>
    <row r="16" spans="2:35" ht="21" customHeight="1" x14ac:dyDescent="0.2">
      <c r="B16" s="437" t="s">
        <v>15</v>
      </c>
      <c r="C16" s="87">
        <v>3</v>
      </c>
      <c r="D16" s="88">
        <v>16</v>
      </c>
      <c r="E16" s="89">
        <v>19</v>
      </c>
      <c r="F16" s="90">
        <v>0</v>
      </c>
      <c r="G16" s="88">
        <v>228</v>
      </c>
      <c r="H16" s="88">
        <v>248</v>
      </c>
      <c r="I16" s="88">
        <v>135</v>
      </c>
      <c r="J16" s="88">
        <v>84</v>
      </c>
      <c r="K16" s="88">
        <v>48</v>
      </c>
      <c r="L16" s="89">
        <v>743</v>
      </c>
      <c r="M16" s="91">
        <v>762</v>
      </c>
      <c r="N16" s="92">
        <v>0</v>
      </c>
      <c r="O16" s="88">
        <v>1</v>
      </c>
      <c r="P16" s="89">
        <v>1</v>
      </c>
      <c r="Q16" s="90">
        <v>0</v>
      </c>
      <c r="R16" s="88">
        <v>4</v>
      </c>
      <c r="S16" s="88">
        <v>3</v>
      </c>
      <c r="T16" s="88">
        <v>1</v>
      </c>
      <c r="U16" s="88">
        <v>0</v>
      </c>
      <c r="V16" s="88">
        <v>1</v>
      </c>
      <c r="W16" s="89">
        <v>9</v>
      </c>
      <c r="X16" s="91">
        <v>10</v>
      </c>
      <c r="Y16" s="92">
        <v>3</v>
      </c>
      <c r="Z16" s="88">
        <v>17</v>
      </c>
      <c r="AA16" s="89">
        <v>20</v>
      </c>
      <c r="AB16" s="90">
        <v>0</v>
      </c>
      <c r="AC16" s="88">
        <v>232</v>
      </c>
      <c r="AD16" s="88">
        <v>251</v>
      </c>
      <c r="AE16" s="88">
        <v>136</v>
      </c>
      <c r="AF16" s="88">
        <v>84</v>
      </c>
      <c r="AG16" s="88">
        <v>49</v>
      </c>
      <c r="AH16" s="89">
        <v>752</v>
      </c>
      <c r="AI16" s="91">
        <v>772</v>
      </c>
    </row>
    <row r="17" spans="2:35" ht="21" customHeight="1" x14ac:dyDescent="0.2">
      <c r="B17" s="437" t="s">
        <v>16</v>
      </c>
      <c r="C17" s="87">
        <v>3</v>
      </c>
      <c r="D17" s="88">
        <v>5</v>
      </c>
      <c r="E17" s="89">
        <v>8</v>
      </c>
      <c r="F17" s="90">
        <v>0</v>
      </c>
      <c r="G17" s="88">
        <v>185</v>
      </c>
      <c r="H17" s="88">
        <v>260</v>
      </c>
      <c r="I17" s="88">
        <v>180</v>
      </c>
      <c r="J17" s="88">
        <v>119</v>
      </c>
      <c r="K17" s="88">
        <v>85</v>
      </c>
      <c r="L17" s="89">
        <v>829</v>
      </c>
      <c r="M17" s="91">
        <v>837</v>
      </c>
      <c r="N17" s="92">
        <v>0</v>
      </c>
      <c r="O17" s="88">
        <v>0</v>
      </c>
      <c r="P17" s="89">
        <v>0</v>
      </c>
      <c r="Q17" s="90">
        <v>0</v>
      </c>
      <c r="R17" s="88">
        <v>3</v>
      </c>
      <c r="S17" s="88">
        <v>4</v>
      </c>
      <c r="T17" s="88">
        <v>6</v>
      </c>
      <c r="U17" s="88">
        <v>5</v>
      </c>
      <c r="V17" s="88">
        <v>1</v>
      </c>
      <c r="W17" s="89">
        <v>19</v>
      </c>
      <c r="X17" s="91">
        <v>19</v>
      </c>
      <c r="Y17" s="92">
        <v>3</v>
      </c>
      <c r="Z17" s="88">
        <v>5</v>
      </c>
      <c r="AA17" s="89">
        <v>8</v>
      </c>
      <c r="AB17" s="90">
        <v>0</v>
      </c>
      <c r="AC17" s="88">
        <v>188</v>
      </c>
      <c r="AD17" s="88">
        <v>264</v>
      </c>
      <c r="AE17" s="88">
        <v>186</v>
      </c>
      <c r="AF17" s="88">
        <v>124</v>
      </c>
      <c r="AG17" s="88">
        <v>86</v>
      </c>
      <c r="AH17" s="89">
        <v>848</v>
      </c>
      <c r="AI17" s="91">
        <v>856</v>
      </c>
    </row>
    <row r="18" spans="2:35" ht="21" customHeight="1" x14ac:dyDescent="0.2">
      <c r="B18" s="437" t="s">
        <v>17</v>
      </c>
      <c r="C18" s="87">
        <v>2</v>
      </c>
      <c r="D18" s="88">
        <v>6</v>
      </c>
      <c r="E18" s="89">
        <v>8</v>
      </c>
      <c r="F18" s="90">
        <v>0</v>
      </c>
      <c r="G18" s="88">
        <v>322</v>
      </c>
      <c r="H18" s="88">
        <v>421</v>
      </c>
      <c r="I18" s="88">
        <v>298</v>
      </c>
      <c r="J18" s="88">
        <v>202</v>
      </c>
      <c r="K18" s="88">
        <v>108</v>
      </c>
      <c r="L18" s="89">
        <v>1351</v>
      </c>
      <c r="M18" s="91">
        <v>1359</v>
      </c>
      <c r="N18" s="92">
        <v>0</v>
      </c>
      <c r="O18" s="88">
        <v>0</v>
      </c>
      <c r="P18" s="89">
        <v>0</v>
      </c>
      <c r="Q18" s="90">
        <v>0</v>
      </c>
      <c r="R18" s="88">
        <v>3</v>
      </c>
      <c r="S18" s="88">
        <v>15</v>
      </c>
      <c r="T18" s="88">
        <v>5</v>
      </c>
      <c r="U18" s="88">
        <v>8</v>
      </c>
      <c r="V18" s="88">
        <v>5</v>
      </c>
      <c r="W18" s="89">
        <v>36</v>
      </c>
      <c r="X18" s="91">
        <v>36</v>
      </c>
      <c r="Y18" s="92">
        <v>2</v>
      </c>
      <c r="Z18" s="88">
        <v>6</v>
      </c>
      <c r="AA18" s="89">
        <v>8</v>
      </c>
      <c r="AB18" s="90">
        <v>0</v>
      </c>
      <c r="AC18" s="88">
        <v>325</v>
      </c>
      <c r="AD18" s="88">
        <v>436</v>
      </c>
      <c r="AE18" s="88">
        <v>303</v>
      </c>
      <c r="AF18" s="88">
        <v>210</v>
      </c>
      <c r="AG18" s="88">
        <v>113</v>
      </c>
      <c r="AH18" s="89">
        <v>1387</v>
      </c>
      <c r="AI18" s="91">
        <v>1395</v>
      </c>
    </row>
    <row r="19" spans="2:35" ht="21" customHeight="1" x14ac:dyDescent="0.2">
      <c r="B19" s="437" t="s">
        <v>18</v>
      </c>
      <c r="C19" s="87">
        <v>6</v>
      </c>
      <c r="D19" s="88">
        <v>18</v>
      </c>
      <c r="E19" s="89">
        <v>24</v>
      </c>
      <c r="F19" s="90">
        <v>0</v>
      </c>
      <c r="G19" s="88">
        <v>415</v>
      </c>
      <c r="H19" s="88">
        <v>319</v>
      </c>
      <c r="I19" s="88">
        <v>284</v>
      </c>
      <c r="J19" s="88">
        <v>151</v>
      </c>
      <c r="K19" s="88">
        <v>73</v>
      </c>
      <c r="L19" s="89">
        <v>1242</v>
      </c>
      <c r="M19" s="91">
        <v>1266</v>
      </c>
      <c r="N19" s="92">
        <v>0</v>
      </c>
      <c r="O19" s="88">
        <v>0</v>
      </c>
      <c r="P19" s="89">
        <v>0</v>
      </c>
      <c r="Q19" s="90">
        <v>0</v>
      </c>
      <c r="R19" s="88">
        <v>3</v>
      </c>
      <c r="S19" s="88">
        <v>7</v>
      </c>
      <c r="T19" s="88">
        <v>0</v>
      </c>
      <c r="U19" s="88">
        <v>6</v>
      </c>
      <c r="V19" s="88">
        <v>6</v>
      </c>
      <c r="W19" s="89">
        <v>22</v>
      </c>
      <c r="X19" s="91">
        <v>22</v>
      </c>
      <c r="Y19" s="92">
        <v>6</v>
      </c>
      <c r="Z19" s="88">
        <v>18</v>
      </c>
      <c r="AA19" s="89">
        <v>24</v>
      </c>
      <c r="AB19" s="90">
        <v>0</v>
      </c>
      <c r="AC19" s="88">
        <v>418</v>
      </c>
      <c r="AD19" s="88">
        <v>326</v>
      </c>
      <c r="AE19" s="88">
        <v>284</v>
      </c>
      <c r="AF19" s="88">
        <v>157</v>
      </c>
      <c r="AG19" s="88">
        <v>79</v>
      </c>
      <c r="AH19" s="89">
        <v>1264</v>
      </c>
      <c r="AI19" s="91">
        <v>1288</v>
      </c>
    </row>
    <row r="20" spans="2:35" ht="21" customHeight="1" x14ac:dyDescent="0.2">
      <c r="B20" s="437" t="s">
        <v>19</v>
      </c>
      <c r="C20" s="87">
        <v>0</v>
      </c>
      <c r="D20" s="88">
        <v>2</v>
      </c>
      <c r="E20" s="89">
        <v>2</v>
      </c>
      <c r="F20" s="90">
        <v>0</v>
      </c>
      <c r="G20" s="88">
        <v>178</v>
      </c>
      <c r="H20" s="88">
        <v>204</v>
      </c>
      <c r="I20" s="88">
        <v>133</v>
      </c>
      <c r="J20" s="88">
        <v>63</v>
      </c>
      <c r="K20" s="88">
        <v>58</v>
      </c>
      <c r="L20" s="89">
        <v>636</v>
      </c>
      <c r="M20" s="91">
        <v>638</v>
      </c>
      <c r="N20" s="92">
        <v>0</v>
      </c>
      <c r="O20" s="88">
        <v>0</v>
      </c>
      <c r="P20" s="89">
        <v>0</v>
      </c>
      <c r="Q20" s="90">
        <v>0</v>
      </c>
      <c r="R20" s="88">
        <v>1</v>
      </c>
      <c r="S20" s="88">
        <v>3</v>
      </c>
      <c r="T20" s="88">
        <v>1</v>
      </c>
      <c r="U20" s="88">
        <v>2</v>
      </c>
      <c r="V20" s="88">
        <v>1</v>
      </c>
      <c r="W20" s="89">
        <v>8</v>
      </c>
      <c r="X20" s="91">
        <v>8</v>
      </c>
      <c r="Y20" s="92">
        <v>0</v>
      </c>
      <c r="Z20" s="88">
        <v>2</v>
      </c>
      <c r="AA20" s="89">
        <v>2</v>
      </c>
      <c r="AB20" s="90">
        <v>0</v>
      </c>
      <c r="AC20" s="88">
        <v>179</v>
      </c>
      <c r="AD20" s="88">
        <v>207</v>
      </c>
      <c r="AE20" s="88">
        <v>134</v>
      </c>
      <c r="AF20" s="88">
        <v>65</v>
      </c>
      <c r="AG20" s="88">
        <v>59</v>
      </c>
      <c r="AH20" s="89">
        <v>644</v>
      </c>
      <c r="AI20" s="91">
        <v>646</v>
      </c>
    </row>
    <row r="21" spans="2:35" ht="21" customHeight="1" x14ac:dyDescent="0.2">
      <c r="B21" s="437" t="s">
        <v>20</v>
      </c>
      <c r="C21" s="87">
        <v>0</v>
      </c>
      <c r="D21" s="88">
        <v>1</v>
      </c>
      <c r="E21" s="89">
        <v>1</v>
      </c>
      <c r="F21" s="90">
        <v>0</v>
      </c>
      <c r="G21" s="88">
        <v>216</v>
      </c>
      <c r="H21" s="88">
        <v>148</v>
      </c>
      <c r="I21" s="88">
        <v>116</v>
      </c>
      <c r="J21" s="88">
        <v>38</v>
      </c>
      <c r="K21" s="88">
        <v>30</v>
      </c>
      <c r="L21" s="89">
        <v>548</v>
      </c>
      <c r="M21" s="91">
        <v>549</v>
      </c>
      <c r="N21" s="92">
        <v>0</v>
      </c>
      <c r="O21" s="88">
        <v>0</v>
      </c>
      <c r="P21" s="89">
        <v>0</v>
      </c>
      <c r="Q21" s="90">
        <v>0</v>
      </c>
      <c r="R21" s="88">
        <v>4</v>
      </c>
      <c r="S21" s="88">
        <v>4</v>
      </c>
      <c r="T21" s="88">
        <v>2</v>
      </c>
      <c r="U21" s="88">
        <v>0</v>
      </c>
      <c r="V21" s="88">
        <v>1</v>
      </c>
      <c r="W21" s="89">
        <v>11</v>
      </c>
      <c r="X21" s="91">
        <v>11</v>
      </c>
      <c r="Y21" s="92">
        <v>0</v>
      </c>
      <c r="Z21" s="88">
        <v>1</v>
      </c>
      <c r="AA21" s="89">
        <v>1</v>
      </c>
      <c r="AB21" s="90">
        <v>0</v>
      </c>
      <c r="AC21" s="88">
        <v>220</v>
      </c>
      <c r="AD21" s="88">
        <v>152</v>
      </c>
      <c r="AE21" s="88">
        <v>118</v>
      </c>
      <c r="AF21" s="88">
        <v>38</v>
      </c>
      <c r="AG21" s="88">
        <v>31</v>
      </c>
      <c r="AH21" s="89">
        <v>559</v>
      </c>
      <c r="AI21" s="91">
        <v>560</v>
      </c>
    </row>
    <row r="22" spans="2:35" ht="21" customHeight="1" x14ac:dyDescent="0.2">
      <c r="B22" s="437" t="s">
        <v>21</v>
      </c>
      <c r="C22" s="87">
        <v>0</v>
      </c>
      <c r="D22" s="88">
        <v>0</v>
      </c>
      <c r="E22" s="89">
        <v>0</v>
      </c>
      <c r="F22" s="90">
        <v>0</v>
      </c>
      <c r="G22" s="88">
        <v>218</v>
      </c>
      <c r="H22" s="88">
        <v>212</v>
      </c>
      <c r="I22" s="88">
        <v>128</v>
      </c>
      <c r="J22" s="88">
        <v>54</v>
      </c>
      <c r="K22" s="88">
        <v>29</v>
      </c>
      <c r="L22" s="89">
        <v>641</v>
      </c>
      <c r="M22" s="91">
        <v>641</v>
      </c>
      <c r="N22" s="92">
        <v>0</v>
      </c>
      <c r="O22" s="88">
        <v>0</v>
      </c>
      <c r="P22" s="89">
        <v>0</v>
      </c>
      <c r="Q22" s="90">
        <v>0</v>
      </c>
      <c r="R22" s="88">
        <v>2</v>
      </c>
      <c r="S22" s="88">
        <v>5</v>
      </c>
      <c r="T22" s="88">
        <v>2</v>
      </c>
      <c r="U22" s="88">
        <v>0</v>
      </c>
      <c r="V22" s="88">
        <v>2</v>
      </c>
      <c r="W22" s="89">
        <v>11</v>
      </c>
      <c r="X22" s="91">
        <v>11</v>
      </c>
      <c r="Y22" s="92">
        <v>0</v>
      </c>
      <c r="Z22" s="88">
        <v>0</v>
      </c>
      <c r="AA22" s="89">
        <v>0</v>
      </c>
      <c r="AB22" s="90">
        <v>0</v>
      </c>
      <c r="AC22" s="88">
        <v>220</v>
      </c>
      <c r="AD22" s="88">
        <v>217</v>
      </c>
      <c r="AE22" s="88">
        <v>130</v>
      </c>
      <c r="AF22" s="88">
        <v>54</v>
      </c>
      <c r="AG22" s="88">
        <v>31</v>
      </c>
      <c r="AH22" s="89">
        <v>652</v>
      </c>
      <c r="AI22" s="91">
        <v>652</v>
      </c>
    </row>
    <row r="23" spans="2:35" ht="21" customHeight="1" x14ac:dyDescent="0.2">
      <c r="B23" s="437" t="s">
        <v>22</v>
      </c>
      <c r="C23" s="87">
        <v>4</v>
      </c>
      <c r="D23" s="88">
        <v>4</v>
      </c>
      <c r="E23" s="89">
        <v>8</v>
      </c>
      <c r="F23" s="90">
        <v>0</v>
      </c>
      <c r="G23" s="88">
        <v>138</v>
      </c>
      <c r="H23" s="88">
        <v>149</v>
      </c>
      <c r="I23" s="88">
        <v>82</v>
      </c>
      <c r="J23" s="88">
        <v>65</v>
      </c>
      <c r="K23" s="88">
        <v>28</v>
      </c>
      <c r="L23" s="89">
        <v>462</v>
      </c>
      <c r="M23" s="91">
        <v>470</v>
      </c>
      <c r="N23" s="92">
        <v>0</v>
      </c>
      <c r="O23" s="88">
        <v>0</v>
      </c>
      <c r="P23" s="89">
        <v>0</v>
      </c>
      <c r="Q23" s="90">
        <v>0</v>
      </c>
      <c r="R23" s="88">
        <v>2</v>
      </c>
      <c r="S23" s="88">
        <v>1</v>
      </c>
      <c r="T23" s="88">
        <v>1</v>
      </c>
      <c r="U23" s="88">
        <v>0</v>
      </c>
      <c r="V23" s="88">
        <v>0</v>
      </c>
      <c r="W23" s="89">
        <v>4</v>
      </c>
      <c r="X23" s="91">
        <v>4</v>
      </c>
      <c r="Y23" s="92">
        <v>4</v>
      </c>
      <c r="Z23" s="88">
        <v>4</v>
      </c>
      <c r="AA23" s="89">
        <v>8</v>
      </c>
      <c r="AB23" s="90">
        <v>0</v>
      </c>
      <c r="AC23" s="88">
        <v>140</v>
      </c>
      <c r="AD23" s="88">
        <v>150</v>
      </c>
      <c r="AE23" s="88">
        <v>83</v>
      </c>
      <c r="AF23" s="88">
        <v>65</v>
      </c>
      <c r="AG23" s="88">
        <v>28</v>
      </c>
      <c r="AH23" s="89">
        <v>466</v>
      </c>
      <c r="AI23" s="91">
        <v>474</v>
      </c>
    </row>
    <row r="24" spans="2:35" ht="21" customHeight="1" x14ac:dyDescent="0.2">
      <c r="B24" s="437" t="s">
        <v>23</v>
      </c>
      <c r="C24" s="87">
        <v>0</v>
      </c>
      <c r="D24" s="88">
        <v>0</v>
      </c>
      <c r="E24" s="89">
        <v>0</v>
      </c>
      <c r="F24" s="90">
        <v>0</v>
      </c>
      <c r="G24" s="88">
        <v>112</v>
      </c>
      <c r="H24" s="88">
        <v>76</v>
      </c>
      <c r="I24" s="88">
        <v>55</v>
      </c>
      <c r="J24" s="88">
        <v>42</v>
      </c>
      <c r="K24" s="88">
        <v>7</v>
      </c>
      <c r="L24" s="89">
        <v>292</v>
      </c>
      <c r="M24" s="91">
        <v>292</v>
      </c>
      <c r="N24" s="92">
        <v>0</v>
      </c>
      <c r="O24" s="88">
        <v>0</v>
      </c>
      <c r="P24" s="89">
        <v>0</v>
      </c>
      <c r="Q24" s="90">
        <v>0</v>
      </c>
      <c r="R24" s="88">
        <v>1</v>
      </c>
      <c r="S24" s="88">
        <v>1</v>
      </c>
      <c r="T24" s="88">
        <v>1</v>
      </c>
      <c r="U24" s="88">
        <v>0</v>
      </c>
      <c r="V24" s="88">
        <v>0</v>
      </c>
      <c r="W24" s="89">
        <v>3</v>
      </c>
      <c r="X24" s="91">
        <v>3</v>
      </c>
      <c r="Y24" s="92">
        <v>0</v>
      </c>
      <c r="Z24" s="88">
        <v>0</v>
      </c>
      <c r="AA24" s="89">
        <v>0</v>
      </c>
      <c r="AB24" s="90">
        <v>0</v>
      </c>
      <c r="AC24" s="88">
        <v>113</v>
      </c>
      <c r="AD24" s="88">
        <v>77</v>
      </c>
      <c r="AE24" s="88">
        <v>56</v>
      </c>
      <c r="AF24" s="88">
        <v>42</v>
      </c>
      <c r="AG24" s="88">
        <v>7</v>
      </c>
      <c r="AH24" s="89">
        <v>295</v>
      </c>
      <c r="AI24" s="91">
        <v>295</v>
      </c>
    </row>
    <row r="25" spans="2:35" ht="21" customHeight="1" x14ac:dyDescent="0.2">
      <c r="B25" s="437" t="s">
        <v>24</v>
      </c>
      <c r="C25" s="87">
        <v>2</v>
      </c>
      <c r="D25" s="88">
        <v>3</v>
      </c>
      <c r="E25" s="89">
        <v>5</v>
      </c>
      <c r="F25" s="90">
        <v>0</v>
      </c>
      <c r="G25" s="88">
        <v>44</v>
      </c>
      <c r="H25" s="88">
        <v>35</v>
      </c>
      <c r="I25" s="88">
        <v>27</v>
      </c>
      <c r="J25" s="88">
        <v>22</v>
      </c>
      <c r="K25" s="88">
        <v>6</v>
      </c>
      <c r="L25" s="89">
        <v>134</v>
      </c>
      <c r="M25" s="91">
        <v>139</v>
      </c>
      <c r="N25" s="92">
        <v>0</v>
      </c>
      <c r="O25" s="88">
        <v>0</v>
      </c>
      <c r="P25" s="89">
        <v>0</v>
      </c>
      <c r="Q25" s="90">
        <v>0</v>
      </c>
      <c r="R25" s="88">
        <v>0</v>
      </c>
      <c r="S25" s="88">
        <v>1</v>
      </c>
      <c r="T25" s="88">
        <v>0</v>
      </c>
      <c r="U25" s="88">
        <v>1</v>
      </c>
      <c r="V25" s="88">
        <v>0</v>
      </c>
      <c r="W25" s="89">
        <v>2</v>
      </c>
      <c r="X25" s="91">
        <v>2</v>
      </c>
      <c r="Y25" s="92">
        <v>2</v>
      </c>
      <c r="Z25" s="88">
        <v>3</v>
      </c>
      <c r="AA25" s="89">
        <v>5</v>
      </c>
      <c r="AB25" s="90">
        <v>0</v>
      </c>
      <c r="AC25" s="88">
        <v>44</v>
      </c>
      <c r="AD25" s="88">
        <v>36</v>
      </c>
      <c r="AE25" s="88">
        <v>27</v>
      </c>
      <c r="AF25" s="88">
        <v>23</v>
      </c>
      <c r="AG25" s="88">
        <v>6</v>
      </c>
      <c r="AH25" s="89">
        <v>136</v>
      </c>
      <c r="AI25" s="91">
        <v>141</v>
      </c>
    </row>
    <row r="26" spans="2:35" ht="21" customHeight="1" x14ac:dyDescent="0.2">
      <c r="B26" s="437" t="s">
        <v>25</v>
      </c>
      <c r="C26" s="87">
        <v>2</v>
      </c>
      <c r="D26" s="88">
        <v>1</v>
      </c>
      <c r="E26" s="89">
        <v>3</v>
      </c>
      <c r="F26" s="90">
        <v>0</v>
      </c>
      <c r="G26" s="88">
        <v>95</v>
      </c>
      <c r="H26" s="88">
        <v>44</v>
      </c>
      <c r="I26" s="88">
        <v>23</v>
      </c>
      <c r="J26" s="88">
        <v>15</v>
      </c>
      <c r="K26" s="88">
        <v>3</v>
      </c>
      <c r="L26" s="89">
        <v>180</v>
      </c>
      <c r="M26" s="91">
        <v>183</v>
      </c>
      <c r="N26" s="92">
        <v>0</v>
      </c>
      <c r="O26" s="88">
        <v>0</v>
      </c>
      <c r="P26" s="89">
        <v>0</v>
      </c>
      <c r="Q26" s="90">
        <v>0</v>
      </c>
      <c r="R26" s="88">
        <v>1</v>
      </c>
      <c r="S26" s="88">
        <v>0</v>
      </c>
      <c r="T26" s="88">
        <v>2</v>
      </c>
      <c r="U26" s="88">
        <v>0</v>
      </c>
      <c r="V26" s="88">
        <v>0</v>
      </c>
      <c r="W26" s="89">
        <v>3</v>
      </c>
      <c r="X26" s="91">
        <v>3</v>
      </c>
      <c r="Y26" s="92">
        <v>2</v>
      </c>
      <c r="Z26" s="88">
        <v>1</v>
      </c>
      <c r="AA26" s="89">
        <v>3</v>
      </c>
      <c r="AB26" s="90">
        <v>0</v>
      </c>
      <c r="AC26" s="88">
        <v>96</v>
      </c>
      <c r="AD26" s="88">
        <v>44</v>
      </c>
      <c r="AE26" s="88">
        <v>25</v>
      </c>
      <c r="AF26" s="88">
        <v>15</v>
      </c>
      <c r="AG26" s="88">
        <v>3</v>
      </c>
      <c r="AH26" s="89">
        <v>183</v>
      </c>
      <c r="AI26" s="91">
        <v>186</v>
      </c>
    </row>
    <row r="27" spans="2:35" ht="21" customHeight="1" x14ac:dyDescent="0.2">
      <c r="B27" s="437" t="s">
        <v>26</v>
      </c>
      <c r="C27" s="87">
        <v>0</v>
      </c>
      <c r="D27" s="88">
        <v>0</v>
      </c>
      <c r="E27" s="89">
        <v>0</v>
      </c>
      <c r="F27" s="90">
        <v>0</v>
      </c>
      <c r="G27" s="88">
        <v>56</v>
      </c>
      <c r="H27" s="88">
        <v>62</v>
      </c>
      <c r="I27" s="88">
        <v>54</v>
      </c>
      <c r="J27" s="88">
        <v>23</v>
      </c>
      <c r="K27" s="88">
        <v>12</v>
      </c>
      <c r="L27" s="89">
        <v>207</v>
      </c>
      <c r="M27" s="91">
        <v>207</v>
      </c>
      <c r="N27" s="92">
        <v>0</v>
      </c>
      <c r="O27" s="88">
        <v>0</v>
      </c>
      <c r="P27" s="89">
        <v>0</v>
      </c>
      <c r="Q27" s="90">
        <v>0</v>
      </c>
      <c r="R27" s="88">
        <v>0</v>
      </c>
      <c r="S27" s="88">
        <v>0</v>
      </c>
      <c r="T27" s="88">
        <v>0</v>
      </c>
      <c r="U27" s="88">
        <v>0</v>
      </c>
      <c r="V27" s="88">
        <v>1</v>
      </c>
      <c r="W27" s="89">
        <v>1</v>
      </c>
      <c r="X27" s="91">
        <v>1</v>
      </c>
      <c r="Y27" s="92">
        <v>0</v>
      </c>
      <c r="Z27" s="88">
        <v>0</v>
      </c>
      <c r="AA27" s="89">
        <v>0</v>
      </c>
      <c r="AB27" s="90">
        <v>0</v>
      </c>
      <c r="AC27" s="88">
        <v>56</v>
      </c>
      <c r="AD27" s="88">
        <v>62</v>
      </c>
      <c r="AE27" s="88">
        <v>54</v>
      </c>
      <c r="AF27" s="88">
        <v>23</v>
      </c>
      <c r="AG27" s="88">
        <v>13</v>
      </c>
      <c r="AH27" s="89">
        <v>208</v>
      </c>
      <c r="AI27" s="91">
        <v>208</v>
      </c>
    </row>
    <row r="28" spans="2:35" ht="21" customHeight="1" x14ac:dyDescent="0.2">
      <c r="B28" s="437" t="s">
        <v>27</v>
      </c>
      <c r="C28" s="87">
        <v>0</v>
      </c>
      <c r="D28" s="88">
        <v>0</v>
      </c>
      <c r="E28" s="89">
        <v>0</v>
      </c>
      <c r="F28" s="90">
        <v>0</v>
      </c>
      <c r="G28" s="88">
        <v>50</v>
      </c>
      <c r="H28" s="88">
        <v>29</v>
      </c>
      <c r="I28" s="88">
        <v>28</v>
      </c>
      <c r="J28" s="88">
        <v>22</v>
      </c>
      <c r="K28" s="88">
        <v>14</v>
      </c>
      <c r="L28" s="89">
        <v>143</v>
      </c>
      <c r="M28" s="91">
        <v>143</v>
      </c>
      <c r="N28" s="92">
        <v>0</v>
      </c>
      <c r="O28" s="88">
        <v>0</v>
      </c>
      <c r="P28" s="89">
        <v>0</v>
      </c>
      <c r="Q28" s="90">
        <v>0</v>
      </c>
      <c r="R28" s="88">
        <v>1</v>
      </c>
      <c r="S28" s="88">
        <v>0</v>
      </c>
      <c r="T28" s="88">
        <v>1</v>
      </c>
      <c r="U28" s="88">
        <v>0</v>
      </c>
      <c r="V28" s="88">
        <v>0</v>
      </c>
      <c r="W28" s="89">
        <v>2</v>
      </c>
      <c r="X28" s="91">
        <v>2</v>
      </c>
      <c r="Y28" s="92">
        <v>0</v>
      </c>
      <c r="Z28" s="88">
        <v>0</v>
      </c>
      <c r="AA28" s="89">
        <v>0</v>
      </c>
      <c r="AB28" s="90">
        <v>0</v>
      </c>
      <c r="AC28" s="88">
        <v>51</v>
      </c>
      <c r="AD28" s="88">
        <v>29</v>
      </c>
      <c r="AE28" s="88">
        <v>29</v>
      </c>
      <c r="AF28" s="88">
        <v>22</v>
      </c>
      <c r="AG28" s="88">
        <v>14</v>
      </c>
      <c r="AH28" s="89">
        <v>145</v>
      </c>
      <c r="AI28" s="91">
        <v>145</v>
      </c>
    </row>
    <row r="29" spans="2:35" ht="21" customHeight="1" x14ac:dyDescent="0.2">
      <c r="B29" s="437" t="s">
        <v>28</v>
      </c>
      <c r="C29" s="87">
        <v>0</v>
      </c>
      <c r="D29" s="88">
        <v>0</v>
      </c>
      <c r="E29" s="89">
        <v>0</v>
      </c>
      <c r="F29" s="90">
        <v>0</v>
      </c>
      <c r="G29" s="88">
        <v>28</v>
      </c>
      <c r="H29" s="88">
        <v>21</v>
      </c>
      <c r="I29" s="88">
        <v>6</v>
      </c>
      <c r="J29" s="88">
        <v>7</v>
      </c>
      <c r="K29" s="88">
        <v>3</v>
      </c>
      <c r="L29" s="89">
        <v>65</v>
      </c>
      <c r="M29" s="91">
        <v>65</v>
      </c>
      <c r="N29" s="92">
        <v>0</v>
      </c>
      <c r="O29" s="88">
        <v>0</v>
      </c>
      <c r="P29" s="89">
        <v>0</v>
      </c>
      <c r="Q29" s="90">
        <v>0</v>
      </c>
      <c r="R29" s="88">
        <v>0</v>
      </c>
      <c r="S29" s="88">
        <v>0</v>
      </c>
      <c r="T29" s="88">
        <v>0</v>
      </c>
      <c r="U29" s="88">
        <v>0</v>
      </c>
      <c r="V29" s="88">
        <v>1</v>
      </c>
      <c r="W29" s="89">
        <v>1</v>
      </c>
      <c r="X29" s="91">
        <v>1</v>
      </c>
      <c r="Y29" s="92">
        <v>0</v>
      </c>
      <c r="Z29" s="88">
        <v>0</v>
      </c>
      <c r="AA29" s="89">
        <v>0</v>
      </c>
      <c r="AB29" s="90">
        <v>0</v>
      </c>
      <c r="AC29" s="88">
        <v>28</v>
      </c>
      <c r="AD29" s="88">
        <v>21</v>
      </c>
      <c r="AE29" s="88">
        <v>6</v>
      </c>
      <c r="AF29" s="88">
        <v>7</v>
      </c>
      <c r="AG29" s="88">
        <v>4</v>
      </c>
      <c r="AH29" s="89">
        <v>66</v>
      </c>
      <c r="AI29" s="91">
        <v>66</v>
      </c>
    </row>
    <row r="30" spans="2:35" ht="21" customHeight="1" x14ac:dyDescent="0.2">
      <c r="B30" s="437" t="s">
        <v>29</v>
      </c>
      <c r="C30" s="87">
        <v>0</v>
      </c>
      <c r="D30" s="88">
        <v>1</v>
      </c>
      <c r="E30" s="89">
        <v>1</v>
      </c>
      <c r="F30" s="90">
        <v>0</v>
      </c>
      <c r="G30" s="88">
        <v>27</v>
      </c>
      <c r="H30" s="88">
        <v>31</v>
      </c>
      <c r="I30" s="88">
        <v>34</v>
      </c>
      <c r="J30" s="88">
        <v>20</v>
      </c>
      <c r="K30" s="88">
        <v>9</v>
      </c>
      <c r="L30" s="89">
        <v>121</v>
      </c>
      <c r="M30" s="91">
        <v>122</v>
      </c>
      <c r="N30" s="92">
        <v>0</v>
      </c>
      <c r="O30" s="88">
        <v>0</v>
      </c>
      <c r="P30" s="89">
        <v>0</v>
      </c>
      <c r="Q30" s="90">
        <v>0</v>
      </c>
      <c r="R30" s="88">
        <v>1</v>
      </c>
      <c r="S30" s="88">
        <v>0</v>
      </c>
      <c r="T30" s="88">
        <v>0</v>
      </c>
      <c r="U30" s="88">
        <v>0</v>
      </c>
      <c r="V30" s="88">
        <v>0</v>
      </c>
      <c r="W30" s="89">
        <v>1</v>
      </c>
      <c r="X30" s="91">
        <v>1</v>
      </c>
      <c r="Y30" s="92">
        <v>0</v>
      </c>
      <c r="Z30" s="88">
        <v>1</v>
      </c>
      <c r="AA30" s="89">
        <v>1</v>
      </c>
      <c r="AB30" s="90">
        <v>0</v>
      </c>
      <c r="AC30" s="88">
        <v>28</v>
      </c>
      <c r="AD30" s="88">
        <v>31</v>
      </c>
      <c r="AE30" s="88">
        <v>34</v>
      </c>
      <c r="AF30" s="88">
        <v>20</v>
      </c>
      <c r="AG30" s="88">
        <v>9</v>
      </c>
      <c r="AH30" s="89">
        <v>122</v>
      </c>
      <c r="AI30" s="91">
        <v>123</v>
      </c>
    </row>
    <row r="31" spans="2:35" ht="21" customHeight="1" x14ac:dyDescent="0.2">
      <c r="B31" s="437" t="s">
        <v>30</v>
      </c>
      <c r="C31" s="87">
        <v>0</v>
      </c>
      <c r="D31" s="88">
        <v>0</v>
      </c>
      <c r="E31" s="89">
        <v>0</v>
      </c>
      <c r="F31" s="90">
        <v>0</v>
      </c>
      <c r="G31" s="88">
        <v>31</v>
      </c>
      <c r="H31" s="88">
        <v>16</v>
      </c>
      <c r="I31" s="88">
        <v>17</v>
      </c>
      <c r="J31" s="88">
        <v>11</v>
      </c>
      <c r="K31" s="88">
        <v>3</v>
      </c>
      <c r="L31" s="89">
        <v>78</v>
      </c>
      <c r="M31" s="91">
        <v>78</v>
      </c>
      <c r="N31" s="92">
        <v>0</v>
      </c>
      <c r="O31" s="88">
        <v>0</v>
      </c>
      <c r="P31" s="89">
        <v>0</v>
      </c>
      <c r="Q31" s="90">
        <v>0</v>
      </c>
      <c r="R31" s="88">
        <v>1</v>
      </c>
      <c r="S31" s="88">
        <v>0</v>
      </c>
      <c r="T31" s="88">
        <v>0</v>
      </c>
      <c r="U31" s="88">
        <v>0</v>
      </c>
      <c r="V31" s="88">
        <v>0</v>
      </c>
      <c r="W31" s="89">
        <v>1</v>
      </c>
      <c r="X31" s="91">
        <v>1</v>
      </c>
      <c r="Y31" s="92">
        <v>0</v>
      </c>
      <c r="Z31" s="88">
        <v>0</v>
      </c>
      <c r="AA31" s="89">
        <v>0</v>
      </c>
      <c r="AB31" s="90">
        <v>0</v>
      </c>
      <c r="AC31" s="88">
        <v>32</v>
      </c>
      <c r="AD31" s="88">
        <v>16</v>
      </c>
      <c r="AE31" s="88">
        <v>17</v>
      </c>
      <c r="AF31" s="88">
        <v>11</v>
      </c>
      <c r="AG31" s="88">
        <v>3</v>
      </c>
      <c r="AH31" s="89">
        <v>79</v>
      </c>
      <c r="AI31" s="91">
        <v>79</v>
      </c>
    </row>
    <row r="32" spans="2:35" ht="21" customHeight="1" x14ac:dyDescent="0.2">
      <c r="B32" s="437" t="s">
        <v>31</v>
      </c>
      <c r="C32" s="87">
        <v>0</v>
      </c>
      <c r="D32" s="88">
        <v>1</v>
      </c>
      <c r="E32" s="89">
        <v>1</v>
      </c>
      <c r="F32" s="90">
        <v>0</v>
      </c>
      <c r="G32" s="88">
        <v>47</v>
      </c>
      <c r="H32" s="88">
        <v>36</v>
      </c>
      <c r="I32" s="88">
        <v>21</v>
      </c>
      <c r="J32" s="88">
        <v>17</v>
      </c>
      <c r="K32" s="88">
        <v>9</v>
      </c>
      <c r="L32" s="89">
        <v>130</v>
      </c>
      <c r="M32" s="91">
        <v>131</v>
      </c>
      <c r="N32" s="92">
        <v>0</v>
      </c>
      <c r="O32" s="88">
        <v>0</v>
      </c>
      <c r="P32" s="89">
        <v>0</v>
      </c>
      <c r="Q32" s="90">
        <v>0</v>
      </c>
      <c r="R32" s="88">
        <v>0</v>
      </c>
      <c r="S32" s="88">
        <v>0</v>
      </c>
      <c r="T32" s="88">
        <v>0</v>
      </c>
      <c r="U32" s="88">
        <v>0</v>
      </c>
      <c r="V32" s="88">
        <v>0</v>
      </c>
      <c r="W32" s="89">
        <v>0</v>
      </c>
      <c r="X32" s="91">
        <v>0</v>
      </c>
      <c r="Y32" s="92">
        <v>0</v>
      </c>
      <c r="Z32" s="88">
        <v>1</v>
      </c>
      <c r="AA32" s="89">
        <v>1</v>
      </c>
      <c r="AB32" s="90">
        <v>0</v>
      </c>
      <c r="AC32" s="88">
        <v>47</v>
      </c>
      <c r="AD32" s="88">
        <v>36</v>
      </c>
      <c r="AE32" s="88">
        <v>21</v>
      </c>
      <c r="AF32" s="88">
        <v>17</v>
      </c>
      <c r="AG32" s="88">
        <v>9</v>
      </c>
      <c r="AH32" s="89">
        <v>130</v>
      </c>
      <c r="AI32" s="91">
        <v>131</v>
      </c>
    </row>
    <row r="33" spans="2:35" ht="21" customHeight="1" x14ac:dyDescent="0.2">
      <c r="B33" s="437" t="s">
        <v>32</v>
      </c>
      <c r="C33" s="87">
        <v>0</v>
      </c>
      <c r="D33" s="88">
        <v>3</v>
      </c>
      <c r="E33" s="89">
        <v>3</v>
      </c>
      <c r="F33" s="90">
        <v>0</v>
      </c>
      <c r="G33" s="88">
        <v>62</v>
      </c>
      <c r="H33" s="88">
        <v>39</v>
      </c>
      <c r="I33" s="88">
        <v>29</v>
      </c>
      <c r="J33" s="88">
        <v>21</v>
      </c>
      <c r="K33" s="88">
        <v>13</v>
      </c>
      <c r="L33" s="89">
        <v>164</v>
      </c>
      <c r="M33" s="91">
        <v>167</v>
      </c>
      <c r="N33" s="92">
        <v>0</v>
      </c>
      <c r="O33" s="88">
        <v>0</v>
      </c>
      <c r="P33" s="89">
        <v>0</v>
      </c>
      <c r="Q33" s="90">
        <v>0</v>
      </c>
      <c r="R33" s="88">
        <v>0</v>
      </c>
      <c r="S33" s="88">
        <v>1</v>
      </c>
      <c r="T33" s="88">
        <v>0</v>
      </c>
      <c r="U33" s="88">
        <v>0</v>
      </c>
      <c r="V33" s="88">
        <v>0</v>
      </c>
      <c r="W33" s="89">
        <v>1</v>
      </c>
      <c r="X33" s="91">
        <v>1</v>
      </c>
      <c r="Y33" s="92">
        <v>0</v>
      </c>
      <c r="Z33" s="88">
        <v>3</v>
      </c>
      <c r="AA33" s="89">
        <v>3</v>
      </c>
      <c r="AB33" s="90">
        <v>0</v>
      </c>
      <c r="AC33" s="88">
        <v>62</v>
      </c>
      <c r="AD33" s="88">
        <v>40</v>
      </c>
      <c r="AE33" s="88">
        <v>29</v>
      </c>
      <c r="AF33" s="88">
        <v>21</v>
      </c>
      <c r="AG33" s="88">
        <v>13</v>
      </c>
      <c r="AH33" s="89">
        <v>165</v>
      </c>
      <c r="AI33" s="91">
        <v>168</v>
      </c>
    </row>
    <row r="34" spans="2:35" ht="21" customHeight="1" x14ac:dyDescent="0.2">
      <c r="B34" s="437" t="s">
        <v>33</v>
      </c>
      <c r="C34" s="87">
        <v>0</v>
      </c>
      <c r="D34" s="88">
        <v>1</v>
      </c>
      <c r="E34" s="89">
        <v>1</v>
      </c>
      <c r="F34" s="90">
        <v>0</v>
      </c>
      <c r="G34" s="88">
        <v>28</v>
      </c>
      <c r="H34" s="88">
        <v>17</v>
      </c>
      <c r="I34" s="88">
        <v>18</v>
      </c>
      <c r="J34" s="88">
        <v>7</v>
      </c>
      <c r="K34" s="88">
        <v>8</v>
      </c>
      <c r="L34" s="89">
        <v>78</v>
      </c>
      <c r="M34" s="91">
        <v>79</v>
      </c>
      <c r="N34" s="92">
        <v>0</v>
      </c>
      <c r="O34" s="88">
        <v>0</v>
      </c>
      <c r="P34" s="89">
        <v>0</v>
      </c>
      <c r="Q34" s="90">
        <v>0</v>
      </c>
      <c r="R34" s="88">
        <v>0</v>
      </c>
      <c r="S34" s="88">
        <v>0</v>
      </c>
      <c r="T34" s="88">
        <v>0</v>
      </c>
      <c r="U34" s="88">
        <v>0</v>
      </c>
      <c r="V34" s="88">
        <v>0</v>
      </c>
      <c r="W34" s="89">
        <v>0</v>
      </c>
      <c r="X34" s="91">
        <v>0</v>
      </c>
      <c r="Y34" s="92">
        <v>0</v>
      </c>
      <c r="Z34" s="88">
        <v>1</v>
      </c>
      <c r="AA34" s="89">
        <v>1</v>
      </c>
      <c r="AB34" s="90">
        <v>0</v>
      </c>
      <c r="AC34" s="88">
        <v>28</v>
      </c>
      <c r="AD34" s="88">
        <v>17</v>
      </c>
      <c r="AE34" s="88">
        <v>18</v>
      </c>
      <c r="AF34" s="88">
        <v>7</v>
      </c>
      <c r="AG34" s="88">
        <v>8</v>
      </c>
      <c r="AH34" s="89">
        <v>78</v>
      </c>
      <c r="AI34" s="91">
        <v>79</v>
      </c>
    </row>
    <row r="35" spans="2:35" ht="21" customHeight="1" x14ac:dyDescent="0.2">
      <c r="B35" s="437" t="s">
        <v>34</v>
      </c>
      <c r="C35" s="87">
        <v>1</v>
      </c>
      <c r="D35" s="88">
        <v>1</v>
      </c>
      <c r="E35" s="89">
        <v>2</v>
      </c>
      <c r="F35" s="90">
        <v>0</v>
      </c>
      <c r="G35" s="88">
        <v>26</v>
      </c>
      <c r="H35" s="88">
        <v>19</v>
      </c>
      <c r="I35" s="88">
        <v>12</v>
      </c>
      <c r="J35" s="88">
        <v>3</v>
      </c>
      <c r="K35" s="88">
        <v>1</v>
      </c>
      <c r="L35" s="89">
        <v>61</v>
      </c>
      <c r="M35" s="91">
        <v>63</v>
      </c>
      <c r="N35" s="92">
        <v>0</v>
      </c>
      <c r="O35" s="88">
        <v>0</v>
      </c>
      <c r="P35" s="89">
        <v>0</v>
      </c>
      <c r="Q35" s="90">
        <v>0</v>
      </c>
      <c r="R35" s="88">
        <v>0</v>
      </c>
      <c r="S35" s="88">
        <v>0</v>
      </c>
      <c r="T35" s="88">
        <v>0</v>
      </c>
      <c r="U35" s="88">
        <v>1</v>
      </c>
      <c r="V35" s="88">
        <v>0</v>
      </c>
      <c r="W35" s="89">
        <v>1</v>
      </c>
      <c r="X35" s="91">
        <v>1</v>
      </c>
      <c r="Y35" s="92">
        <v>1</v>
      </c>
      <c r="Z35" s="88">
        <v>1</v>
      </c>
      <c r="AA35" s="89">
        <v>2</v>
      </c>
      <c r="AB35" s="90">
        <v>0</v>
      </c>
      <c r="AC35" s="88">
        <v>26</v>
      </c>
      <c r="AD35" s="88">
        <v>19</v>
      </c>
      <c r="AE35" s="88">
        <v>12</v>
      </c>
      <c r="AF35" s="88">
        <v>4</v>
      </c>
      <c r="AG35" s="88">
        <v>1</v>
      </c>
      <c r="AH35" s="89">
        <v>62</v>
      </c>
      <c r="AI35" s="91">
        <v>64</v>
      </c>
    </row>
    <row r="36" spans="2:35" ht="21" customHeight="1" x14ac:dyDescent="0.2">
      <c r="B36" s="437" t="s">
        <v>35</v>
      </c>
      <c r="C36" s="87">
        <v>4</v>
      </c>
      <c r="D36" s="88">
        <v>3</v>
      </c>
      <c r="E36" s="89">
        <v>7</v>
      </c>
      <c r="F36" s="90">
        <v>0</v>
      </c>
      <c r="G36" s="88">
        <v>42</v>
      </c>
      <c r="H36" s="88">
        <v>38</v>
      </c>
      <c r="I36" s="88">
        <v>39</v>
      </c>
      <c r="J36" s="88">
        <v>25</v>
      </c>
      <c r="K36" s="88">
        <v>10</v>
      </c>
      <c r="L36" s="89">
        <v>154</v>
      </c>
      <c r="M36" s="91">
        <v>161</v>
      </c>
      <c r="N36" s="92">
        <v>0</v>
      </c>
      <c r="O36" s="88">
        <v>0</v>
      </c>
      <c r="P36" s="89">
        <v>0</v>
      </c>
      <c r="Q36" s="90">
        <v>0</v>
      </c>
      <c r="R36" s="88">
        <v>0</v>
      </c>
      <c r="S36" s="88">
        <v>2</v>
      </c>
      <c r="T36" s="88">
        <v>0</v>
      </c>
      <c r="U36" s="88">
        <v>0</v>
      </c>
      <c r="V36" s="88">
        <v>0</v>
      </c>
      <c r="W36" s="89">
        <v>2</v>
      </c>
      <c r="X36" s="91">
        <v>2</v>
      </c>
      <c r="Y36" s="92">
        <v>4</v>
      </c>
      <c r="Z36" s="88">
        <v>3</v>
      </c>
      <c r="AA36" s="89">
        <v>7</v>
      </c>
      <c r="AB36" s="90">
        <v>0</v>
      </c>
      <c r="AC36" s="88">
        <v>42</v>
      </c>
      <c r="AD36" s="88">
        <v>40</v>
      </c>
      <c r="AE36" s="88">
        <v>39</v>
      </c>
      <c r="AF36" s="88">
        <v>25</v>
      </c>
      <c r="AG36" s="88">
        <v>10</v>
      </c>
      <c r="AH36" s="89">
        <v>156</v>
      </c>
      <c r="AI36" s="91">
        <v>163</v>
      </c>
    </row>
    <row r="37" spans="2:35" ht="21" customHeight="1" x14ac:dyDescent="0.2">
      <c r="B37" s="437" t="s">
        <v>36</v>
      </c>
      <c r="C37" s="87">
        <v>0</v>
      </c>
      <c r="D37" s="88">
        <v>1</v>
      </c>
      <c r="E37" s="89">
        <v>1</v>
      </c>
      <c r="F37" s="90">
        <v>0</v>
      </c>
      <c r="G37" s="88">
        <v>90</v>
      </c>
      <c r="H37" s="88">
        <v>78</v>
      </c>
      <c r="I37" s="88">
        <v>49</v>
      </c>
      <c r="J37" s="88">
        <v>25</v>
      </c>
      <c r="K37" s="88">
        <v>19</v>
      </c>
      <c r="L37" s="89">
        <v>261</v>
      </c>
      <c r="M37" s="91">
        <v>262</v>
      </c>
      <c r="N37" s="92">
        <v>0</v>
      </c>
      <c r="O37" s="88">
        <v>0</v>
      </c>
      <c r="P37" s="89">
        <v>0</v>
      </c>
      <c r="Q37" s="90">
        <v>0</v>
      </c>
      <c r="R37" s="88">
        <v>0</v>
      </c>
      <c r="S37" s="88">
        <v>0</v>
      </c>
      <c r="T37" s="88">
        <v>1</v>
      </c>
      <c r="U37" s="88">
        <v>0</v>
      </c>
      <c r="V37" s="88">
        <v>2</v>
      </c>
      <c r="W37" s="89">
        <v>3</v>
      </c>
      <c r="X37" s="91">
        <v>3</v>
      </c>
      <c r="Y37" s="92">
        <v>0</v>
      </c>
      <c r="Z37" s="88">
        <v>1</v>
      </c>
      <c r="AA37" s="89">
        <v>1</v>
      </c>
      <c r="AB37" s="90">
        <v>0</v>
      </c>
      <c r="AC37" s="88">
        <v>90</v>
      </c>
      <c r="AD37" s="88">
        <v>78</v>
      </c>
      <c r="AE37" s="88">
        <v>50</v>
      </c>
      <c r="AF37" s="88">
        <v>25</v>
      </c>
      <c r="AG37" s="88">
        <v>21</v>
      </c>
      <c r="AH37" s="89">
        <v>264</v>
      </c>
      <c r="AI37" s="91">
        <v>265</v>
      </c>
    </row>
    <row r="38" spans="2:35" ht="21" customHeight="1" thickBot="1" x14ac:dyDescent="0.25">
      <c r="B38" s="438" t="s">
        <v>37</v>
      </c>
      <c r="C38" s="93">
        <v>0</v>
      </c>
      <c r="D38" s="94">
        <v>0</v>
      </c>
      <c r="E38" s="95">
        <v>0</v>
      </c>
      <c r="F38" s="96">
        <v>0</v>
      </c>
      <c r="G38" s="94">
        <v>17</v>
      </c>
      <c r="H38" s="94">
        <v>5</v>
      </c>
      <c r="I38" s="94">
        <v>7</v>
      </c>
      <c r="J38" s="94">
        <v>6</v>
      </c>
      <c r="K38" s="94">
        <v>4</v>
      </c>
      <c r="L38" s="95">
        <v>39</v>
      </c>
      <c r="M38" s="97">
        <v>39</v>
      </c>
      <c r="N38" s="98">
        <v>0</v>
      </c>
      <c r="O38" s="94">
        <v>0</v>
      </c>
      <c r="P38" s="95">
        <v>0</v>
      </c>
      <c r="Q38" s="96">
        <v>0</v>
      </c>
      <c r="R38" s="94">
        <v>0</v>
      </c>
      <c r="S38" s="94">
        <v>0</v>
      </c>
      <c r="T38" s="94">
        <v>0</v>
      </c>
      <c r="U38" s="94">
        <v>0</v>
      </c>
      <c r="V38" s="94">
        <v>0</v>
      </c>
      <c r="W38" s="95">
        <v>0</v>
      </c>
      <c r="X38" s="97">
        <v>0</v>
      </c>
      <c r="Y38" s="98">
        <v>0</v>
      </c>
      <c r="Z38" s="94">
        <v>0</v>
      </c>
      <c r="AA38" s="95">
        <v>0</v>
      </c>
      <c r="AB38" s="96">
        <v>0</v>
      </c>
      <c r="AC38" s="94">
        <v>17</v>
      </c>
      <c r="AD38" s="94">
        <v>5</v>
      </c>
      <c r="AE38" s="94">
        <v>7</v>
      </c>
      <c r="AF38" s="94">
        <v>6</v>
      </c>
      <c r="AG38" s="94">
        <v>4</v>
      </c>
      <c r="AH38" s="95">
        <v>39</v>
      </c>
      <c r="AI38" s="97">
        <v>39</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33203125" style="238" customWidth="1"/>
    <col min="6" max="6" width="7.6640625" style="238" customWidth="1"/>
    <col min="7" max="7" width="8.44140625" style="238" customWidth="1"/>
    <col min="8" max="8" width="8.77734375" style="238" customWidth="1"/>
    <col min="9" max="16" width="9" style="238"/>
    <col min="17" max="17" width="7.21875" style="238" customWidth="1"/>
    <col min="18" max="27" width="9" style="238"/>
    <col min="28" max="28" width="7.6640625" style="238" customWidth="1"/>
    <col min="29" max="38" width="9" style="238"/>
    <col min="39" max="39" width="7.6640625" style="238" customWidth="1"/>
    <col min="40" max="49" width="9" style="238"/>
    <col min="50" max="50" width="7.6640625" style="238" customWidth="1"/>
    <col min="51" max="60" width="9" style="238"/>
    <col min="61" max="61" width="7.21875" style="238" customWidth="1"/>
    <col min="62" max="71" width="9" style="238"/>
    <col min="72" max="72" width="7.21875" style="238" customWidth="1"/>
    <col min="73" max="82" width="9" style="238"/>
    <col min="83" max="83" width="7.33203125" style="238" customWidth="1"/>
    <col min="84" max="93" width="9" style="238"/>
    <col min="94" max="94" width="7.44140625" style="238" customWidth="1"/>
    <col min="95" max="16384" width="9" style="238"/>
  </cols>
  <sheetData>
    <row r="1" spans="1:101" ht="24" customHeight="1" x14ac:dyDescent="0.2">
      <c r="B1" s="267" t="s">
        <v>123</v>
      </c>
      <c r="I1" s="495">
        <f>第１表!F2</f>
        <v>6</v>
      </c>
      <c r="J1" s="495"/>
      <c r="K1" s="231">
        <f>第１表!G2</f>
        <v>3</v>
      </c>
      <c r="L1" s="499">
        <f>IF(K1&lt;3,K1+12-2,K1-2)</f>
        <v>1</v>
      </c>
      <c r="M1" s="499"/>
    </row>
    <row r="2" spans="1:101" s="268" customFormat="1" ht="24" customHeight="1" thickBot="1" x14ac:dyDescent="0.25">
      <c r="A2" s="39"/>
      <c r="B2" s="267" t="s">
        <v>131</v>
      </c>
    </row>
    <row r="3" spans="1:101" ht="21" customHeight="1" thickBot="1" x14ac:dyDescent="0.25">
      <c r="B3" s="512"/>
      <c r="C3" s="503" t="s">
        <v>114</v>
      </c>
      <c r="D3" s="504"/>
      <c r="E3" s="504"/>
      <c r="F3" s="504"/>
      <c r="G3" s="504"/>
      <c r="H3" s="504"/>
      <c r="I3" s="504"/>
      <c r="J3" s="504"/>
      <c r="K3" s="504"/>
      <c r="L3" s="504"/>
      <c r="M3" s="505"/>
      <c r="N3" s="503" t="s">
        <v>115</v>
      </c>
      <c r="O3" s="504"/>
      <c r="P3" s="504"/>
      <c r="Q3" s="504"/>
      <c r="R3" s="504"/>
      <c r="S3" s="504"/>
      <c r="T3" s="504"/>
      <c r="U3" s="504"/>
      <c r="V3" s="504"/>
      <c r="W3" s="504"/>
      <c r="X3" s="505"/>
      <c r="Y3" s="503" t="s">
        <v>140</v>
      </c>
      <c r="Z3" s="504"/>
      <c r="AA3" s="504"/>
      <c r="AB3" s="504"/>
      <c r="AC3" s="504"/>
      <c r="AD3" s="504"/>
      <c r="AE3" s="504"/>
      <c r="AF3" s="504"/>
      <c r="AG3" s="504"/>
      <c r="AH3" s="504"/>
      <c r="AI3" s="505"/>
      <c r="AJ3" s="503" t="s">
        <v>90</v>
      </c>
      <c r="AK3" s="504"/>
      <c r="AL3" s="504"/>
      <c r="AM3" s="504"/>
      <c r="AN3" s="504"/>
      <c r="AO3" s="504"/>
      <c r="AP3" s="504"/>
      <c r="AQ3" s="504"/>
      <c r="AR3" s="504"/>
      <c r="AS3" s="504"/>
      <c r="AT3" s="505"/>
      <c r="AU3" s="516" t="s">
        <v>89</v>
      </c>
      <c r="AV3" s="517"/>
      <c r="AW3" s="517"/>
      <c r="AX3" s="517"/>
      <c r="AY3" s="517"/>
      <c r="AZ3" s="517"/>
      <c r="BA3" s="517"/>
      <c r="BB3" s="517"/>
      <c r="BC3" s="517"/>
      <c r="BD3" s="517"/>
      <c r="BE3" s="518"/>
      <c r="BF3" s="516" t="s">
        <v>91</v>
      </c>
      <c r="BG3" s="517"/>
      <c r="BH3" s="517"/>
      <c r="BI3" s="517"/>
      <c r="BJ3" s="517"/>
      <c r="BK3" s="517"/>
      <c r="BL3" s="517"/>
      <c r="BM3" s="517"/>
      <c r="BN3" s="517"/>
      <c r="BO3" s="517"/>
      <c r="BP3" s="518"/>
      <c r="BQ3" s="516" t="s">
        <v>92</v>
      </c>
      <c r="BR3" s="517"/>
      <c r="BS3" s="517"/>
      <c r="BT3" s="517"/>
      <c r="BU3" s="517"/>
      <c r="BV3" s="517"/>
      <c r="BW3" s="517"/>
      <c r="BX3" s="517"/>
      <c r="BY3" s="517"/>
      <c r="BZ3" s="517"/>
      <c r="CA3" s="518"/>
      <c r="CB3" s="516" t="s">
        <v>93</v>
      </c>
      <c r="CC3" s="517"/>
      <c r="CD3" s="517"/>
      <c r="CE3" s="517"/>
      <c r="CF3" s="517"/>
      <c r="CG3" s="517"/>
      <c r="CH3" s="517"/>
      <c r="CI3" s="517"/>
      <c r="CJ3" s="517"/>
      <c r="CK3" s="517"/>
      <c r="CL3" s="518"/>
      <c r="CM3" s="517" t="s">
        <v>139</v>
      </c>
      <c r="CN3" s="517"/>
      <c r="CO3" s="517"/>
      <c r="CP3" s="517"/>
      <c r="CQ3" s="517"/>
      <c r="CR3" s="517"/>
      <c r="CS3" s="517"/>
      <c r="CT3" s="517"/>
      <c r="CU3" s="517"/>
      <c r="CV3" s="517"/>
      <c r="CW3" s="518"/>
    </row>
    <row r="4" spans="1:101"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34" t="s">
        <v>61</v>
      </c>
      <c r="AV4" s="532"/>
      <c r="AW4" s="533"/>
      <c r="AX4" s="531" t="s">
        <v>62</v>
      </c>
      <c r="AY4" s="532"/>
      <c r="AZ4" s="532"/>
      <c r="BA4" s="532"/>
      <c r="BB4" s="532"/>
      <c r="BC4" s="532"/>
      <c r="BD4" s="533"/>
      <c r="BE4" s="529" t="s">
        <v>52</v>
      </c>
      <c r="BF4" s="534" t="s">
        <v>61</v>
      </c>
      <c r="BG4" s="532"/>
      <c r="BH4" s="533"/>
      <c r="BI4" s="531" t="s">
        <v>62</v>
      </c>
      <c r="BJ4" s="532"/>
      <c r="BK4" s="532"/>
      <c r="BL4" s="532"/>
      <c r="BM4" s="532"/>
      <c r="BN4" s="532"/>
      <c r="BO4" s="533"/>
      <c r="BP4" s="529" t="s">
        <v>52</v>
      </c>
      <c r="BQ4" s="534" t="s">
        <v>61</v>
      </c>
      <c r="BR4" s="532"/>
      <c r="BS4" s="533"/>
      <c r="BT4" s="531" t="s">
        <v>62</v>
      </c>
      <c r="BU4" s="532"/>
      <c r="BV4" s="532"/>
      <c r="BW4" s="532"/>
      <c r="BX4" s="532"/>
      <c r="BY4" s="532"/>
      <c r="BZ4" s="533"/>
      <c r="CA4" s="529" t="s">
        <v>52</v>
      </c>
      <c r="CB4" s="534" t="s">
        <v>61</v>
      </c>
      <c r="CC4" s="532"/>
      <c r="CD4" s="533"/>
      <c r="CE4" s="531" t="s">
        <v>62</v>
      </c>
      <c r="CF4" s="532"/>
      <c r="CG4" s="532"/>
      <c r="CH4" s="532"/>
      <c r="CI4" s="532"/>
      <c r="CJ4" s="532"/>
      <c r="CK4" s="533"/>
      <c r="CL4" s="529" t="s">
        <v>52</v>
      </c>
      <c r="CM4" s="534" t="s">
        <v>61</v>
      </c>
      <c r="CN4" s="532"/>
      <c r="CO4" s="533"/>
      <c r="CP4" s="531" t="s">
        <v>62</v>
      </c>
      <c r="CQ4" s="532"/>
      <c r="CR4" s="532"/>
      <c r="CS4" s="532"/>
      <c r="CT4" s="532"/>
      <c r="CU4" s="532"/>
      <c r="CV4" s="533"/>
      <c r="CW4" s="529" t="s">
        <v>52</v>
      </c>
    </row>
    <row r="5" spans="1:101" ht="30" customHeight="1" thickBot="1" x14ac:dyDescent="0.25">
      <c r="B5" s="514"/>
      <c r="C5" s="240" t="s">
        <v>43</v>
      </c>
      <c r="D5" s="242" t="s">
        <v>44</v>
      </c>
      <c r="E5" s="243" t="s">
        <v>45</v>
      </c>
      <c r="F5" s="244" t="s">
        <v>83</v>
      </c>
      <c r="G5" s="239" t="s">
        <v>47</v>
      </c>
      <c r="H5" s="239" t="s">
        <v>48</v>
      </c>
      <c r="I5" s="239" t="s">
        <v>49</v>
      </c>
      <c r="J5" s="239" t="s">
        <v>50</v>
      </c>
      <c r="K5" s="239" t="s">
        <v>51</v>
      </c>
      <c r="L5" s="245" t="s">
        <v>45</v>
      </c>
      <c r="M5" s="510"/>
      <c r="N5" s="240" t="s">
        <v>43</v>
      </c>
      <c r="O5" s="239" t="s">
        <v>44</v>
      </c>
      <c r="P5" s="242" t="s">
        <v>45</v>
      </c>
      <c r="Q5" s="244" t="s">
        <v>83</v>
      </c>
      <c r="R5" s="239" t="s">
        <v>47</v>
      </c>
      <c r="S5" s="239" t="s">
        <v>48</v>
      </c>
      <c r="T5" s="239" t="s">
        <v>49</v>
      </c>
      <c r="U5" s="239" t="s">
        <v>50</v>
      </c>
      <c r="V5" s="239" t="s">
        <v>51</v>
      </c>
      <c r="W5" s="242" t="s">
        <v>45</v>
      </c>
      <c r="X5" s="510"/>
      <c r="Y5" s="240" t="s">
        <v>43</v>
      </c>
      <c r="Z5" s="239" t="s">
        <v>44</v>
      </c>
      <c r="AA5" s="242" t="s">
        <v>45</v>
      </c>
      <c r="AB5" s="244" t="s">
        <v>83</v>
      </c>
      <c r="AC5" s="239" t="s">
        <v>47</v>
      </c>
      <c r="AD5" s="239" t="s">
        <v>48</v>
      </c>
      <c r="AE5" s="239" t="s">
        <v>49</v>
      </c>
      <c r="AF5" s="239" t="s">
        <v>50</v>
      </c>
      <c r="AG5" s="239" t="s">
        <v>51</v>
      </c>
      <c r="AH5" s="242" t="s">
        <v>45</v>
      </c>
      <c r="AI5" s="510"/>
      <c r="AJ5" s="300" t="s">
        <v>43</v>
      </c>
      <c r="AK5" s="239" t="s">
        <v>44</v>
      </c>
      <c r="AL5" s="242" t="s">
        <v>45</v>
      </c>
      <c r="AM5" s="244" t="s">
        <v>83</v>
      </c>
      <c r="AN5" s="239" t="s">
        <v>47</v>
      </c>
      <c r="AO5" s="239" t="s">
        <v>48</v>
      </c>
      <c r="AP5" s="239" t="s">
        <v>49</v>
      </c>
      <c r="AQ5" s="239" t="s">
        <v>50</v>
      </c>
      <c r="AR5" s="239" t="s">
        <v>51</v>
      </c>
      <c r="AS5" s="242" t="s">
        <v>45</v>
      </c>
      <c r="AT5" s="510"/>
      <c r="AU5" s="300" t="s">
        <v>43</v>
      </c>
      <c r="AV5" s="239" t="s">
        <v>44</v>
      </c>
      <c r="AW5" s="242" t="s">
        <v>45</v>
      </c>
      <c r="AX5" s="244" t="s">
        <v>83</v>
      </c>
      <c r="AY5" s="239" t="s">
        <v>47</v>
      </c>
      <c r="AZ5" s="239" t="s">
        <v>48</v>
      </c>
      <c r="BA5" s="239" t="s">
        <v>49</v>
      </c>
      <c r="BB5" s="239" t="s">
        <v>50</v>
      </c>
      <c r="BC5" s="239" t="s">
        <v>51</v>
      </c>
      <c r="BD5" s="242" t="s">
        <v>45</v>
      </c>
      <c r="BE5" s="530"/>
      <c r="BF5" s="300" t="s">
        <v>43</v>
      </c>
      <c r="BG5" s="239" t="s">
        <v>44</v>
      </c>
      <c r="BH5" s="242" t="s">
        <v>45</v>
      </c>
      <c r="BI5" s="244" t="s">
        <v>83</v>
      </c>
      <c r="BJ5" s="239" t="s">
        <v>47</v>
      </c>
      <c r="BK5" s="239" t="s">
        <v>48</v>
      </c>
      <c r="BL5" s="239" t="s">
        <v>49</v>
      </c>
      <c r="BM5" s="239" t="s">
        <v>50</v>
      </c>
      <c r="BN5" s="239" t="s">
        <v>51</v>
      </c>
      <c r="BO5" s="242" t="s">
        <v>45</v>
      </c>
      <c r="BP5" s="530"/>
      <c r="BQ5" s="300" t="s">
        <v>43</v>
      </c>
      <c r="BR5" s="239" t="s">
        <v>44</v>
      </c>
      <c r="BS5" s="242" t="s">
        <v>45</v>
      </c>
      <c r="BT5" s="244" t="s">
        <v>83</v>
      </c>
      <c r="BU5" s="239" t="s">
        <v>47</v>
      </c>
      <c r="BV5" s="239" t="s">
        <v>48</v>
      </c>
      <c r="BW5" s="239" t="s">
        <v>49</v>
      </c>
      <c r="BX5" s="239" t="s">
        <v>50</v>
      </c>
      <c r="BY5" s="239" t="s">
        <v>51</v>
      </c>
      <c r="BZ5" s="242" t="s">
        <v>45</v>
      </c>
      <c r="CA5" s="530"/>
      <c r="CB5" s="300" t="s">
        <v>43</v>
      </c>
      <c r="CC5" s="239" t="s">
        <v>44</v>
      </c>
      <c r="CD5" s="242" t="s">
        <v>45</v>
      </c>
      <c r="CE5" s="244" t="s">
        <v>83</v>
      </c>
      <c r="CF5" s="239" t="s">
        <v>47</v>
      </c>
      <c r="CG5" s="239" t="s">
        <v>48</v>
      </c>
      <c r="CH5" s="239" t="s">
        <v>49</v>
      </c>
      <c r="CI5" s="239" t="s">
        <v>50</v>
      </c>
      <c r="CJ5" s="239" t="s">
        <v>51</v>
      </c>
      <c r="CK5" s="242" t="s">
        <v>45</v>
      </c>
      <c r="CL5" s="530"/>
      <c r="CM5" s="300" t="s">
        <v>43</v>
      </c>
      <c r="CN5" s="239" t="s">
        <v>44</v>
      </c>
      <c r="CO5" s="242" t="s">
        <v>45</v>
      </c>
      <c r="CP5" s="244" t="s">
        <v>83</v>
      </c>
      <c r="CQ5" s="239" t="s">
        <v>47</v>
      </c>
      <c r="CR5" s="239" t="s">
        <v>48</v>
      </c>
      <c r="CS5" s="239" t="s">
        <v>49</v>
      </c>
      <c r="CT5" s="239" t="s">
        <v>50</v>
      </c>
      <c r="CU5" s="239" t="s">
        <v>51</v>
      </c>
      <c r="CV5" s="242" t="s">
        <v>45</v>
      </c>
      <c r="CW5" s="530"/>
    </row>
    <row r="6" spans="1:101" ht="21" customHeight="1" x14ac:dyDescent="0.2">
      <c r="B6" s="435" t="s">
        <v>4</v>
      </c>
      <c r="C6" s="246">
        <v>0</v>
      </c>
      <c r="D6" s="247">
        <v>0</v>
      </c>
      <c r="E6" s="248">
        <v>0</v>
      </c>
      <c r="F6" s="249">
        <v>0</v>
      </c>
      <c r="G6" s="250">
        <v>315</v>
      </c>
      <c r="H6" s="250">
        <v>402</v>
      </c>
      <c r="I6" s="250">
        <v>337</v>
      </c>
      <c r="J6" s="250">
        <v>439</v>
      </c>
      <c r="K6" s="250">
        <v>383</v>
      </c>
      <c r="L6" s="251">
        <v>1876</v>
      </c>
      <c r="M6" s="252">
        <v>1876</v>
      </c>
      <c r="N6" s="246">
        <v>0</v>
      </c>
      <c r="O6" s="250">
        <v>0</v>
      </c>
      <c r="P6" s="247">
        <v>0</v>
      </c>
      <c r="Q6" s="249">
        <v>0</v>
      </c>
      <c r="R6" s="250">
        <v>203</v>
      </c>
      <c r="S6" s="250">
        <v>541</v>
      </c>
      <c r="T6" s="250">
        <v>460</v>
      </c>
      <c r="U6" s="250">
        <v>451</v>
      </c>
      <c r="V6" s="250">
        <v>410</v>
      </c>
      <c r="W6" s="247">
        <v>2065</v>
      </c>
      <c r="X6" s="252">
        <v>2065</v>
      </c>
      <c r="Y6" s="246">
        <v>0</v>
      </c>
      <c r="Z6" s="250">
        <v>0</v>
      </c>
      <c r="AA6" s="247">
        <v>0</v>
      </c>
      <c r="AB6" s="249">
        <v>0</v>
      </c>
      <c r="AC6" s="250">
        <v>13912</v>
      </c>
      <c r="AD6" s="250">
        <v>13022</v>
      </c>
      <c r="AE6" s="250">
        <v>6046</v>
      </c>
      <c r="AF6" s="250">
        <v>2871</v>
      </c>
      <c r="AG6" s="250">
        <v>1322</v>
      </c>
      <c r="AH6" s="247">
        <v>37173</v>
      </c>
      <c r="AI6" s="252">
        <v>37173</v>
      </c>
      <c r="AJ6" s="246">
        <v>8</v>
      </c>
      <c r="AK6" s="250">
        <v>7</v>
      </c>
      <c r="AL6" s="247">
        <v>15</v>
      </c>
      <c r="AM6" s="249">
        <v>0</v>
      </c>
      <c r="AN6" s="250">
        <v>798</v>
      </c>
      <c r="AO6" s="250">
        <v>972</v>
      </c>
      <c r="AP6" s="250">
        <v>1046</v>
      </c>
      <c r="AQ6" s="250">
        <v>602</v>
      </c>
      <c r="AR6" s="250">
        <v>439</v>
      </c>
      <c r="AS6" s="247">
        <v>3857</v>
      </c>
      <c r="AT6" s="252">
        <v>3872</v>
      </c>
      <c r="AU6" s="246">
        <v>170</v>
      </c>
      <c r="AV6" s="250">
        <v>285</v>
      </c>
      <c r="AW6" s="247">
        <v>455</v>
      </c>
      <c r="AX6" s="249">
        <v>0</v>
      </c>
      <c r="AY6" s="250">
        <v>1472</v>
      </c>
      <c r="AZ6" s="250">
        <v>1630</v>
      </c>
      <c r="BA6" s="250">
        <v>1334</v>
      </c>
      <c r="BB6" s="250">
        <v>925</v>
      </c>
      <c r="BC6" s="250">
        <v>533</v>
      </c>
      <c r="BD6" s="247">
        <v>5894</v>
      </c>
      <c r="BE6" s="252">
        <v>6349</v>
      </c>
      <c r="BF6" s="246">
        <v>0</v>
      </c>
      <c r="BG6" s="250">
        <v>41</v>
      </c>
      <c r="BH6" s="247">
        <v>41</v>
      </c>
      <c r="BI6" s="249">
        <v>0</v>
      </c>
      <c r="BJ6" s="250">
        <v>2494</v>
      </c>
      <c r="BK6" s="250">
        <v>3277</v>
      </c>
      <c r="BL6" s="250">
        <v>3629</v>
      </c>
      <c r="BM6" s="250">
        <v>2448</v>
      </c>
      <c r="BN6" s="250">
        <v>1612</v>
      </c>
      <c r="BO6" s="251">
        <v>13460</v>
      </c>
      <c r="BP6" s="252">
        <v>13501</v>
      </c>
      <c r="BQ6" s="246">
        <v>0</v>
      </c>
      <c r="BR6" s="250">
        <v>0</v>
      </c>
      <c r="BS6" s="247">
        <v>0</v>
      </c>
      <c r="BT6" s="249">
        <v>0</v>
      </c>
      <c r="BU6" s="250">
        <v>43</v>
      </c>
      <c r="BV6" s="250">
        <v>39</v>
      </c>
      <c r="BW6" s="250">
        <v>52</v>
      </c>
      <c r="BX6" s="250">
        <v>64</v>
      </c>
      <c r="BY6" s="250">
        <v>50</v>
      </c>
      <c r="BZ6" s="247">
        <v>248</v>
      </c>
      <c r="CA6" s="252">
        <v>248</v>
      </c>
      <c r="CB6" s="246">
        <v>0</v>
      </c>
      <c r="CC6" s="250">
        <v>0</v>
      </c>
      <c r="CD6" s="247">
        <v>0</v>
      </c>
      <c r="CE6" s="249">
        <v>0</v>
      </c>
      <c r="CF6" s="250">
        <v>5</v>
      </c>
      <c r="CG6" s="250">
        <v>31</v>
      </c>
      <c r="CH6" s="250">
        <v>210</v>
      </c>
      <c r="CI6" s="250">
        <v>329</v>
      </c>
      <c r="CJ6" s="250">
        <v>233</v>
      </c>
      <c r="CK6" s="247">
        <v>808</v>
      </c>
      <c r="CL6" s="252">
        <v>808</v>
      </c>
      <c r="CM6" s="246">
        <v>0</v>
      </c>
      <c r="CN6" s="250">
        <v>0</v>
      </c>
      <c r="CO6" s="247">
        <v>0</v>
      </c>
      <c r="CP6" s="249">
        <v>0</v>
      </c>
      <c r="CQ6" s="250">
        <v>191</v>
      </c>
      <c r="CR6" s="250">
        <v>313</v>
      </c>
      <c r="CS6" s="250">
        <v>301</v>
      </c>
      <c r="CT6" s="250">
        <v>393</v>
      </c>
      <c r="CU6" s="250">
        <v>447</v>
      </c>
      <c r="CV6" s="247">
        <v>1645</v>
      </c>
      <c r="CW6" s="252">
        <v>1645</v>
      </c>
    </row>
    <row r="7" spans="1:101" ht="21" customHeight="1" x14ac:dyDescent="0.2">
      <c r="B7" s="436" t="s">
        <v>5</v>
      </c>
      <c r="C7" s="253">
        <v>0</v>
      </c>
      <c r="D7" s="254">
        <v>0</v>
      </c>
      <c r="E7" s="255">
        <v>0</v>
      </c>
      <c r="F7" s="256">
        <v>0</v>
      </c>
      <c r="G7" s="257">
        <v>130</v>
      </c>
      <c r="H7" s="257">
        <v>183</v>
      </c>
      <c r="I7" s="257">
        <v>169</v>
      </c>
      <c r="J7" s="257">
        <v>211</v>
      </c>
      <c r="K7" s="257">
        <v>178</v>
      </c>
      <c r="L7" s="258">
        <v>871</v>
      </c>
      <c r="M7" s="259">
        <v>871</v>
      </c>
      <c r="N7" s="253">
        <v>0</v>
      </c>
      <c r="O7" s="257">
        <v>0</v>
      </c>
      <c r="P7" s="254">
        <v>0</v>
      </c>
      <c r="Q7" s="256">
        <v>0</v>
      </c>
      <c r="R7" s="257">
        <v>104</v>
      </c>
      <c r="S7" s="257">
        <v>398</v>
      </c>
      <c r="T7" s="257">
        <v>346</v>
      </c>
      <c r="U7" s="257">
        <v>329</v>
      </c>
      <c r="V7" s="257">
        <v>308</v>
      </c>
      <c r="W7" s="254">
        <v>1485</v>
      </c>
      <c r="X7" s="259">
        <v>1485</v>
      </c>
      <c r="Y7" s="253">
        <v>0</v>
      </c>
      <c r="Z7" s="257">
        <v>0</v>
      </c>
      <c r="AA7" s="254">
        <v>0</v>
      </c>
      <c r="AB7" s="256">
        <v>0</v>
      </c>
      <c r="AC7" s="257">
        <v>5031</v>
      </c>
      <c r="AD7" s="257">
        <v>6404</v>
      </c>
      <c r="AE7" s="257">
        <v>2834</v>
      </c>
      <c r="AF7" s="257">
        <v>1309</v>
      </c>
      <c r="AG7" s="257">
        <v>616</v>
      </c>
      <c r="AH7" s="254">
        <v>16194</v>
      </c>
      <c r="AI7" s="259">
        <v>16194</v>
      </c>
      <c r="AJ7" s="253">
        <v>4</v>
      </c>
      <c r="AK7" s="257">
        <v>2</v>
      </c>
      <c r="AL7" s="254">
        <v>6</v>
      </c>
      <c r="AM7" s="256">
        <v>0</v>
      </c>
      <c r="AN7" s="257">
        <v>412</v>
      </c>
      <c r="AO7" s="257">
        <v>494</v>
      </c>
      <c r="AP7" s="257">
        <v>527</v>
      </c>
      <c r="AQ7" s="257">
        <v>341</v>
      </c>
      <c r="AR7" s="257">
        <v>226</v>
      </c>
      <c r="AS7" s="254">
        <v>2000</v>
      </c>
      <c r="AT7" s="259">
        <v>2006</v>
      </c>
      <c r="AU7" s="253">
        <v>69</v>
      </c>
      <c r="AV7" s="257">
        <v>112</v>
      </c>
      <c r="AW7" s="254">
        <v>181</v>
      </c>
      <c r="AX7" s="256">
        <v>0</v>
      </c>
      <c r="AY7" s="257">
        <v>557</v>
      </c>
      <c r="AZ7" s="257">
        <v>713</v>
      </c>
      <c r="BA7" s="257">
        <v>529</v>
      </c>
      <c r="BB7" s="257">
        <v>427</v>
      </c>
      <c r="BC7" s="257">
        <v>256</v>
      </c>
      <c r="BD7" s="254">
        <v>2482</v>
      </c>
      <c r="BE7" s="259">
        <v>2663</v>
      </c>
      <c r="BF7" s="253">
        <v>0</v>
      </c>
      <c r="BG7" s="257">
        <v>16</v>
      </c>
      <c r="BH7" s="254">
        <v>16</v>
      </c>
      <c r="BI7" s="256">
        <v>0</v>
      </c>
      <c r="BJ7" s="257">
        <v>1128</v>
      </c>
      <c r="BK7" s="257">
        <v>1414</v>
      </c>
      <c r="BL7" s="257">
        <v>1547</v>
      </c>
      <c r="BM7" s="257">
        <v>1059</v>
      </c>
      <c r="BN7" s="257">
        <v>728</v>
      </c>
      <c r="BO7" s="258">
        <v>5876</v>
      </c>
      <c r="BP7" s="259">
        <v>5892</v>
      </c>
      <c r="BQ7" s="253">
        <v>0</v>
      </c>
      <c r="BR7" s="257">
        <v>0</v>
      </c>
      <c r="BS7" s="254">
        <v>0</v>
      </c>
      <c r="BT7" s="256">
        <v>0</v>
      </c>
      <c r="BU7" s="257">
        <v>0</v>
      </c>
      <c r="BV7" s="257">
        <v>2</v>
      </c>
      <c r="BW7" s="257">
        <v>5</v>
      </c>
      <c r="BX7" s="257">
        <v>0</v>
      </c>
      <c r="BY7" s="257">
        <v>5</v>
      </c>
      <c r="BZ7" s="254">
        <v>12</v>
      </c>
      <c r="CA7" s="259">
        <v>12</v>
      </c>
      <c r="CB7" s="253">
        <v>0</v>
      </c>
      <c r="CC7" s="257">
        <v>0</v>
      </c>
      <c r="CD7" s="254">
        <v>0</v>
      </c>
      <c r="CE7" s="256">
        <v>0</v>
      </c>
      <c r="CF7" s="257">
        <v>3</v>
      </c>
      <c r="CG7" s="257">
        <v>11</v>
      </c>
      <c r="CH7" s="257">
        <v>22</v>
      </c>
      <c r="CI7" s="257">
        <v>38</v>
      </c>
      <c r="CJ7" s="257">
        <v>37</v>
      </c>
      <c r="CK7" s="254">
        <v>111</v>
      </c>
      <c r="CL7" s="259">
        <v>111</v>
      </c>
      <c r="CM7" s="253">
        <v>0</v>
      </c>
      <c r="CN7" s="257">
        <v>0</v>
      </c>
      <c r="CO7" s="254">
        <v>0</v>
      </c>
      <c r="CP7" s="256">
        <v>0</v>
      </c>
      <c r="CQ7" s="257">
        <v>24</v>
      </c>
      <c r="CR7" s="257">
        <v>72</v>
      </c>
      <c r="CS7" s="257">
        <v>62</v>
      </c>
      <c r="CT7" s="257">
        <v>101</v>
      </c>
      <c r="CU7" s="257">
        <v>163</v>
      </c>
      <c r="CV7" s="254">
        <v>422</v>
      </c>
      <c r="CW7" s="259">
        <v>422</v>
      </c>
    </row>
    <row r="8" spans="1:101" ht="21" customHeight="1" x14ac:dyDescent="0.2">
      <c r="B8" s="437" t="s">
        <v>6</v>
      </c>
      <c r="C8" s="253">
        <v>0</v>
      </c>
      <c r="D8" s="254">
        <v>0</v>
      </c>
      <c r="E8" s="255">
        <v>0</v>
      </c>
      <c r="F8" s="256">
        <v>0</v>
      </c>
      <c r="G8" s="257">
        <v>72</v>
      </c>
      <c r="H8" s="257">
        <v>75</v>
      </c>
      <c r="I8" s="257">
        <v>72</v>
      </c>
      <c r="J8" s="257">
        <v>112</v>
      </c>
      <c r="K8" s="257">
        <v>104</v>
      </c>
      <c r="L8" s="258">
        <v>435</v>
      </c>
      <c r="M8" s="259">
        <v>435</v>
      </c>
      <c r="N8" s="253">
        <v>0</v>
      </c>
      <c r="O8" s="257">
        <v>0</v>
      </c>
      <c r="P8" s="254">
        <v>0</v>
      </c>
      <c r="Q8" s="256">
        <v>0</v>
      </c>
      <c r="R8" s="257">
        <v>73</v>
      </c>
      <c r="S8" s="257">
        <v>117</v>
      </c>
      <c r="T8" s="257">
        <v>91</v>
      </c>
      <c r="U8" s="257">
        <v>93</v>
      </c>
      <c r="V8" s="257">
        <v>89</v>
      </c>
      <c r="W8" s="254">
        <v>463</v>
      </c>
      <c r="X8" s="259">
        <v>463</v>
      </c>
      <c r="Y8" s="253">
        <v>0</v>
      </c>
      <c r="Z8" s="257">
        <v>0</v>
      </c>
      <c r="AA8" s="254">
        <v>0</v>
      </c>
      <c r="AB8" s="256">
        <v>0</v>
      </c>
      <c r="AC8" s="257">
        <v>1958</v>
      </c>
      <c r="AD8" s="257">
        <v>1403</v>
      </c>
      <c r="AE8" s="257">
        <v>729</v>
      </c>
      <c r="AF8" s="257">
        <v>408</v>
      </c>
      <c r="AG8" s="257">
        <v>223</v>
      </c>
      <c r="AH8" s="254">
        <v>4721</v>
      </c>
      <c r="AI8" s="259">
        <v>4721</v>
      </c>
      <c r="AJ8" s="253">
        <v>2</v>
      </c>
      <c r="AK8" s="257">
        <v>0</v>
      </c>
      <c r="AL8" s="254">
        <v>2</v>
      </c>
      <c r="AM8" s="256">
        <v>0</v>
      </c>
      <c r="AN8" s="257">
        <v>159</v>
      </c>
      <c r="AO8" s="257">
        <v>216</v>
      </c>
      <c r="AP8" s="257">
        <v>230</v>
      </c>
      <c r="AQ8" s="257">
        <v>129</v>
      </c>
      <c r="AR8" s="257">
        <v>108</v>
      </c>
      <c r="AS8" s="254">
        <v>842</v>
      </c>
      <c r="AT8" s="259">
        <v>844</v>
      </c>
      <c r="AU8" s="253">
        <v>21</v>
      </c>
      <c r="AV8" s="257">
        <v>40</v>
      </c>
      <c r="AW8" s="254">
        <v>61</v>
      </c>
      <c r="AX8" s="256">
        <v>0</v>
      </c>
      <c r="AY8" s="257">
        <v>256</v>
      </c>
      <c r="AZ8" s="257">
        <v>236</v>
      </c>
      <c r="BA8" s="257">
        <v>195</v>
      </c>
      <c r="BB8" s="257">
        <v>121</v>
      </c>
      <c r="BC8" s="257">
        <v>63</v>
      </c>
      <c r="BD8" s="254">
        <v>871</v>
      </c>
      <c r="BE8" s="259">
        <v>932</v>
      </c>
      <c r="BF8" s="253">
        <v>0</v>
      </c>
      <c r="BG8" s="257">
        <v>6</v>
      </c>
      <c r="BH8" s="254">
        <v>6</v>
      </c>
      <c r="BI8" s="256">
        <v>0</v>
      </c>
      <c r="BJ8" s="257">
        <v>461</v>
      </c>
      <c r="BK8" s="257">
        <v>579</v>
      </c>
      <c r="BL8" s="257">
        <v>556</v>
      </c>
      <c r="BM8" s="257">
        <v>379</v>
      </c>
      <c r="BN8" s="257">
        <v>262</v>
      </c>
      <c r="BO8" s="258">
        <v>2237</v>
      </c>
      <c r="BP8" s="259">
        <v>2243</v>
      </c>
      <c r="BQ8" s="253">
        <v>0</v>
      </c>
      <c r="BR8" s="257">
        <v>0</v>
      </c>
      <c r="BS8" s="254">
        <v>0</v>
      </c>
      <c r="BT8" s="256">
        <v>0</v>
      </c>
      <c r="BU8" s="257">
        <v>0</v>
      </c>
      <c r="BV8" s="257">
        <v>0</v>
      </c>
      <c r="BW8" s="257">
        <v>0</v>
      </c>
      <c r="BX8" s="257">
        <v>0</v>
      </c>
      <c r="BY8" s="257">
        <v>0</v>
      </c>
      <c r="BZ8" s="254">
        <v>0</v>
      </c>
      <c r="CA8" s="259">
        <v>0</v>
      </c>
      <c r="CB8" s="253">
        <v>0</v>
      </c>
      <c r="CC8" s="257">
        <v>0</v>
      </c>
      <c r="CD8" s="254">
        <v>0</v>
      </c>
      <c r="CE8" s="256">
        <v>0</v>
      </c>
      <c r="CF8" s="257">
        <v>1</v>
      </c>
      <c r="CG8" s="257">
        <v>7</v>
      </c>
      <c r="CH8" s="257">
        <v>73</v>
      </c>
      <c r="CI8" s="257">
        <v>95</v>
      </c>
      <c r="CJ8" s="257">
        <v>67</v>
      </c>
      <c r="CK8" s="254">
        <v>243</v>
      </c>
      <c r="CL8" s="259">
        <v>243</v>
      </c>
      <c r="CM8" s="253">
        <v>0</v>
      </c>
      <c r="CN8" s="257">
        <v>0</v>
      </c>
      <c r="CO8" s="254">
        <v>0</v>
      </c>
      <c r="CP8" s="256">
        <v>0</v>
      </c>
      <c r="CQ8" s="257">
        <v>66</v>
      </c>
      <c r="CR8" s="257">
        <v>81</v>
      </c>
      <c r="CS8" s="257">
        <v>67</v>
      </c>
      <c r="CT8" s="257">
        <v>93</v>
      </c>
      <c r="CU8" s="257">
        <v>111</v>
      </c>
      <c r="CV8" s="254">
        <v>418</v>
      </c>
      <c r="CW8" s="259">
        <v>418</v>
      </c>
    </row>
    <row r="9" spans="1:101" ht="21" customHeight="1" x14ac:dyDescent="0.2">
      <c r="B9" s="437" t="s">
        <v>14</v>
      </c>
      <c r="C9" s="253">
        <v>0</v>
      </c>
      <c r="D9" s="254">
        <v>0</v>
      </c>
      <c r="E9" s="255">
        <v>0</v>
      </c>
      <c r="F9" s="256">
        <v>0</v>
      </c>
      <c r="G9" s="257">
        <v>26</v>
      </c>
      <c r="H9" s="257">
        <v>40</v>
      </c>
      <c r="I9" s="257">
        <v>29</v>
      </c>
      <c r="J9" s="257">
        <v>37</v>
      </c>
      <c r="K9" s="257">
        <v>30</v>
      </c>
      <c r="L9" s="258">
        <v>162</v>
      </c>
      <c r="M9" s="259">
        <v>162</v>
      </c>
      <c r="N9" s="253">
        <v>0</v>
      </c>
      <c r="O9" s="257">
        <v>0</v>
      </c>
      <c r="P9" s="254">
        <v>0</v>
      </c>
      <c r="Q9" s="256">
        <v>0</v>
      </c>
      <c r="R9" s="257">
        <v>0</v>
      </c>
      <c r="S9" s="257">
        <v>0</v>
      </c>
      <c r="T9" s="257">
        <v>0</v>
      </c>
      <c r="U9" s="257">
        <v>0</v>
      </c>
      <c r="V9" s="257">
        <v>0</v>
      </c>
      <c r="W9" s="254">
        <v>0</v>
      </c>
      <c r="X9" s="259">
        <v>0</v>
      </c>
      <c r="Y9" s="253">
        <v>0</v>
      </c>
      <c r="Z9" s="257">
        <v>0</v>
      </c>
      <c r="AA9" s="254">
        <v>0</v>
      </c>
      <c r="AB9" s="256">
        <v>0</v>
      </c>
      <c r="AC9" s="257">
        <v>1120</v>
      </c>
      <c r="AD9" s="257">
        <v>1183</v>
      </c>
      <c r="AE9" s="257">
        <v>544</v>
      </c>
      <c r="AF9" s="257">
        <v>260</v>
      </c>
      <c r="AG9" s="257">
        <v>109</v>
      </c>
      <c r="AH9" s="254">
        <v>3216</v>
      </c>
      <c r="AI9" s="259">
        <v>3216</v>
      </c>
      <c r="AJ9" s="253">
        <v>0</v>
      </c>
      <c r="AK9" s="257">
        <v>0</v>
      </c>
      <c r="AL9" s="254">
        <v>0</v>
      </c>
      <c r="AM9" s="256">
        <v>0</v>
      </c>
      <c r="AN9" s="257">
        <v>18</v>
      </c>
      <c r="AO9" s="257">
        <v>25</v>
      </c>
      <c r="AP9" s="257">
        <v>41</v>
      </c>
      <c r="AQ9" s="257">
        <v>18</v>
      </c>
      <c r="AR9" s="257">
        <v>18</v>
      </c>
      <c r="AS9" s="254">
        <v>120</v>
      </c>
      <c r="AT9" s="259">
        <v>120</v>
      </c>
      <c r="AU9" s="253">
        <v>21</v>
      </c>
      <c r="AV9" s="257">
        <v>27</v>
      </c>
      <c r="AW9" s="254">
        <v>48</v>
      </c>
      <c r="AX9" s="256">
        <v>0</v>
      </c>
      <c r="AY9" s="257">
        <v>118</v>
      </c>
      <c r="AZ9" s="257">
        <v>151</v>
      </c>
      <c r="BA9" s="257">
        <v>121</v>
      </c>
      <c r="BB9" s="257">
        <v>82</v>
      </c>
      <c r="BC9" s="257">
        <v>30</v>
      </c>
      <c r="BD9" s="254">
        <v>502</v>
      </c>
      <c r="BE9" s="259">
        <v>550</v>
      </c>
      <c r="BF9" s="253">
        <v>0</v>
      </c>
      <c r="BG9" s="257">
        <v>2</v>
      </c>
      <c r="BH9" s="254">
        <v>2</v>
      </c>
      <c r="BI9" s="256">
        <v>0</v>
      </c>
      <c r="BJ9" s="257">
        <v>190</v>
      </c>
      <c r="BK9" s="257">
        <v>287</v>
      </c>
      <c r="BL9" s="257">
        <v>393</v>
      </c>
      <c r="BM9" s="257">
        <v>210</v>
      </c>
      <c r="BN9" s="257">
        <v>139</v>
      </c>
      <c r="BO9" s="258">
        <v>1219</v>
      </c>
      <c r="BP9" s="259">
        <v>1221</v>
      </c>
      <c r="BQ9" s="253">
        <v>0</v>
      </c>
      <c r="BR9" s="257">
        <v>0</v>
      </c>
      <c r="BS9" s="254">
        <v>0</v>
      </c>
      <c r="BT9" s="256">
        <v>0</v>
      </c>
      <c r="BU9" s="257">
        <v>0</v>
      </c>
      <c r="BV9" s="257">
        <v>0</v>
      </c>
      <c r="BW9" s="257">
        <v>0</v>
      </c>
      <c r="BX9" s="257">
        <v>0</v>
      </c>
      <c r="BY9" s="257">
        <v>0</v>
      </c>
      <c r="BZ9" s="254">
        <v>0</v>
      </c>
      <c r="CA9" s="259">
        <v>0</v>
      </c>
      <c r="CB9" s="253">
        <v>0</v>
      </c>
      <c r="CC9" s="257">
        <v>0</v>
      </c>
      <c r="CD9" s="254">
        <v>0</v>
      </c>
      <c r="CE9" s="256">
        <v>0</v>
      </c>
      <c r="CF9" s="257">
        <v>0</v>
      </c>
      <c r="CG9" s="257">
        <v>1</v>
      </c>
      <c r="CH9" s="257">
        <v>12</v>
      </c>
      <c r="CI9" s="257">
        <v>21</v>
      </c>
      <c r="CJ9" s="257">
        <v>12</v>
      </c>
      <c r="CK9" s="254">
        <v>46</v>
      </c>
      <c r="CL9" s="259">
        <v>46</v>
      </c>
      <c r="CM9" s="253">
        <v>0</v>
      </c>
      <c r="CN9" s="257">
        <v>0</v>
      </c>
      <c r="CO9" s="254">
        <v>0</v>
      </c>
      <c r="CP9" s="256">
        <v>0</v>
      </c>
      <c r="CQ9" s="257">
        <v>12</v>
      </c>
      <c r="CR9" s="257">
        <v>27</v>
      </c>
      <c r="CS9" s="257">
        <v>28</v>
      </c>
      <c r="CT9" s="257">
        <v>44</v>
      </c>
      <c r="CU9" s="257">
        <v>33</v>
      </c>
      <c r="CV9" s="254">
        <v>144</v>
      </c>
      <c r="CW9" s="259">
        <v>144</v>
      </c>
    </row>
    <row r="10" spans="1:101" ht="21" customHeight="1" x14ac:dyDescent="0.2">
      <c r="B10" s="437" t="s">
        <v>7</v>
      </c>
      <c r="C10" s="253">
        <v>0</v>
      </c>
      <c r="D10" s="254">
        <v>0</v>
      </c>
      <c r="E10" s="255">
        <v>0</v>
      </c>
      <c r="F10" s="256">
        <v>0</v>
      </c>
      <c r="G10" s="257">
        <v>8</v>
      </c>
      <c r="H10" s="257">
        <v>12</v>
      </c>
      <c r="I10" s="257">
        <v>3</v>
      </c>
      <c r="J10" s="257">
        <v>8</v>
      </c>
      <c r="K10" s="257">
        <v>3</v>
      </c>
      <c r="L10" s="258">
        <v>34</v>
      </c>
      <c r="M10" s="259">
        <v>34</v>
      </c>
      <c r="N10" s="253">
        <v>0</v>
      </c>
      <c r="O10" s="257">
        <v>0</v>
      </c>
      <c r="P10" s="254">
        <v>0</v>
      </c>
      <c r="Q10" s="256">
        <v>0</v>
      </c>
      <c r="R10" s="257">
        <v>0</v>
      </c>
      <c r="S10" s="257">
        <v>0</v>
      </c>
      <c r="T10" s="257">
        <v>0</v>
      </c>
      <c r="U10" s="257">
        <v>0</v>
      </c>
      <c r="V10" s="257">
        <v>0</v>
      </c>
      <c r="W10" s="254">
        <v>0</v>
      </c>
      <c r="X10" s="259">
        <v>0</v>
      </c>
      <c r="Y10" s="253">
        <v>0</v>
      </c>
      <c r="Z10" s="257">
        <v>0</v>
      </c>
      <c r="AA10" s="254">
        <v>0</v>
      </c>
      <c r="AB10" s="256">
        <v>0</v>
      </c>
      <c r="AC10" s="257">
        <v>1131</v>
      </c>
      <c r="AD10" s="257">
        <v>678</v>
      </c>
      <c r="AE10" s="257">
        <v>261</v>
      </c>
      <c r="AF10" s="257">
        <v>111</v>
      </c>
      <c r="AG10" s="257">
        <v>57</v>
      </c>
      <c r="AH10" s="254">
        <v>2238</v>
      </c>
      <c r="AI10" s="259">
        <v>2238</v>
      </c>
      <c r="AJ10" s="253">
        <v>0</v>
      </c>
      <c r="AK10" s="257">
        <v>1</v>
      </c>
      <c r="AL10" s="254">
        <v>1</v>
      </c>
      <c r="AM10" s="256">
        <v>0</v>
      </c>
      <c r="AN10" s="257">
        <v>90</v>
      </c>
      <c r="AO10" s="257">
        <v>88</v>
      </c>
      <c r="AP10" s="257">
        <v>89</v>
      </c>
      <c r="AQ10" s="257">
        <v>42</v>
      </c>
      <c r="AR10" s="257">
        <v>19</v>
      </c>
      <c r="AS10" s="254">
        <v>328</v>
      </c>
      <c r="AT10" s="259">
        <v>329</v>
      </c>
      <c r="AU10" s="253">
        <v>3</v>
      </c>
      <c r="AV10" s="257">
        <v>2</v>
      </c>
      <c r="AW10" s="254">
        <v>5</v>
      </c>
      <c r="AX10" s="256">
        <v>0</v>
      </c>
      <c r="AY10" s="257">
        <v>47</v>
      </c>
      <c r="AZ10" s="257">
        <v>33</v>
      </c>
      <c r="BA10" s="257">
        <v>32</v>
      </c>
      <c r="BB10" s="257">
        <v>18</v>
      </c>
      <c r="BC10" s="257">
        <v>13</v>
      </c>
      <c r="BD10" s="254">
        <v>143</v>
      </c>
      <c r="BE10" s="259">
        <v>148</v>
      </c>
      <c r="BF10" s="253">
        <v>0</v>
      </c>
      <c r="BG10" s="257">
        <v>1</v>
      </c>
      <c r="BH10" s="254">
        <v>1</v>
      </c>
      <c r="BI10" s="256">
        <v>0</v>
      </c>
      <c r="BJ10" s="257">
        <v>122</v>
      </c>
      <c r="BK10" s="257">
        <v>153</v>
      </c>
      <c r="BL10" s="257">
        <v>153</v>
      </c>
      <c r="BM10" s="257">
        <v>130</v>
      </c>
      <c r="BN10" s="257">
        <v>72</v>
      </c>
      <c r="BO10" s="258">
        <v>630</v>
      </c>
      <c r="BP10" s="259">
        <v>631</v>
      </c>
      <c r="BQ10" s="253">
        <v>0</v>
      </c>
      <c r="BR10" s="257">
        <v>0</v>
      </c>
      <c r="BS10" s="254">
        <v>0</v>
      </c>
      <c r="BT10" s="256">
        <v>0</v>
      </c>
      <c r="BU10" s="257">
        <v>0</v>
      </c>
      <c r="BV10" s="257">
        <v>0</v>
      </c>
      <c r="BW10" s="257">
        <v>0</v>
      </c>
      <c r="BX10" s="257">
        <v>0</v>
      </c>
      <c r="BY10" s="257">
        <v>0</v>
      </c>
      <c r="BZ10" s="254">
        <v>0</v>
      </c>
      <c r="CA10" s="259">
        <v>0</v>
      </c>
      <c r="CB10" s="253">
        <v>0</v>
      </c>
      <c r="CC10" s="257">
        <v>0</v>
      </c>
      <c r="CD10" s="254">
        <v>0</v>
      </c>
      <c r="CE10" s="256">
        <v>0</v>
      </c>
      <c r="CF10" s="257">
        <v>0</v>
      </c>
      <c r="CG10" s="257">
        <v>0</v>
      </c>
      <c r="CH10" s="257">
        <v>0</v>
      </c>
      <c r="CI10" s="257">
        <v>0</v>
      </c>
      <c r="CJ10" s="257">
        <v>0</v>
      </c>
      <c r="CK10" s="254">
        <v>0</v>
      </c>
      <c r="CL10" s="259">
        <v>0</v>
      </c>
      <c r="CM10" s="253">
        <v>0</v>
      </c>
      <c r="CN10" s="257">
        <v>0</v>
      </c>
      <c r="CO10" s="254">
        <v>0</v>
      </c>
      <c r="CP10" s="256">
        <v>0</v>
      </c>
      <c r="CQ10" s="257">
        <v>12</v>
      </c>
      <c r="CR10" s="257">
        <v>12</v>
      </c>
      <c r="CS10" s="257">
        <v>12</v>
      </c>
      <c r="CT10" s="257">
        <v>12</v>
      </c>
      <c r="CU10" s="257">
        <v>19</v>
      </c>
      <c r="CV10" s="254">
        <v>67</v>
      </c>
      <c r="CW10" s="259">
        <v>67</v>
      </c>
    </row>
    <row r="11" spans="1:101" ht="21" customHeight="1" x14ac:dyDescent="0.2">
      <c r="B11" s="437" t="s">
        <v>8</v>
      </c>
      <c r="C11" s="253">
        <v>0</v>
      </c>
      <c r="D11" s="254">
        <v>0</v>
      </c>
      <c r="E11" s="255">
        <v>0</v>
      </c>
      <c r="F11" s="256">
        <v>0</v>
      </c>
      <c r="G11" s="257">
        <v>5</v>
      </c>
      <c r="H11" s="257">
        <v>5</v>
      </c>
      <c r="I11" s="257">
        <v>1</v>
      </c>
      <c r="J11" s="257">
        <v>6</v>
      </c>
      <c r="K11" s="257">
        <v>1</v>
      </c>
      <c r="L11" s="258">
        <v>18</v>
      </c>
      <c r="M11" s="259">
        <v>18</v>
      </c>
      <c r="N11" s="253">
        <v>0</v>
      </c>
      <c r="O11" s="257">
        <v>0</v>
      </c>
      <c r="P11" s="254">
        <v>0</v>
      </c>
      <c r="Q11" s="256">
        <v>0</v>
      </c>
      <c r="R11" s="257">
        <v>1</v>
      </c>
      <c r="S11" s="257">
        <v>3</v>
      </c>
      <c r="T11" s="257">
        <v>0</v>
      </c>
      <c r="U11" s="257">
        <v>1</v>
      </c>
      <c r="V11" s="257">
        <v>1</v>
      </c>
      <c r="W11" s="254">
        <v>6</v>
      </c>
      <c r="X11" s="259">
        <v>6</v>
      </c>
      <c r="Y11" s="253">
        <v>0</v>
      </c>
      <c r="Z11" s="257">
        <v>0</v>
      </c>
      <c r="AA11" s="254">
        <v>0</v>
      </c>
      <c r="AB11" s="256">
        <v>0</v>
      </c>
      <c r="AC11" s="257">
        <v>606</v>
      </c>
      <c r="AD11" s="257">
        <v>537</v>
      </c>
      <c r="AE11" s="257">
        <v>222</v>
      </c>
      <c r="AF11" s="257">
        <v>97</v>
      </c>
      <c r="AG11" s="257">
        <v>57</v>
      </c>
      <c r="AH11" s="254">
        <v>1519</v>
      </c>
      <c r="AI11" s="259">
        <v>1519</v>
      </c>
      <c r="AJ11" s="253">
        <v>0</v>
      </c>
      <c r="AK11" s="257">
        <v>0</v>
      </c>
      <c r="AL11" s="254">
        <v>0</v>
      </c>
      <c r="AM11" s="256">
        <v>0</v>
      </c>
      <c r="AN11" s="257">
        <v>7</v>
      </c>
      <c r="AO11" s="257">
        <v>12</v>
      </c>
      <c r="AP11" s="257">
        <v>6</v>
      </c>
      <c r="AQ11" s="257">
        <v>11</v>
      </c>
      <c r="AR11" s="257">
        <v>6</v>
      </c>
      <c r="AS11" s="254">
        <v>42</v>
      </c>
      <c r="AT11" s="259">
        <v>42</v>
      </c>
      <c r="AU11" s="253">
        <v>10</v>
      </c>
      <c r="AV11" s="257">
        <v>13</v>
      </c>
      <c r="AW11" s="254">
        <v>23</v>
      </c>
      <c r="AX11" s="256">
        <v>0</v>
      </c>
      <c r="AY11" s="257">
        <v>66</v>
      </c>
      <c r="AZ11" s="257">
        <v>49</v>
      </c>
      <c r="BA11" s="257">
        <v>42</v>
      </c>
      <c r="BB11" s="257">
        <v>26</v>
      </c>
      <c r="BC11" s="257">
        <v>15</v>
      </c>
      <c r="BD11" s="254">
        <v>198</v>
      </c>
      <c r="BE11" s="259">
        <v>221</v>
      </c>
      <c r="BF11" s="253">
        <v>0</v>
      </c>
      <c r="BG11" s="257">
        <v>0</v>
      </c>
      <c r="BH11" s="254">
        <v>0</v>
      </c>
      <c r="BI11" s="256">
        <v>0</v>
      </c>
      <c r="BJ11" s="257">
        <v>59</v>
      </c>
      <c r="BK11" s="257">
        <v>66</v>
      </c>
      <c r="BL11" s="257">
        <v>81</v>
      </c>
      <c r="BM11" s="257">
        <v>71</v>
      </c>
      <c r="BN11" s="257">
        <v>37</v>
      </c>
      <c r="BO11" s="258">
        <v>314</v>
      </c>
      <c r="BP11" s="259">
        <v>314</v>
      </c>
      <c r="BQ11" s="253">
        <v>0</v>
      </c>
      <c r="BR11" s="257">
        <v>0</v>
      </c>
      <c r="BS11" s="254">
        <v>0</v>
      </c>
      <c r="BT11" s="256">
        <v>0</v>
      </c>
      <c r="BU11" s="257">
        <v>4</v>
      </c>
      <c r="BV11" s="257">
        <v>7</v>
      </c>
      <c r="BW11" s="257">
        <v>13</v>
      </c>
      <c r="BX11" s="257">
        <v>15</v>
      </c>
      <c r="BY11" s="257">
        <v>8</v>
      </c>
      <c r="BZ11" s="254">
        <v>47</v>
      </c>
      <c r="CA11" s="259">
        <v>47</v>
      </c>
      <c r="CB11" s="253">
        <v>0</v>
      </c>
      <c r="CC11" s="257">
        <v>0</v>
      </c>
      <c r="CD11" s="254">
        <v>0</v>
      </c>
      <c r="CE11" s="256">
        <v>0</v>
      </c>
      <c r="CF11" s="257">
        <v>0</v>
      </c>
      <c r="CG11" s="257">
        <v>1</v>
      </c>
      <c r="CH11" s="257">
        <v>8</v>
      </c>
      <c r="CI11" s="257">
        <v>24</v>
      </c>
      <c r="CJ11" s="257">
        <v>9</v>
      </c>
      <c r="CK11" s="254">
        <v>42</v>
      </c>
      <c r="CL11" s="259">
        <v>42</v>
      </c>
      <c r="CM11" s="253">
        <v>0</v>
      </c>
      <c r="CN11" s="257">
        <v>0</v>
      </c>
      <c r="CO11" s="254">
        <v>0</v>
      </c>
      <c r="CP11" s="256">
        <v>0</v>
      </c>
      <c r="CQ11" s="257">
        <v>13</v>
      </c>
      <c r="CR11" s="257">
        <v>14</v>
      </c>
      <c r="CS11" s="257">
        <v>17</v>
      </c>
      <c r="CT11" s="257">
        <v>11</v>
      </c>
      <c r="CU11" s="257">
        <v>5</v>
      </c>
      <c r="CV11" s="254">
        <v>60</v>
      </c>
      <c r="CW11" s="259">
        <v>60</v>
      </c>
    </row>
    <row r="12" spans="1:101" ht="21" customHeight="1" x14ac:dyDescent="0.2">
      <c r="B12" s="437" t="s">
        <v>9</v>
      </c>
      <c r="C12" s="253">
        <v>0</v>
      </c>
      <c r="D12" s="254">
        <v>0</v>
      </c>
      <c r="E12" s="255">
        <v>0</v>
      </c>
      <c r="F12" s="256">
        <v>0</v>
      </c>
      <c r="G12" s="257">
        <v>0</v>
      </c>
      <c r="H12" s="257">
        <v>3</v>
      </c>
      <c r="I12" s="257">
        <v>3</v>
      </c>
      <c r="J12" s="257">
        <v>10</v>
      </c>
      <c r="K12" s="257">
        <v>5</v>
      </c>
      <c r="L12" s="258">
        <v>21</v>
      </c>
      <c r="M12" s="259">
        <v>21</v>
      </c>
      <c r="N12" s="253">
        <v>0</v>
      </c>
      <c r="O12" s="257">
        <v>0</v>
      </c>
      <c r="P12" s="254">
        <v>0</v>
      </c>
      <c r="Q12" s="256">
        <v>0</v>
      </c>
      <c r="R12" s="257">
        <v>0</v>
      </c>
      <c r="S12" s="257">
        <v>0</v>
      </c>
      <c r="T12" s="257">
        <v>0</v>
      </c>
      <c r="U12" s="257">
        <v>0</v>
      </c>
      <c r="V12" s="257">
        <v>0</v>
      </c>
      <c r="W12" s="254">
        <v>0</v>
      </c>
      <c r="X12" s="259">
        <v>0</v>
      </c>
      <c r="Y12" s="253">
        <v>0</v>
      </c>
      <c r="Z12" s="257">
        <v>0</v>
      </c>
      <c r="AA12" s="254">
        <v>0</v>
      </c>
      <c r="AB12" s="256">
        <v>0</v>
      </c>
      <c r="AC12" s="257">
        <v>475</v>
      </c>
      <c r="AD12" s="257">
        <v>256</v>
      </c>
      <c r="AE12" s="257">
        <v>174</v>
      </c>
      <c r="AF12" s="257">
        <v>92</v>
      </c>
      <c r="AG12" s="257">
        <v>28</v>
      </c>
      <c r="AH12" s="254">
        <v>1025</v>
      </c>
      <c r="AI12" s="259">
        <v>1025</v>
      </c>
      <c r="AJ12" s="253">
        <v>0</v>
      </c>
      <c r="AK12" s="257">
        <v>0</v>
      </c>
      <c r="AL12" s="254">
        <v>0</v>
      </c>
      <c r="AM12" s="256">
        <v>0</v>
      </c>
      <c r="AN12" s="257">
        <v>3</v>
      </c>
      <c r="AO12" s="257">
        <v>8</v>
      </c>
      <c r="AP12" s="257">
        <v>9</v>
      </c>
      <c r="AQ12" s="257">
        <v>0</v>
      </c>
      <c r="AR12" s="257">
        <v>7</v>
      </c>
      <c r="AS12" s="254">
        <v>27</v>
      </c>
      <c r="AT12" s="259">
        <v>27</v>
      </c>
      <c r="AU12" s="253">
        <v>7</v>
      </c>
      <c r="AV12" s="257">
        <v>7</v>
      </c>
      <c r="AW12" s="254">
        <v>14</v>
      </c>
      <c r="AX12" s="256">
        <v>0</v>
      </c>
      <c r="AY12" s="257">
        <v>28</v>
      </c>
      <c r="AZ12" s="257">
        <v>26</v>
      </c>
      <c r="BA12" s="257">
        <v>22</v>
      </c>
      <c r="BB12" s="257">
        <v>24</v>
      </c>
      <c r="BC12" s="257">
        <v>13</v>
      </c>
      <c r="BD12" s="254">
        <v>113</v>
      </c>
      <c r="BE12" s="259">
        <v>127</v>
      </c>
      <c r="BF12" s="253">
        <v>0</v>
      </c>
      <c r="BG12" s="257">
        <v>1</v>
      </c>
      <c r="BH12" s="254">
        <v>1</v>
      </c>
      <c r="BI12" s="256">
        <v>0</v>
      </c>
      <c r="BJ12" s="257">
        <v>26</v>
      </c>
      <c r="BK12" s="257">
        <v>68</v>
      </c>
      <c r="BL12" s="257">
        <v>85</v>
      </c>
      <c r="BM12" s="257">
        <v>65</v>
      </c>
      <c r="BN12" s="257">
        <v>28</v>
      </c>
      <c r="BO12" s="258">
        <v>272</v>
      </c>
      <c r="BP12" s="259">
        <v>273</v>
      </c>
      <c r="BQ12" s="253">
        <v>0</v>
      </c>
      <c r="BR12" s="257">
        <v>0</v>
      </c>
      <c r="BS12" s="254">
        <v>0</v>
      </c>
      <c r="BT12" s="256">
        <v>0</v>
      </c>
      <c r="BU12" s="257">
        <v>0</v>
      </c>
      <c r="BV12" s="257">
        <v>0</v>
      </c>
      <c r="BW12" s="257">
        <v>0</v>
      </c>
      <c r="BX12" s="257">
        <v>0</v>
      </c>
      <c r="BY12" s="257">
        <v>1</v>
      </c>
      <c r="BZ12" s="254">
        <v>1</v>
      </c>
      <c r="CA12" s="259">
        <v>1</v>
      </c>
      <c r="CB12" s="253">
        <v>0</v>
      </c>
      <c r="CC12" s="257">
        <v>0</v>
      </c>
      <c r="CD12" s="254">
        <v>0</v>
      </c>
      <c r="CE12" s="256">
        <v>0</v>
      </c>
      <c r="CF12" s="257">
        <v>0</v>
      </c>
      <c r="CG12" s="257">
        <v>0</v>
      </c>
      <c r="CH12" s="257">
        <v>0</v>
      </c>
      <c r="CI12" s="257">
        <v>1</v>
      </c>
      <c r="CJ12" s="257">
        <v>0</v>
      </c>
      <c r="CK12" s="254">
        <v>1</v>
      </c>
      <c r="CL12" s="259">
        <v>1</v>
      </c>
      <c r="CM12" s="253">
        <v>0</v>
      </c>
      <c r="CN12" s="257">
        <v>0</v>
      </c>
      <c r="CO12" s="254">
        <v>0</v>
      </c>
      <c r="CP12" s="256">
        <v>0</v>
      </c>
      <c r="CQ12" s="257">
        <v>3</v>
      </c>
      <c r="CR12" s="257">
        <v>4</v>
      </c>
      <c r="CS12" s="257">
        <v>8</v>
      </c>
      <c r="CT12" s="257">
        <v>10</v>
      </c>
      <c r="CU12" s="257">
        <v>15</v>
      </c>
      <c r="CV12" s="254">
        <v>40</v>
      </c>
      <c r="CW12" s="259">
        <v>40</v>
      </c>
    </row>
    <row r="13" spans="1:101" ht="21" customHeight="1" x14ac:dyDescent="0.2">
      <c r="B13" s="437" t="s">
        <v>10</v>
      </c>
      <c r="C13" s="253">
        <v>0</v>
      </c>
      <c r="D13" s="254">
        <v>0</v>
      </c>
      <c r="E13" s="255">
        <v>0</v>
      </c>
      <c r="F13" s="256">
        <v>0</v>
      </c>
      <c r="G13" s="257">
        <v>15</v>
      </c>
      <c r="H13" s="257">
        <v>16</v>
      </c>
      <c r="I13" s="257">
        <v>15</v>
      </c>
      <c r="J13" s="257">
        <v>16</v>
      </c>
      <c r="K13" s="257">
        <v>18</v>
      </c>
      <c r="L13" s="258">
        <v>80</v>
      </c>
      <c r="M13" s="259">
        <v>80</v>
      </c>
      <c r="N13" s="253">
        <v>0</v>
      </c>
      <c r="O13" s="257">
        <v>0</v>
      </c>
      <c r="P13" s="254">
        <v>0</v>
      </c>
      <c r="Q13" s="256">
        <v>0</v>
      </c>
      <c r="R13" s="257">
        <v>11</v>
      </c>
      <c r="S13" s="257">
        <v>4</v>
      </c>
      <c r="T13" s="257">
        <v>6</v>
      </c>
      <c r="U13" s="257">
        <v>8</v>
      </c>
      <c r="V13" s="257">
        <v>5</v>
      </c>
      <c r="W13" s="254">
        <v>34</v>
      </c>
      <c r="X13" s="259">
        <v>34</v>
      </c>
      <c r="Y13" s="253">
        <v>0</v>
      </c>
      <c r="Z13" s="257">
        <v>0</v>
      </c>
      <c r="AA13" s="254">
        <v>0</v>
      </c>
      <c r="AB13" s="256">
        <v>0</v>
      </c>
      <c r="AC13" s="257">
        <v>580</v>
      </c>
      <c r="AD13" s="257">
        <v>256</v>
      </c>
      <c r="AE13" s="257">
        <v>130</v>
      </c>
      <c r="AF13" s="257">
        <v>60</v>
      </c>
      <c r="AG13" s="257">
        <v>25</v>
      </c>
      <c r="AH13" s="254">
        <v>1051</v>
      </c>
      <c r="AI13" s="259">
        <v>1051</v>
      </c>
      <c r="AJ13" s="253">
        <v>0</v>
      </c>
      <c r="AK13" s="257">
        <v>1</v>
      </c>
      <c r="AL13" s="254">
        <v>1</v>
      </c>
      <c r="AM13" s="256">
        <v>0</v>
      </c>
      <c r="AN13" s="257">
        <v>9</v>
      </c>
      <c r="AO13" s="257">
        <v>8</v>
      </c>
      <c r="AP13" s="257">
        <v>24</v>
      </c>
      <c r="AQ13" s="257">
        <v>12</v>
      </c>
      <c r="AR13" s="257">
        <v>9</v>
      </c>
      <c r="AS13" s="254">
        <v>62</v>
      </c>
      <c r="AT13" s="259">
        <v>63</v>
      </c>
      <c r="AU13" s="253">
        <v>13</v>
      </c>
      <c r="AV13" s="257">
        <v>18</v>
      </c>
      <c r="AW13" s="254">
        <v>31</v>
      </c>
      <c r="AX13" s="256">
        <v>0</v>
      </c>
      <c r="AY13" s="257">
        <v>82</v>
      </c>
      <c r="AZ13" s="257">
        <v>68</v>
      </c>
      <c r="BA13" s="257">
        <v>67</v>
      </c>
      <c r="BB13" s="257">
        <v>50</v>
      </c>
      <c r="BC13" s="257">
        <v>41</v>
      </c>
      <c r="BD13" s="254">
        <v>308</v>
      </c>
      <c r="BE13" s="259">
        <v>339</v>
      </c>
      <c r="BF13" s="253">
        <v>0</v>
      </c>
      <c r="BG13" s="257">
        <v>3</v>
      </c>
      <c r="BH13" s="254">
        <v>3</v>
      </c>
      <c r="BI13" s="256">
        <v>0</v>
      </c>
      <c r="BJ13" s="257">
        <v>101</v>
      </c>
      <c r="BK13" s="257">
        <v>123</v>
      </c>
      <c r="BL13" s="257">
        <v>119</v>
      </c>
      <c r="BM13" s="257">
        <v>96</v>
      </c>
      <c r="BN13" s="257">
        <v>77</v>
      </c>
      <c r="BO13" s="258">
        <v>516</v>
      </c>
      <c r="BP13" s="259">
        <v>519</v>
      </c>
      <c r="BQ13" s="253">
        <v>0</v>
      </c>
      <c r="BR13" s="257">
        <v>0</v>
      </c>
      <c r="BS13" s="254">
        <v>0</v>
      </c>
      <c r="BT13" s="256">
        <v>0</v>
      </c>
      <c r="BU13" s="257">
        <v>36</v>
      </c>
      <c r="BV13" s="257">
        <v>22</v>
      </c>
      <c r="BW13" s="257">
        <v>27</v>
      </c>
      <c r="BX13" s="257">
        <v>31</v>
      </c>
      <c r="BY13" s="257">
        <v>30</v>
      </c>
      <c r="BZ13" s="254">
        <v>146</v>
      </c>
      <c r="CA13" s="259">
        <v>146</v>
      </c>
      <c r="CB13" s="253">
        <v>0</v>
      </c>
      <c r="CC13" s="257">
        <v>0</v>
      </c>
      <c r="CD13" s="254">
        <v>0</v>
      </c>
      <c r="CE13" s="256">
        <v>0</v>
      </c>
      <c r="CF13" s="257">
        <v>0</v>
      </c>
      <c r="CG13" s="257">
        <v>1</v>
      </c>
      <c r="CH13" s="257">
        <v>4</v>
      </c>
      <c r="CI13" s="257">
        <v>18</v>
      </c>
      <c r="CJ13" s="257">
        <v>20</v>
      </c>
      <c r="CK13" s="254">
        <v>43</v>
      </c>
      <c r="CL13" s="259">
        <v>43</v>
      </c>
      <c r="CM13" s="253">
        <v>0</v>
      </c>
      <c r="CN13" s="257">
        <v>0</v>
      </c>
      <c r="CO13" s="254">
        <v>0</v>
      </c>
      <c r="CP13" s="256">
        <v>0</v>
      </c>
      <c r="CQ13" s="257">
        <v>16</v>
      </c>
      <c r="CR13" s="257">
        <v>37</v>
      </c>
      <c r="CS13" s="257">
        <v>34</v>
      </c>
      <c r="CT13" s="257">
        <v>52</v>
      </c>
      <c r="CU13" s="257">
        <v>24</v>
      </c>
      <c r="CV13" s="254">
        <v>163</v>
      </c>
      <c r="CW13" s="259">
        <v>163</v>
      </c>
    </row>
    <row r="14" spans="1:101" ht="21" customHeight="1" x14ac:dyDescent="0.2">
      <c r="B14" s="437" t="s">
        <v>11</v>
      </c>
      <c r="C14" s="253">
        <v>0</v>
      </c>
      <c r="D14" s="254">
        <v>0</v>
      </c>
      <c r="E14" s="255">
        <v>0</v>
      </c>
      <c r="F14" s="256">
        <v>0</v>
      </c>
      <c r="G14" s="257">
        <v>9</v>
      </c>
      <c r="H14" s="257">
        <v>8</v>
      </c>
      <c r="I14" s="257">
        <v>4</v>
      </c>
      <c r="J14" s="257">
        <v>4</v>
      </c>
      <c r="K14" s="257">
        <v>4</v>
      </c>
      <c r="L14" s="258">
        <v>29</v>
      </c>
      <c r="M14" s="259">
        <v>29</v>
      </c>
      <c r="N14" s="253">
        <v>0</v>
      </c>
      <c r="O14" s="257">
        <v>0</v>
      </c>
      <c r="P14" s="254">
        <v>0</v>
      </c>
      <c r="Q14" s="256">
        <v>0</v>
      </c>
      <c r="R14" s="257">
        <v>13</v>
      </c>
      <c r="S14" s="257">
        <v>16</v>
      </c>
      <c r="T14" s="257">
        <v>11</v>
      </c>
      <c r="U14" s="257">
        <v>13</v>
      </c>
      <c r="V14" s="257">
        <v>5</v>
      </c>
      <c r="W14" s="254">
        <v>58</v>
      </c>
      <c r="X14" s="259">
        <v>58</v>
      </c>
      <c r="Y14" s="253">
        <v>0</v>
      </c>
      <c r="Z14" s="257">
        <v>0</v>
      </c>
      <c r="AA14" s="254">
        <v>0</v>
      </c>
      <c r="AB14" s="256">
        <v>0</v>
      </c>
      <c r="AC14" s="257">
        <v>481</v>
      </c>
      <c r="AD14" s="257">
        <v>252</v>
      </c>
      <c r="AE14" s="257">
        <v>151</v>
      </c>
      <c r="AF14" s="257">
        <v>63</v>
      </c>
      <c r="AG14" s="257">
        <v>40</v>
      </c>
      <c r="AH14" s="254">
        <v>987</v>
      </c>
      <c r="AI14" s="259">
        <v>987</v>
      </c>
      <c r="AJ14" s="253">
        <v>0</v>
      </c>
      <c r="AK14" s="257">
        <v>0</v>
      </c>
      <c r="AL14" s="254">
        <v>0</v>
      </c>
      <c r="AM14" s="256">
        <v>0</v>
      </c>
      <c r="AN14" s="257">
        <v>19</v>
      </c>
      <c r="AO14" s="257">
        <v>17</v>
      </c>
      <c r="AP14" s="257">
        <v>14</v>
      </c>
      <c r="AQ14" s="257">
        <v>1</v>
      </c>
      <c r="AR14" s="257">
        <v>1</v>
      </c>
      <c r="AS14" s="254">
        <v>52</v>
      </c>
      <c r="AT14" s="259">
        <v>52</v>
      </c>
      <c r="AU14" s="253">
        <v>1</v>
      </c>
      <c r="AV14" s="257">
        <v>6</v>
      </c>
      <c r="AW14" s="254">
        <v>7</v>
      </c>
      <c r="AX14" s="256">
        <v>0</v>
      </c>
      <c r="AY14" s="257">
        <v>45</v>
      </c>
      <c r="AZ14" s="257">
        <v>37</v>
      </c>
      <c r="BA14" s="257">
        <v>40</v>
      </c>
      <c r="BB14" s="257">
        <v>21</v>
      </c>
      <c r="BC14" s="257">
        <v>7</v>
      </c>
      <c r="BD14" s="254">
        <v>150</v>
      </c>
      <c r="BE14" s="259">
        <v>157</v>
      </c>
      <c r="BF14" s="253">
        <v>0</v>
      </c>
      <c r="BG14" s="257">
        <v>3</v>
      </c>
      <c r="BH14" s="254">
        <v>3</v>
      </c>
      <c r="BI14" s="256">
        <v>0</v>
      </c>
      <c r="BJ14" s="257">
        <v>55</v>
      </c>
      <c r="BK14" s="257">
        <v>71</v>
      </c>
      <c r="BL14" s="257">
        <v>87</v>
      </c>
      <c r="BM14" s="257">
        <v>56</v>
      </c>
      <c r="BN14" s="257">
        <v>28</v>
      </c>
      <c r="BO14" s="258">
        <v>297</v>
      </c>
      <c r="BP14" s="259">
        <v>300</v>
      </c>
      <c r="BQ14" s="253">
        <v>0</v>
      </c>
      <c r="BR14" s="257">
        <v>0</v>
      </c>
      <c r="BS14" s="254">
        <v>0</v>
      </c>
      <c r="BT14" s="256">
        <v>0</v>
      </c>
      <c r="BU14" s="257">
        <v>0</v>
      </c>
      <c r="BV14" s="257">
        <v>0</v>
      </c>
      <c r="BW14" s="257">
        <v>0</v>
      </c>
      <c r="BX14" s="257">
        <v>0</v>
      </c>
      <c r="BY14" s="257">
        <v>0</v>
      </c>
      <c r="BZ14" s="254">
        <v>0</v>
      </c>
      <c r="CA14" s="259">
        <v>0</v>
      </c>
      <c r="CB14" s="253">
        <v>0</v>
      </c>
      <c r="CC14" s="257">
        <v>0</v>
      </c>
      <c r="CD14" s="254">
        <v>0</v>
      </c>
      <c r="CE14" s="256">
        <v>0</v>
      </c>
      <c r="CF14" s="257">
        <v>0</v>
      </c>
      <c r="CG14" s="257">
        <v>1</v>
      </c>
      <c r="CH14" s="257">
        <v>1</v>
      </c>
      <c r="CI14" s="257">
        <v>0</v>
      </c>
      <c r="CJ14" s="257">
        <v>0</v>
      </c>
      <c r="CK14" s="254">
        <v>2</v>
      </c>
      <c r="CL14" s="259">
        <v>2</v>
      </c>
      <c r="CM14" s="253">
        <v>0</v>
      </c>
      <c r="CN14" s="257">
        <v>0</v>
      </c>
      <c r="CO14" s="254">
        <v>0</v>
      </c>
      <c r="CP14" s="256">
        <v>0</v>
      </c>
      <c r="CQ14" s="257">
        <v>11</v>
      </c>
      <c r="CR14" s="257">
        <v>3</v>
      </c>
      <c r="CS14" s="257">
        <v>4</v>
      </c>
      <c r="CT14" s="257">
        <v>8</v>
      </c>
      <c r="CU14" s="257">
        <v>2</v>
      </c>
      <c r="CV14" s="254">
        <v>28</v>
      </c>
      <c r="CW14" s="259">
        <v>28</v>
      </c>
    </row>
    <row r="15" spans="1:101" ht="21" customHeight="1" x14ac:dyDescent="0.2">
      <c r="B15" s="437" t="s">
        <v>12</v>
      </c>
      <c r="C15" s="253">
        <v>0</v>
      </c>
      <c r="D15" s="254">
        <v>0</v>
      </c>
      <c r="E15" s="255">
        <v>0</v>
      </c>
      <c r="F15" s="256">
        <v>0</v>
      </c>
      <c r="G15" s="257">
        <v>8</v>
      </c>
      <c r="H15" s="257">
        <v>4</v>
      </c>
      <c r="I15" s="257">
        <v>3</v>
      </c>
      <c r="J15" s="257">
        <v>1</v>
      </c>
      <c r="K15" s="257">
        <v>6</v>
      </c>
      <c r="L15" s="258">
        <v>22</v>
      </c>
      <c r="M15" s="259">
        <v>22</v>
      </c>
      <c r="N15" s="253">
        <v>0</v>
      </c>
      <c r="O15" s="257">
        <v>0</v>
      </c>
      <c r="P15" s="254">
        <v>0</v>
      </c>
      <c r="Q15" s="256">
        <v>0</v>
      </c>
      <c r="R15" s="257">
        <v>0</v>
      </c>
      <c r="S15" s="257">
        <v>0</v>
      </c>
      <c r="T15" s="257">
        <v>0</v>
      </c>
      <c r="U15" s="257">
        <v>0</v>
      </c>
      <c r="V15" s="257">
        <v>0</v>
      </c>
      <c r="W15" s="254">
        <v>0</v>
      </c>
      <c r="X15" s="259">
        <v>0</v>
      </c>
      <c r="Y15" s="253">
        <v>0</v>
      </c>
      <c r="Z15" s="257">
        <v>0</v>
      </c>
      <c r="AA15" s="254">
        <v>0</v>
      </c>
      <c r="AB15" s="256">
        <v>0</v>
      </c>
      <c r="AC15" s="257">
        <v>380</v>
      </c>
      <c r="AD15" s="257">
        <v>266</v>
      </c>
      <c r="AE15" s="257">
        <v>140</v>
      </c>
      <c r="AF15" s="257">
        <v>68</v>
      </c>
      <c r="AG15" s="257">
        <v>25</v>
      </c>
      <c r="AH15" s="254">
        <v>879</v>
      </c>
      <c r="AI15" s="259">
        <v>879</v>
      </c>
      <c r="AJ15" s="253">
        <v>0</v>
      </c>
      <c r="AK15" s="257">
        <v>0</v>
      </c>
      <c r="AL15" s="254">
        <v>0</v>
      </c>
      <c r="AM15" s="256">
        <v>0</v>
      </c>
      <c r="AN15" s="257">
        <v>2</v>
      </c>
      <c r="AO15" s="257">
        <v>1</v>
      </c>
      <c r="AP15" s="257">
        <v>1</v>
      </c>
      <c r="AQ15" s="257">
        <v>2</v>
      </c>
      <c r="AR15" s="257">
        <v>2</v>
      </c>
      <c r="AS15" s="254">
        <v>8</v>
      </c>
      <c r="AT15" s="259">
        <v>8</v>
      </c>
      <c r="AU15" s="253">
        <v>0</v>
      </c>
      <c r="AV15" s="257">
        <v>1</v>
      </c>
      <c r="AW15" s="254">
        <v>1</v>
      </c>
      <c r="AX15" s="256">
        <v>0</v>
      </c>
      <c r="AY15" s="257">
        <v>23</v>
      </c>
      <c r="AZ15" s="257">
        <v>42</v>
      </c>
      <c r="BA15" s="257">
        <v>46</v>
      </c>
      <c r="BB15" s="257">
        <v>34</v>
      </c>
      <c r="BC15" s="257">
        <v>28</v>
      </c>
      <c r="BD15" s="254">
        <v>173</v>
      </c>
      <c r="BE15" s="259">
        <v>174</v>
      </c>
      <c r="BF15" s="253">
        <v>0</v>
      </c>
      <c r="BG15" s="257">
        <v>0</v>
      </c>
      <c r="BH15" s="254">
        <v>0</v>
      </c>
      <c r="BI15" s="256">
        <v>0</v>
      </c>
      <c r="BJ15" s="257">
        <v>38</v>
      </c>
      <c r="BK15" s="257">
        <v>47</v>
      </c>
      <c r="BL15" s="257">
        <v>50</v>
      </c>
      <c r="BM15" s="257">
        <v>29</v>
      </c>
      <c r="BN15" s="257">
        <v>40</v>
      </c>
      <c r="BO15" s="258">
        <v>204</v>
      </c>
      <c r="BP15" s="259">
        <v>204</v>
      </c>
      <c r="BQ15" s="253">
        <v>0</v>
      </c>
      <c r="BR15" s="257">
        <v>0</v>
      </c>
      <c r="BS15" s="254">
        <v>0</v>
      </c>
      <c r="BT15" s="256">
        <v>0</v>
      </c>
      <c r="BU15" s="257">
        <v>0</v>
      </c>
      <c r="BV15" s="257">
        <v>6</v>
      </c>
      <c r="BW15" s="257">
        <v>6</v>
      </c>
      <c r="BX15" s="257">
        <v>13</v>
      </c>
      <c r="BY15" s="257">
        <v>3</v>
      </c>
      <c r="BZ15" s="254">
        <v>28</v>
      </c>
      <c r="CA15" s="259">
        <v>28</v>
      </c>
      <c r="CB15" s="253">
        <v>0</v>
      </c>
      <c r="CC15" s="257">
        <v>0</v>
      </c>
      <c r="CD15" s="254">
        <v>0</v>
      </c>
      <c r="CE15" s="256">
        <v>0</v>
      </c>
      <c r="CF15" s="257">
        <v>0</v>
      </c>
      <c r="CG15" s="257">
        <v>0</v>
      </c>
      <c r="CH15" s="257">
        <v>10</v>
      </c>
      <c r="CI15" s="257">
        <v>13</v>
      </c>
      <c r="CJ15" s="257">
        <v>6</v>
      </c>
      <c r="CK15" s="254">
        <v>29</v>
      </c>
      <c r="CL15" s="259">
        <v>29</v>
      </c>
      <c r="CM15" s="253">
        <v>0</v>
      </c>
      <c r="CN15" s="257">
        <v>0</v>
      </c>
      <c r="CO15" s="254">
        <v>0</v>
      </c>
      <c r="CP15" s="256">
        <v>0</v>
      </c>
      <c r="CQ15" s="257">
        <v>7</v>
      </c>
      <c r="CR15" s="257">
        <v>19</v>
      </c>
      <c r="CS15" s="257">
        <v>24</v>
      </c>
      <c r="CT15" s="257">
        <v>16</v>
      </c>
      <c r="CU15" s="257">
        <v>13</v>
      </c>
      <c r="CV15" s="254">
        <v>79</v>
      </c>
      <c r="CW15" s="259">
        <v>79</v>
      </c>
    </row>
    <row r="16" spans="1:101" ht="21" customHeight="1" x14ac:dyDescent="0.2">
      <c r="B16" s="437" t="s">
        <v>13</v>
      </c>
      <c r="C16" s="253">
        <v>0</v>
      </c>
      <c r="D16" s="254">
        <v>0</v>
      </c>
      <c r="E16" s="255">
        <v>0</v>
      </c>
      <c r="F16" s="256">
        <v>0</v>
      </c>
      <c r="G16" s="257">
        <v>2</v>
      </c>
      <c r="H16" s="257">
        <v>1</v>
      </c>
      <c r="I16" s="257">
        <v>1</v>
      </c>
      <c r="J16" s="257">
        <v>0</v>
      </c>
      <c r="K16" s="257">
        <v>2</v>
      </c>
      <c r="L16" s="258">
        <v>6</v>
      </c>
      <c r="M16" s="259">
        <v>6</v>
      </c>
      <c r="N16" s="253">
        <v>0</v>
      </c>
      <c r="O16" s="257">
        <v>0</v>
      </c>
      <c r="P16" s="254">
        <v>0</v>
      </c>
      <c r="Q16" s="256">
        <v>0</v>
      </c>
      <c r="R16" s="257">
        <v>0</v>
      </c>
      <c r="S16" s="257">
        <v>0</v>
      </c>
      <c r="T16" s="257">
        <v>0</v>
      </c>
      <c r="U16" s="257">
        <v>0</v>
      </c>
      <c r="V16" s="257">
        <v>0</v>
      </c>
      <c r="W16" s="254">
        <v>0</v>
      </c>
      <c r="X16" s="259">
        <v>0</v>
      </c>
      <c r="Y16" s="253">
        <v>0</v>
      </c>
      <c r="Z16" s="257">
        <v>0</v>
      </c>
      <c r="AA16" s="254">
        <v>0</v>
      </c>
      <c r="AB16" s="256">
        <v>0</v>
      </c>
      <c r="AC16" s="257">
        <v>150</v>
      </c>
      <c r="AD16" s="257">
        <v>150</v>
      </c>
      <c r="AE16" s="257">
        <v>79</v>
      </c>
      <c r="AF16" s="257">
        <v>34</v>
      </c>
      <c r="AG16" s="257">
        <v>13</v>
      </c>
      <c r="AH16" s="254">
        <v>426</v>
      </c>
      <c r="AI16" s="259">
        <v>426</v>
      </c>
      <c r="AJ16" s="253">
        <v>0</v>
      </c>
      <c r="AK16" s="257">
        <v>0</v>
      </c>
      <c r="AL16" s="254">
        <v>0</v>
      </c>
      <c r="AM16" s="256">
        <v>0</v>
      </c>
      <c r="AN16" s="257">
        <v>2</v>
      </c>
      <c r="AO16" s="257">
        <v>11</v>
      </c>
      <c r="AP16" s="257">
        <v>8</v>
      </c>
      <c r="AQ16" s="257">
        <v>3</v>
      </c>
      <c r="AR16" s="257">
        <v>8</v>
      </c>
      <c r="AS16" s="254">
        <v>32</v>
      </c>
      <c r="AT16" s="259">
        <v>32</v>
      </c>
      <c r="AU16" s="253">
        <v>1</v>
      </c>
      <c r="AV16" s="257">
        <v>4</v>
      </c>
      <c r="AW16" s="254">
        <v>5</v>
      </c>
      <c r="AX16" s="256">
        <v>0</v>
      </c>
      <c r="AY16" s="257">
        <v>11</v>
      </c>
      <c r="AZ16" s="257">
        <v>11</v>
      </c>
      <c r="BA16" s="257">
        <v>9</v>
      </c>
      <c r="BB16" s="257">
        <v>1</v>
      </c>
      <c r="BC16" s="257">
        <v>0</v>
      </c>
      <c r="BD16" s="254">
        <v>32</v>
      </c>
      <c r="BE16" s="259">
        <v>37</v>
      </c>
      <c r="BF16" s="253">
        <v>0</v>
      </c>
      <c r="BG16" s="257">
        <v>0</v>
      </c>
      <c r="BH16" s="254">
        <v>0</v>
      </c>
      <c r="BI16" s="256">
        <v>0</v>
      </c>
      <c r="BJ16" s="257">
        <v>12</v>
      </c>
      <c r="BK16" s="257">
        <v>12</v>
      </c>
      <c r="BL16" s="257">
        <v>17</v>
      </c>
      <c r="BM16" s="257">
        <v>21</v>
      </c>
      <c r="BN16" s="257">
        <v>8</v>
      </c>
      <c r="BO16" s="258">
        <v>70</v>
      </c>
      <c r="BP16" s="259">
        <v>70</v>
      </c>
      <c r="BQ16" s="253">
        <v>0</v>
      </c>
      <c r="BR16" s="257">
        <v>0</v>
      </c>
      <c r="BS16" s="254">
        <v>0</v>
      </c>
      <c r="BT16" s="256">
        <v>0</v>
      </c>
      <c r="BU16" s="257">
        <v>3</v>
      </c>
      <c r="BV16" s="257">
        <v>2</v>
      </c>
      <c r="BW16" s="257">
        <v>1</v>
      </c>
      <c r="BX16" s="257">
        <v>5</v>
      </c>
      <c r="BY16" s="257">
        <v>3</v>
      </c>
      <c r="BZ16" s="254">
        <v>14</v>
      </c>
      <c r="CA16" s="259">
        <v>14</v>
      </c>
      <c r="CB16" s="253">
        <v>0</v>
      </c>
      <c r="CC16" s="257">
        <v>0</v>
      </c>
      <c r="CD16" s="254">
        <v>0</v>
      </c>
      <c r="CE16" s="256">
        <v>0</v>
      </c>
      <c r="CF16" s="257">
        <v>0</v>
      </c>
      <c r="CG16" s="257">
        <v>0</v>
      </c>
      <c r="CH16" s="257">
        <v>0</v>
      </c>
      <c r="CI16" s="257">
        <v>0</v>
      </c>
      <c r="CJ16" s="257">
        <v>0</v>
      </c>
      <c r="CK16" s="254">
        <v>0</v>
      </c>
      <c r="CL16" s="259">
        <v>0</v>
      </c>
      <c r="CM16" s="253">
        <v>0</v>
      </c>
      <c r="CN16" s="257">
        <v>0</v>
      </c>
      <c r="CO16" s="254">
        <v>0</v>
      </c>
      <c r="CP16" s="256">
        <v>0</v>
      </c>
      <c r="CQ16" s="257">
        <v>0</v>
      </c>
      <c r="CR16" s="257">
        <v>0</v>
      </c>
      <c r="CS16" s="257">
        <v>0</v>
      </c>
      <c r="CT16" s="257">
        <v>0</v>
      </c>
      <c r="CU16" s="257">
        <v>0</v>
      </c>
      <c r="CV16" s="254">
        <v>0</v>
      </c>
      <c r="CW16" s="259">
        <v>0</v>
      </c>
    </row>
    <row r="17" spans="2:101" ht="21" customHeight="1" x14ac:dyDescent="0.2">
      <c r="B17" s="437" t="s">
        <v>15</v>
      </c>
      <c r="C17" s="253">
        <v>0</v>
      </c>
      <c r="D17" s="254">
        <v>0</v>
      </c>
      <c r="E17" s="255">
        <v>0</v>
      </c>
      <c r="F17" s="256">
        <v>0</v>
      </c>
      <c r="G17" s="257">
        <v>3</v>
      </c>
      <c r="H17" s="257">
        <v>1</v>
      </c>
      <c r="I17" s="257">
        <v>1</v>
      </c>
      <c r="J17" s="257">
        <v>5</v>
      </c>
      <c r="K17" s="257">
        <v>5</v>
      </c>
      <c r="L17" s="258">
        <v>15</v>
      </c>
      <c r="M17" s="259">
        <v>15</v>
      </c>
      <c r="N17" s="253">
        <v>0</v>
      </c>
      <c r="O17" s="257">
        <v>0</v>
      </c>
      <c r="P17" s="254">
        <v>0</v>
      </c>
      <c r="Q17" s="256">
        <v>0</v>
      </c>
      <c r="R17" s="257">
        <v>0</v>
      </c>
      <c r="S17" s="257">
        <v>0</v>
      </c>
      <c r="T17" s="257">
        <v>0</v>
      </c>
      <c r="U17" s="257">
        <v>0</v>
      </c>
      <c r="V17" s="257">
        <v>0</v>
      </c>
      <c r="W17" s="254">
        <v>0</v>
      </c>
      <c r="X17" s="259">
        <v>0</v>
      </c>
      <c r="Y17" s="253">
        <v>0</v>
      </c>
      <c r="Z17" s="257">
        <v>0</v>
      </c>
      <c r="AA17" s="254">
        <v>0</v>
      </c>
      <c r="AB17" s="256">
        <v>0</v>
      </c>
      <c r="AC17" s="257">
        <v>176</v>
      </c>
      <c r="AD17" s="257">
        <v>181</v>
      </c>
      <c r="AE17" s="257">
        <v>78</v>
      </c>
      <c r="AF17" s="257">
        <v>32</v>
      </c>
      <c r="AG17" s="257">
        <v>11</v>
      </c>
      <c r="AH17" s="254">
        <v>478</v>
      </c>
      <c r="AI17" s="259">
        <v>478</v>
      </c>
      <c r="AJ17" s="253">
        <v>0</v>
      </c>
      <c r="AK17" s="257">
        <v>0</v>
      </c>
      <c r="AL17" s="254">
        <v>0</v>
      </c>
      <c r="AM17" s="256">
        <v>0</v>
      </c>
      <c r="AN17" s="257">
        <v>3</v>
      </c>
      <c r="AO17" s="257">
        <v>3</v>
      </c>
      <c r="AP17" s="257">
        <v>7</v>
      </c>
      <c r="AQ17" s="257">
        <v>2</v>
      </c>
      <c r="AR17" s="257">
        <v>2</v>
      </c>
      <c r="AS17" s="254">
        <v>17</v>
      </c>
      <c r="AT17" s="259">
        <v>17</v>
      </c>
      <c r="AU17" s="253">
        <v>3</v>
      </c>
      <c r="AV17" s="257">
        <v>13</v>
      </c>
      <c r="AW17" s="254">
        <v>16</v>
      </c>
      <c r="AX17" s="256">
        <v>0</v>
      </c>
      <c r="AY17" s="257">
        <v>14</v>
      </c>
      <c r="AZ17" s="257">
        <v>10</v>
      </c>
      <c r="BA17" s="257">
        <v>5</v>
      </c>
      <c r="BB17" s="257">
        <v>9</v>
      </c>
      <c r="BC17" s="257">
        <v>4</v>
      </c>
      <c r="BD17" s="254">
        <v>42</v>
      </c>
      <c r="BE17" s="259">
        <v>58</v>
      </c>
      <c r="BF17" s="253">
        <v>0</v>
      </c>
      <c r="BG17" s="257">
        <v>4</v>
      </c>
      <c r="BH17" s="254">
        <v>4</v>
      </c>
      <c r="BI17" s="256">
        <v>0</v>
      </c>
      <c r="BJ17" s="257">
        <v>31</v>
      </c>
      <c r="BK17" s="257">
        <v>47</v>
      </c>
      <c r="BL17" s="257">
        <v>37</v>
      </c>
      <c r="BM17" s="257">
        <v>25</v>
      </c>
      <c r="BN17" s="257">
        <v>18</v>
      </c>
      <c r="BO17" s="258">
        <v>158</v>
      </c>
      <c r="BP17" s="259">
        <v>162</v>
      </c>
      <c r="BQ17" s="253">
        <v>0</v>
      </c>
      <c r="BR17" s="257">
        <v>0</v>
      </c>
      <c r="BS17" s="254">
        <v>0</v>
      </c>
      <c r="BT17" s="256">
        <v>0</v>
      </c>
      <c r="BU17" s="257">
        <v>0</v>
      </c>
      <c r="BV17" s="257">
        <v>0</v>
      </c>
      <c r="BW17" s="257">
        <v>0</v>
      </c>
      <c r="BX17" s="257">
        <v>0</v>
      </c>
      <c r="BY17" s="257">
        <v>0</v>
      </c>
      <c r="BZ17" s="254">
        <v>0</v>
      </c>
      <c r="CA17" s="259">
        <v>0</v>
      </c>
      <c r="CB17" s="253">
        <v>0</v>
      </c>
      <c r="CC17" s="257">
        <v>0</v>
      </c>
      <c r="CD17" s="254">
        <v>0</v>
      </c>
      <c r="CE17" s="256">
        <v>0</v>
      </c>
      <c r="CF17" s="257">
        <v>0</v>
      </c>
      <c r="CG17" s="257">
        <v>0</v>
      </c>
      <c r="CH17" s="257">
        <v>6</v>
      </c>
      <c r="CI17" s="257">
        <v>12</v>
      </c>
      <c r="CJ17" s="257">
        <v>8</v>
      </c>
      <c r="CK17" s="254">
        <v>26</v>
      </c>
      <c r="CL17" s="259">
        <v>26</v>
      </c>
      <c r="CM17" s="253">
        <v>0</v>
      </c>
      <c r="CN17" s="257">
        <v>0</v>
      </c>
      <c r="CO17" s="254">
        <v>0</v>
      </c>
      <c r="CP17" s="256">
        <v>0</v>
      </c>
      <c r="CQ17" s="257">
        <v>7</v>
      </c>
      <c r="CR17" s="257">
        <v>9</v>
      </c>
      <c r="CS17" s="257">
        <v>7</v>
      </c>
      <c r="CT17" s="257">
        <v>0</v>
      </c>
      <c r="CU17" s="257">
        <v>1</v>
      </c>
      <c r="CV17" s="254">
        <v>24</v>
      </c>
      <c r="CW17" s="259">
        <v>24</v>
      </c>
    </row>
    <row r="18" spans="2:101" ht="21" customHeight="1" x14ac:dyDescent="0.2">
      <c r="B18" s="437" t="s">
        <v>16</v>
      </c>
      <c r="C18" s="253">
        <v>0</v>
      </c>
      <c r="D18" s="254">
        <v>0</v>
      </c>
      <c r="E18" s="255">
        <v>0</v>
      </c>
      <c r="F18" s="256">
        <v>0</v>
      </c>
      <c r="G18" s="257">
        <v>8</v>
      </c>
      <c r="H18" s="257">
        <v>14</v>
      </c>
      <c r="I18" s="257">
        <v>13</v>
      </c>
      <c r="J18" s="257">
        <v>10</v>
      </c>
      <c r="K18" s="257">
        <v>9</v>
      </c>
      <c r="L18" s="258">
        <v>54</v>
      </c>
      <c r="M18" s="259">
        <v>54</v>
      </c>
      <c r="N18" s="253">
        <v>0</v>
      </c>
      <c r="O18" s="257">
        <v>0</v>
      </c>
      <c r="P18" s="254">
        <v>0</v>
      </c>
      <c r="Q18" s="256">
        <v>0</v>
      </c>
      <c r="R18" s="257">
        <v>0</v>
      </c>
      <c r="S18" s="257">
        <v>1</v>
      </c>
      <c r="T18" s="257">
        <v>2</v>
      </c>
      <c r="U18" s="257">
        <v>4</v>
      </c>
      <c r="V18" s="257">
        <v>1</v>
      </c>
      <c r="W18" s="254">
        <v>8</v>
      </c>
      <c r="X18" s="259">
        <v>8</v>
      </c>
      <c r="Y18" s="253">
        <v>0</v>
      </c>
      <c r="Z18" s="257">
        <v>0</v>
      </c>
      <c r="AA18" s="254">
        <v>0</v>
      </c>
      <c r="AB18" s="256">
        <v>0</v>
      </c>
      <c r="AC18" s="257">
        <v>144</v>
      </c>
      <c r="AD18" s="257">
        <v>172</v>
      </c>
      <c r="AE18" s="257">
        <v>82</v>
      </c>
      <c r="AF18" s="257">
        <v>44</v>
      </c>
      <c r="AG18" s="257">
        <v>18</v>
      </c>
      <c r="AH18" s="254">
        <v>460</v>
      </c>
      <c r="AI18" s="259">
        <v>460</v>
      </c>
      <c r="AJ18" s="253">
        <v>0</v>
      </c>
      <c r="AK18" s="257">
        <v>0</v>
      </c>
      <c r="AL18" s="254">
        <v>0</v>
      </c>
      <c r="AM18" s="256">
        <v>0</v>
      </c>
      <c r="AN18" s="257">
        <v>7</v>
      </c>
      <c r="AO18" s="257">
        <v>11</v>
      </c>
      <c r="AP18" s="257">
        <v>4</v>
      </c>
      <c r="AQ18" s="257">
        <v>3</v>
      </c>
      <c r="AR18" s="257">
        <v>3</v>
      </c>
      <c r="AS18" s="254">
        <v>28</v>
      </c>
      <c r="AT18" s="259">
        <v>28</v>
      </c>
      <c r="AU18" s="253">
        <v>3</v>
      </c>
      <c r="AV18" s="257">
        <v>4</v>
      </c>
      <c r="AW18" s="254">
        <v>7</v>
      </c>
      <c r="AX18" s="256">
        <v>0</v>
      </c>
      <c r="AY18" s="257">
        <v>13</v>
      </c>
      <c r="AZ18" s="257">
        <v>19</v>
      </c>
      <c r="BA18" s="257">
        <v>18</v>
      </c>
      <c r="BB18" s="257">
        <v>20</v>
      </c>
      <c r="BC18" s="257">
        <v>9</v>
      </c>
      <c r="BD18" s="254">
        <v>79</v>
      </c>
      <c r="BE18" s="259">
        <v>86</v>
      </c>
      <c r="BF18" s="253">
        <v>0</v>
      </c>
      <c r="BG18" s="257">
        <v>1</v>
      </c>
      <c r="BH18" s="254">
        <v>1</v>
      </c>
      <c r="BI18" s="256">
        <v>0</v>
      </c>
      <c r="BJ18" s="257">
        <v>18</v>
      </c>
      <c r="BK18" s="257">
        <v>43</v>
      </c>
      <c r="BL18" s="257">
        <v>55</v>
      </c>
      <c r="BM18" s="257">
        <v>32</v>
      </c>
      <c r="BN18" s="257">
        <v>31</v>
      </c>
      <c r="BO18" s="258">
        <v>179</v>
      </c>
      <c r="BP18" s="259">
        <v>180</v>
      </c>
      <c r="BQ18" s="253">
        <v>0</v>
      </c>
      <c r="BR18" s="257">
        <v>0</v>
      </c>
      <c r="BS18" s="254">
        <v>0</v>
      </c>
      <c r="BT18" s="256">
        <v>0</v>
      </c>
      <c r="BU18" s="257">
        <v>0</v>
      </c>
      <c r="BV18" s="257">
        <v>0</v>
      </c>
      <c r="BW18" s="257">
        <v>0</v>
      </c>
      <c r="BX18" s="257">
        <v>0</v>
      </c>
      <c r="BY18" s="257">
        <v>0</v>
      </c>
      <c r="BZ18" s="254">
        <v>0</v>
      </c>
      <c r="CA18" s="259">
        <v>0</v>
      </c>
      <c r="CB18" s="253">
        <v>0</v>
      </c>
      <c r="CC18" s="257">
        <v>0</v>
      </c>
      <c r="CD18" s="254">
        <v>0</v>
      </c>
      <c r="CE18" s="256">
        <v>0</v>
      </c>
      <c r="CF18" s="257">
        <v>0</v>
      </c>
      <c r="CG18" s="257">
        <v>2</v>
      </c>
      <c r="CH18" s="257">
        <v>6</v>
      </c>
      <c r="CI18" s="257">
        <v>11</v>
      </c>
      <c r="CJ18" s="257">
        <v>10</v>
      </c>
      <c r="CK18" s="254">
        <v>29</v>
      </c>
      <c r="CL18" s="259">
        <v>29</v>
      </c>
      <c r="CM18" s="253">
        <v>0</v>
      </c>
      <c r="CN18" s="257">
        <v>0</v>
      </c>
      <c r="CO18" s="254">
        <v>0</v>
      </c>
      <c r="CP18" s="256">
        <v>0</v>
      </c>
      <c r="CQ18" s="257">
        <v>1</v>
      </c>
      <c r="CR18" s="257">
        <v>6</v>
      </c>
      <c r="CS18" s="257">
        <v>6</v>
      </c>
      <c r="CT18" s="257">
        <v>4</v>
      </c>
      <c r="CU18" s="257">
        <v>5</v>
      </c>
      <c r="CV18" s="254">
        <v>22</v>
      </c>
      <c r="CW18" s="259">
        <v>22</v>
      </c>
    </row>
    <row r="19" spans="2:101" ht="21" customHeight="1" x14ac:dyDescent="0.2">
      <c r="B19" s="437" t="s">
        <v>17</v>
      </c>
      <c r="C19" s="253">
        <v>0</v>
      </c>
      <c r="D19" s="254">
        <v>0</v>
      </c>
      <c r="E19" s="255">
        <v>0</v>
      </c>
      <c r="F19" s="256">
        <v>0</v>
      </c>
      <c r="G19" s="257">
        <v>1</v>
      </c>
      <c r="H19" s="257">
        <v>1</v>
      </c>
      <c r="I19" s="257">
        <v>3</v>
      </c>
      <c r="J19" s="257">
        <v>1</v>
      </c>
      <c r="K19" s="257">
        <v>1</v>
      </c>
      <c r="L19" s="258">
        <v>7</v>
      </c>
      <c r="M19" s="259">
        <v>7</v>
      </c>
      <c r="N19" s="253">
        <v>0</v>
      </c>
      <c r="O19" s="257">
        <v>0</v>
      </c>
      <c r="P19" s="254">
        <v>0</v>
      </c>
      <c r="Q19" s="256">
        <v>0</v>
      </c>
      <c r="R19" s="257">
        <v>0</v>
      </c>
      <c r="S19" s="257">
        <v>0</v>
      </c>
      <c r="T19" s="257">
        <v>0</v>
      </c>
      <c r="U19" s="257">
        <v>0</v>
      </c>
      <c r="V19" s="257">
        <v>0</v>
      </c>
      <c r="W19" s="254">
        <v>0</v>
      </c>
      <c r="X19" s="259">
        <v>0</v>
      </c>
      <c r="Y19" s="253">
        <v>0</v>
      </c>
      <c r="Z19" s="257">
        <v>0</v>
      </c>
      <c r="AA19" s="254">
        <v>0</v>
      </c>
      <c r="AB19" s="256">
        <v>0</v>
      </c>
      <c r="AC19" s="257">
        <v>257</v>
      </c>
      <c r="AD19" s="257">
        <v>321</v>
      </c>
      <c r="AE19" s="257">
        <v>147</v>
      </c>
      <c r="AF19" s="257">
        <v>84</v>
      </c>
      <c r="AG19" s="257">
        <v>28</v>
      </c>
      <c r="AH19" s="254">
        <v>837</v>
      </c>
      <c r="AI19" s="259">
        <v>837</v>
      </c>
      <c r="AJ19" s="253">
        <v>2</v>
      </c>
      <c r="AK19" s="257">
        <v>3</v>
      </c>
      <c r="AL19" s="254">
        <v>5</v>
      </c>
      <c r="AM19" s="256">
        <v>0</v>
      </c>
      <c r="AN19" s="257">
        <v>23</v>
      </c>
      <c r="AO19" s="257">
        <v>21</v>
      </c>
      <c r="AP19" s="257">
        <v>16</v>
      </c>
      <c r="AQ19" s="257">
        <v>16</v>
      </c>
      <c r="AR19" s="257">
        <v>7</v>
      </c>
      <c r="AS19" s="254">
        <v>83</v>
      </c>
      <c r="AT19" s="259">
        <v>88</v>
      </c>
      <c r="AU19" s="253">
        <v>0</v>
      </c>
      <c r="AV19" s="257">
        <v>3</v>
      </c>
      <c r="AW19" s="254">
        <v>3</v>
      </c>
      <c r="AX19" s="256">
        <v>0</v>
      </c>
      <c r="AY19" s="257">
        <v>11</v>
      </c>
      <c r="AZ19" s="257">
        <v>29</v>
      </c>
      <c r="BA19" s="257">
        <v>30</v>
      </c>
      <c r="BB19" s="257">
        <v>19</v>
      </c>
      <c r="BC19" s="257">
        <v>13</v>
      </c>
      <c r="BD19" s="254">
        <v>102</v>
      </c>
      <c r="BE19" s="259">
        <v>105</v>
      </c>
      <c r="BF19" s="253">
        <v>0</v>
      </c>
      <c r="BG19" s="257">
        <v>0</v>
      </c>
      <c r="BH19" s="254">
        <v>0</v>
      </c>
      <c r="BI19" s="256">
        <v>0</v>
      </c>
      <c r="BJ19" s="257">
        <v>36</v>
      </c>
      <c r="BK19" s="257">
        <v>65</v>
      </c>
      <c r="BL19" s="257">
        <v>79</v>
      </c>
      <c r="BM19" s="257">
        <v>45</v>
      </c>
      <c r="BN19" s="257">
        <v>24</v>
      </c>
      <c r="BO19" s="258">
        <v>249</v>
      </c>
      <c r="BP19" s="259">
        <v>249</v>
      </c>
      <c r="BQ19" s="253">
        <v>0</v>
      </c>
      <c r="BR19" s="257">
        <v>0</v>
      </c>
      <c r="BS19" s="254">
        <v>0</v>
      </c>
      <c r="BT19" s="256">
        <v>0</v>
      </c>
      <c r="BU19" s="257">
        <v>0</v>
      </c>
      <c r="BV19" s="257">
        <v>0</v>
      </c>
      <c r="BW19" s="257">
        <v>0</v>
      </c>
      <c r="BX19" s="257">
        <v>0</v>
      </c>
      <c r="BY19" s="257">
        <v>0</v>
      </c>
      <c r="BZ19" s="254">
        <v>0</v>
      </c>
      <c r="CA19" s="259">
        <v>0</v>
      </c>
      <c r="CB19" s="253">
        <v>0</v>
      </c>
      <c r="CC19" s="257">
        <v>0</v>
      </c>
      <c r="CD19" s="254">
        <v>0</v>
      </c>
      <c r="CE19" s="256">
        <v>0</v>
      </c>
      <c r="CF19" s="257">
        <v>0</v>
      </c>
      <c r="CG19" s="257">
        <v>2</v>
      </c>
      <c r="CH19" s="257">
        <v>26</v>
      </c>
      <c r="CI19" s="257">
        <v>42</v>
      </c>
      <c r="CJ19" s="257">
        <v>33</v>
      </c>
      <c r="CK19" s="254">
        <v>103</v>
      </c>
      <c r="CL19" s="259">
        <v>103</v>
      </c>
      <c r="CM19" s="253">
        <v>0</v>
      </c>
      <c r="CN19" s="257">
        <v>0</v>
      </c>
      <c r="CO19" s="254">
        <v>0</v>
      </c>
      <c r="CP19" s="256">
        <v>0</v>
      </c>
      <c r="CQ19" s="257">
        <v>0</v>
      </c>
      <c r="CR19" s="257">
        <v>3</v>
      </c>
      <c r="CS19" s="257">
        <v>3</v>
      </c>
      <c r="CT19" s="257">
        <v>4</v>
      </c>
      <c r="CU19" s="257">
        <v>7</v>
      </c>
      <c r="CV19" s="254">
        <v>17</v>
      </c>
      <c r="CW19" s="259">
        <v>17</v>
      </c>
    </row>
    <row r="20" spans="2:101" ht="21" customHeight="1" x14ac:dyDescent="0.2">
      <c r="B20" s="437" t="s">
        <v>18</v>
      </c>
      <c r="C20" s="253">
        <v>0</v>
      </c>
      <c r="D20" s="254">
        <v>0</v>
      </c>
      <c r="E20" s="255">
        <v>0</v>
      </c>
      <c r="F20" s="256">
        <v>0</v>
      </c>
      <c r="G20" s="257">
        <v>5</v>
      </c>
      <c r="H20" s="257">
        <v>4</v>
      </c>
      <c r="I20" s="257">
        <v>0</v>
      </c>
      <c r="J20" s="257">
        <v>0</v>
      </c>
      <c r="K20" s="257">
        <v>6</v>
      </c>
      <c r="L20" s="258">
        <v>15</v>
      </c>
      <c r="M20" s="259">
        <v>15</v>
      </c>
      <c r="N20" s="253">
        <v>0</v>
      </c>
      <c r="O20" s="257">
        <v>0</v>
      </c>
      <c r="P20" s="254">
        <v>0</v>
      </c>
      <c r="Q20" s="256">
        <v>0</v>
      </c>
      <c r="R20" s="257">
        <v>0</v>
      </c>
      <c r="S20" s="257">
        <v>0</v>
      </c>
      <c r="T20" s="257">
        <v>0</v>
      </c>
      <c r="U20" s="257">
        <v>1</v>
      </c>
      <c r="V20" s="257">
        <v>0</v>
      </c>
      <c r="W20" s="254">
        <v>1</v>
      </c>
      <c r="X20" s="259">
        <v>1</v>
      </c>
      <c r="Y20" s="253">
        <v>0</v>
      </c>
      <c r="Z20" s="257">
        <v>0</v>
      </c>
      <c r="AA20" s="254">
        <v>0</v>
      </c>
      <c r="AB20" s="256">
        <v>0</v>
      </c>
      <c r="AC20" s="257">
        <v>298</v>
      </c>
      <c r="AD20" s="257">
        <v>178</v>
      </c>
      <c r="AE20" s="257">
        <v>91</v>
      </c>
      <c r="AF20" s="257">
        <v>39</v>
      </c>
      <c r="AG20" s="257">
        <v>9</v>
      </c>
      <c r="AH20" s="254">
        <v>615</v>
      </c>
      <c r="AI20" s="259">
        <v>615</v>
      </c>
      <c r="AJ20" s="253">
        <v>0</v>
      </c>
      <c r="AK20" s="257">
        <v>0</v>
      </c>
      <c r="AL20" s="254">
        <v>0</v>
      </c>
      <c r="AM20" s="256">
        <v>0</v>
      </c>
      <c r="AN20" s="257">
        <v>12</v>
      </c>
      <c r="AO20" s="257">
        <v>9</v>
      </c>
      <c r="AP20" s="257">
        <v>26</v>
      </c>
      <c r="AQ20" s="257">
        <v>8</v>
      </c>
      <c r="AR20" s="257">
        <v>7</v>
      </c>
      <c r="AS20" s="254">
        <v>62</v>
      </c>
      <c r="AT20" s="259">
        <v>62</v>
      </c>
      <c r="AU20" s="253">
        <v>6</v>
      </c>
      <c r="AV20" s="257">
        <v>16</v>
      </c>
      <c r="AW20" s="254">
        <v>22</v>
      </c>
      <c r="AX20" s="256">
        <v>0</v>
      </c>
      <c r="AY20" s="257">
        <v>46</v>
      </c>
      <c r="AZ20" s="257">
        <v>46</v>
      </c>
      <c r="BA20" s="257">
        <v>51</v>
      </c>
      <c r="BB20" s="257">
        <v>14</v>
      </c>
      <c r="BC20" s="257">
        <v>7</v>
      </c>
      <c r="BD20" s="254">
        <v>164</v>
      </c>
      <c r="BE20" s="259">
        <v>186</v>
      </c>
      <c r="BF20" s="253">
        <v>0</v>
      </c>
      <c r="BG20" s="257">
        <v>2</v>
      </c>
      <c r="BH20" s="254">
        <v>2</v>
      </c>
      <c r="BI20" s="256">
        <v>0</v>
      </c>
      <c r="BJ20" s="257">
        <v>52</v>
      </c>
      <c r="BK20" s="257">
        <v>79</v>
      </c>
      <c r="BL20" s="257">
        <v>98</v>
      </c>
      <c r="BM20" s="257">
        <v>58</v>
      </c>
      <c r="BN20" s="257">
        <v>20</v>
      </c>
      <c r="BO20" s="258">
        <v>307</v>
      </c>
      <c r="BP20" s="259">
        <v>309</v>
      </c>
      <c r="BQ20" s="253">
        <v>0</v>
      </c>
      <c r="BR20" s="257">
        <v>0</v>
      </c>
      <c r="BS20" s="254">
        <v>0</v>
      </c>
      <c r="BT20" s="256">
        <v>0</v>
      </c>
      <c r="BU20" s="257">
        <v>0</v>
      </c>
      <c r="BV20" s="257">
        <v>0</v>
      </c>
      <c r="BW20" s="257">
        <v>0</v>
      </c>
      <c r="BX20" s="257">
        <v>0</v>
      </c>
      <c r="BY20" s="257">
        <v>0</v>
      </c>
      <c r="BZ20" s="254">
        <v>0</v>
      </c>
      <c r="CA20" s="259">
        <v>0</v>
      </c>
      <c r="CB20" s="253">
        <v>0</v>
      </c>
      <c r="CC20" s="257">
        <v>0</v>
      </c>
      <c r="CD20" s="254">
        <v>0</v>
      </c>
      <c r="CE20" s="256">
        <v>0</v>
      </c>
      <c r="CF20" s="257">
        <v>0</v>
      </c>
      <c r="CG20" s="257">
        <v>2</v>
      </c>
      <c r="CH20" s="257">
        <v>7</v>
      </c>
      <c r="CI20" s="257">
        <v>14</v>
      </c>
      <c r="CJ20" s="257">
        <v>5</v>
      </c>
      <c r="CK20" s="254">
        <v>28</v>
      </c>
      <c r="CL20" s="259">
        <v>28</v>
      </c>
      <c r="CM20" s="253">
        <v>0</v>
      </c>
      <c r="CN20" s="257">
        <v>0</v>
      </c>
      <c r="CO20" s="254">
        <v>0</v>
      </c>
      <c r="CP20" s="256">
        <v>0</v>
      </c>
      <c r="CQ20" s="257">
        <v>6</v>
      </c>
      <c r="CR20" s="257">
        <v>11</v>
      </c>
      <c r="CS20" s="257">
        <v>15</v>
      </c>
      <c r="CT20" s="257">
        <v>24</v>
      </c>
      <c r="CU20" s="257">
        <v>25</v>
      </c>
      <c r="CV20" s="254">
        <v>81</v>
      </c>
      <c r="CW20" s="259">
        <v>81</v>
      </c>
    </row>
    <row r="21" spans="2:101" ht="21" customHeight="1" x14ac:dyDescent="0.2">
      <c r="B21" s="437" t="s">
        <v>19</v>
      </c>
      <c r="C21" s="253">
        <v>0</v>
      </c>
      <c r="D21" s="254">
        <v>0</v>
      </c>
      <c r="E21" s="255">
        <v>0</v>
      </c>
      <c r="F21" s="256">
        <v>0</v>
      </c>
      <c r="G21" s="257">
        <v>12</v>
      </c>
      <c r="H21" s="257">
        <v>14</v>
      </c>
      <c r="I21" s="257">
        <v>6</v>
      </c>
      <c r="J21" s="257">
        <v>5</v>
      </c>
      <c r="K21" s="257">
        <v>6</v>
      </c>
      <c r="L21" s="258">
        <v>43</v>
      </c>
      <c r="M21" s="259">
        <v>43</v>
      </c>
      <c r="N21" s="253">
        <v>0</v>
      </c>
      <c r="O21" s="257">
        <v>0</v>
      </c>
      <c r="P21" s="254">
        <v>0</v>
      </c>
      <c r="Q21" s="256">
        <v>0</v>
      </c>
      <c r="R21" s="257">
        <v>1</v>
      </c>
      <c r="S21" s="257">
        <v>2</v>
      </c>
      <c r="T21" s="257">
        <v>4</v>
      </c>
      <c r="U21" s="257">
        <v>2</v>
      </c>
      <c r="V21" s="257">
        <v>1</v>
      </c>
      <c r="W21" s="254">
        <v>10</v>
      </c>
      <c r="X21" s="259">
        <v>10</v>
      </c>
      <c r="Y21" s="253">
        <v>0</v>
      </c>
      <c r="Z21" s="257">
        <v>0</v>
      </c>
      <c r="AA21" s="254">
        <v>0</v>
      </c>
      <c r="AB21" s="256">
        <v>0</v>
      </c>
      <c r="AC21" s="257">
        <v>126</v>
      </c>
      <c r="AD21" s="257">
        <v>96</v>
      </c>
      <c r="AE21" s="257">
        <v>47</v>
      </c>
      <c r="AF21" s="257">
        <v>18</v>
      </c>
      <c r="AG21" s="257">
        <v>10</v>
      </c>
      <c r="AH21" s="254">
        <v>297</v>
      </c>
      <c r="AI21" s="259">
        <v>297</v>
      </c>
      <c r="AJ21" s="253">
        <v>0</v>
      </c>
      <c r="AK21" s="257">
        <v>0</v>
      </c>
      <c r="AL21" s="254">
        <v>0</v>
      </c>
      <c r="AM21" s="256">
        <v>0</v>
      </c>
      <c r="AN21" s="257">
        <v>12</v>
      </c>
      <c r="AO21" s="257">
        <v>23</v>
      </c>
      <c r="AP21" s="257">
        <v>19</v>
      </c>
      <c r="AQ21" s="257">
        <v>2</v>
      </c>
      <c r="AR21" s="257">
        <v>5</v>
      </c>
      <c r="AS21" s="254">
        <v>61</v>
      </c>
      <c r="AT21" s="259">
        <v>61</v>
      </c>
      <c r="AU21" s="253">
        <v>0</v>
      </c>
      <c r="AV21" s="257">
        <v>2</v>
      </c>
      <c r="AW21" s="254">
        <v>2</v>
      </c>
      <c r="AX21" s="256">
        <v>0</v>
      </c>
      <c r="AY21" s="257">
        <v>19</v>
      </c>
      <c r="AZ21" s="257">
        <v>42</v>
      </c>
      <c r="BA21" s="257">
        <v>29</v>
      </c>
      <c r="BB21" s="257">
        <v>12</v>
      </c>
      <c r="BC21" s="257">
        <v>8</v>
      </c>
      <c r="BD21" s="254">
        <v>110</v>
      </c>
      <c r="BE21" s="259">
        <v>112</v>
      </c>
      <c r="BF21" s="253">
        <v>0</v>
      </c>
      <c r="BG21" s="257">
        <v>0</v>
      </c>
      <c r="BH21" s="254">
        <v>0</v>
      </c>
      <c r="BI21" s="256">
        <v>0</v>
      </c>
      <c r="BJ21" s="257">
        <v>12</v>
      </c>
      <c r="BK21" s="257">
        <v>26</v>
      </c>
      <c r="BL21" s="257">
        <v>27</v>
      </c>
      <c r="BM21" s="257">
        <v>19</v>
      </c>
      <c r="BN21" s="257">
        <v>14</v>
      </c>
      <c r="BO21" s="258">
        <v>98</v>
      </c>
      <c r="BP21" s="259">
        <v>98</v>
      </c>
      <c r="BQ21" s="253">
        <v>0</v>
      </c>
      <c r="BR21" s="257">
        <v>0</v>
      </c>
      <c r="BS21" s="254">
        <v>0</v>
      </c>
      <c r="BT21" s="256">
        <v>0</v>
      </c>
      <c r="BU21" s="257">
        <v>0</v>
      </c>
      <c r="BV21" s="257">
        <v>0</v>
      </c>
      <c r="BW21" s="257">
        <v>0</v>
      </c>
      <c r="BX21" s="257">
        <v>0</v>
      </c>
      <c r="BY21" s="257">
        <v>0</v>
      </c>
      <c r="BZ21" s="254">
        <v>0</v>
      </c>
      <c r="CA21" s="259">
        <v>0</v>
      </c>
      <c r="CB21" s="253">
        <v>0</v>
      </c>
      <c r="CC21" s="257">
        <v>0</v>
      </c>
      <c r="CD21" s="254">
        <v>0</v>
      </c>
      <c r="CE21" s="256">
        <v>0</v>
      </c>
      <c r="CF21" s="257">
        <v>0</v>
      </c>
      <c r="CG21" s="257">
        <v>0</v>
      </c>
      <c r="CH21" s="257">
        <v>0</v>
      </c>
      <c r="CI21" s="257">
        <v>0</v>
      </c>
      <c r="CJ21" s="257">
        <v>0</v>
      </c>
      <c r="CK21" s="254">
        <v>0</v>
      </c>
      <c r="CL21" s="259">
        <v>0</v>
      </c>
      <c r="CM21" s="253">
        <v>0</v>
      </c>
      <c r="CN21" s="257">
        <v>0</v>
      </c>
      <c r="CO21" s="254">
        <v>0</v>
      </c>
      <c r="CP21" s="256">
        <v>0</v>
      </c>
      <c r="CQ21" s="257">
        <v>1</v>
      </c>
      <c r="CR21" s="257">
        <v>3</v>
      </c>
      <c r="CS21" s="257">
        <v>2</v>
      </c>
      <c r="CT21" s="257">
        <v>4</v>
      </c>
      <c r="CU21" s="257">
        <v>12</v>
      </c>
      <c r="CV21" s="254">
        <v>22</v>
      </c>
      <c r="CW21" s="259">
        <v>22</v>
      </c>
    </row>
    <row r="22" spans="2:101" ht="21" customHeight="1" x14ac:dyDescent="0.2">
      <c r="B22" s="437" t="s">
        <v>20</v>
      </c>
      <c r="C22" s="253">
        <v>0</v>
      </c>
      <c r="D22" s="254">
        <v>0</v>
      </c>
      <c r="E22" s="255">
        <v>0</v>
      </c>
      <c r="F22" s="256">
        <v>0</v>
      </c>
      <c r="G22" s="257">
        <v>1</v>
      </c>
      <c r="H22" s="257">
        <v>0</v>
      </c>
      <c r="I22" s="257">
        <v>0</v>
      </c>
      <c r="J22" s="257">
        <v>0</v>
      </c>
      <c r="K22" s="257">
        <v>1</v>
      </c>
      <c r="L22" s="258">
        <v>2</v>
      </c>
      <c r="M22" s="259">
        <v>2</v>
      </c>
      <c r="N22" s="253">
        <v>0</v>
      </c>
      <c r="O22" s="257">
        <v>0</v>
      </c>
      <c r="P22" s="254">
        <v>0</v>
      </c>
      <c r="Q22" s="256">
        <v>0</v>
      </c>
      <c r="R22" s="257">
        <v>0</v>
      </c>
      <c r="S22" s="257">
        <v>0</v>
      </c>
      <c r="T22" s="257">
        <v>0</v>
      </c>
      <c r="U22" s="257">
        <v>0</v>
      </c>
      <c r="V22" s="257">
        <v>0</v>
      </c>
      <c r="W22" s="254">
        <v>0</v>
      </c>
      <c r="X22" s="259">
        <v>0</v>
      </c>
      <c r="Y22" s="253">
        <v>0</v>
      </c>
      <c r="Z22" s="257">
        <v>0</v>
      </c>
      <c r="AA22" s="254">
        <v>0</v>
      </c>
      <c r="AB22" s="256">
        <v>0</v>
      </c>
      <c r="AC22" s="257">
        <v>175</v>
      </c>
      <c r="AD22" s="257">
        <v>106</v>
      </c>
      <c r="AE22" s="257">
        <v>47</v>
      </c>
      <c r="AF22" s="257">
        <v>18</v>
      </c>
      <c r="AG22" s="257">
        <v>8</v>
      </c>
      <c r="AH22" s="254">
        <v>354</v>
      </c>
      <c r="AI22" s="259">
        <v>354</v>
      </c>
      <c r="AJ22" s="253">
        <v>0</v>
      </c>
      <c r="AK22" s="257">
        <v>0</v>
      </c>
      <c r="AL22" s="254">
        <v>0</v>
      </c>
      <c r="AM22" s="256">
        <v>0</v>
      </c>
      <c r="AN22" s="257">
        <v>2</v>
      </c>
      <c r="AO22" s="257">
        <v>1</v>
      </c>
      <c r="AP22" s="257">
        <v>5</v>
      </c>
      <c r="AQ22" s="257">
        <v>1</v>
      </c>
      <c r="AR22" s="257">
        <v>2</v>
      </c>
      <c r="AS22" s="254">
        <v>11</v>
      </c>
      <c r="AT22" s="259">
        <v>11</v>
      </c>
      <c r="AU22" s="253">
        <v>0</v>
      </c>
      <c r="AV22" s="257">
        <v>1</v>
      </c>
      <c r="AW22" s="254">
        <v>1</v>
      </c>
      <c r="AX22" s="256">
        <v>0</v>
      </c>
      <c r="AY22" s="257">
        <v>19</v>
      </c>
      <c r="AZ22" s="257">
        <v>9</v>
      </c>
      <c r="BA22" s="257">
        <v>12</v>
      </c>
      <c r="BB22" s="257">
        <v>3</v>
      </c>
      <c r="BC22" s="257">
        <v>2</v>
      </c>
      <c r="BD22" s="254">
        <v>45</v>
      </c>
      <c r="BE22" s="259">
        <v>46</v>
      </c>
      <c r="BF22" s="253">
        <v>0</v>
      </c>
      <c r="BG22" s="257">
        <v>0</v>
      </c>
      <c r="BH22" s="254">
        <v>0</v>
      </c>
      <c r="BI22" s="256">
        <v>0</v>
      </c>
      <c r="BJ22" s="257">
        <v>15</v>
      </c>
      <c r="BK22" s="257">
        <v>32</v>
      </c>
      <c r="BL22" s="257">
        <v>55</v>
      </c>
      <c r="BM22" s="257">
        <v>15</v>
      </c>
      <c r="BN22" s="257">
        <v>21</v>
      </c>
      <c r="BO22" s="258">
        <v>138</v>
      </c>
      <c r="BP22" s="259">
        <v>138</v>
      </c>
      <c r="BQ22" s="253">
        <v>0</v>
      </c>
      <c r="BR22" s="257">
        <v>0</v>
      </c>
      <c r="BS22" s="254">
        <v>0</v>
      </c>
      <c r="BT22" s="256">
        <v>0</v>
      </c>
      <c r="BU22" s="257">
        <v>0</v>
      </c>
      <c r="BV22" s="257">
        <v>0</v>
      </c>
      <c r="BW22" s="257">
        <v>0</v>
      </c>
      <c r="BX22" s="257">
        <v>0</v>
      </c>
      <c r="BY22" s="257">
        <v>0</v>
      </c>
      <c r="BZ22" s="254">
        <v>0</v>
      </c>
      <c r="CA22" s="259">
        <v>0</v>
      </c>
      <c r="CB22" s="253">
        <v>0</v>
      </c>
      <c r="CC22" s="257">
        <v>0</v>
      </c>
      <c r="CD22" s="254">
        <v>0</v>
      </c>
      <c r="CE22" s="256">
        <v>0</v>
      </c>
      <c r="CF22" s="257">
        <v>0</v>
      </c>
      <c r="CG22" s="257">
        <v>0</v>
      </c>
      <c r="CH22" s="257">
        <v>0</v>
      </c>
      <c r="CI22" s="257">
        <v>0</v>
      </c>
      <c r="CJ22" s="257">
        <v>0</v>
      </c>
      <c r="CK22" s="254">
        <v>0</v>
      </c>
      <c r="CL22" s="259">
        <v>0</v>
      </c>
      <c r="CM22" s="253">
        <v>0</v>
      </c>
      <c r="CN22" s="257">
        <v>0</v>
      </c>
      <c r="CO22" s="254">
        <v>0</v>
      </c>
      <c r="CP22" s="256">
        <v>0</v>
      </c>
      <c r="CQ22" s="257">
        <v>0</v>
      </c>
      <c r="CR22" s="257">
        <v>0</v>
      </c>
      <c r="CS22" s="257">
        <v>0</v>
      </c>
      <c r="CT22" s="257">
        <v>0</v>
      </c>
      <c r="CU22" s="257">
        <v>0</v>
      </c>
      <c r="CV22" s="254">
        <v>0</v>
      </c>
      <c r="CW22" s="259">
        <v>0</v>
      </c>
    </row>
    <row r="23" spans="2:101" ht="21" customHeight="1" x14ac:dyDescent="0.2">
      <c r="B23" s="437" t="s">
        <v>21</v>
      </c>
      <c r="C23" s="253">
        <v>0</v>
      </c>
      <c r="D23" s="254">
        <v>0</v>
      </c>
      <c r="E23" s="255">
        <v>0</v>
      </c>
      <c r="F23" s="256">
        <v>0</v>
      </c>
      <c r="G23" s="257">
        <v>2</v>
      </c>
      <c r="H23" s="257">
        <v>3</v>
      </c>
      <c r="I23" s="257">
        <v>0</v>
      </c>
      <c r="J23" s="257">
        <v>2</v>
      </c>
      <c r="K23" s="257">
        <v>3</v>
      </c>
      <c r="L23" s="258">
        <v>10</v>
      </c>
      <c r="M23" s="259">
        <v>10</v>
      </c>
      <c r="N23" s="253">
        <v>0</v>
      </c>
      <c r="O23" s="257">
        <v>0</v>
      </c>
      <c r="P23" s="254">
        <v>0</v>
      </c>
      <c r="Q23" s="256">
        <v>0</v>
      </c>
      <c r="R23" s="257">
        <v>0</v>
      </c>
      <c r="S23" s="257">
        <v>0</v>
      </c>
      <c r="T23" s="257">
        <v>0</v>
      </c>
      <c r="U23" s="257">
        <v>0</v>
      </c>
      <c r="V23" s="257">
        <v>0</v>
      </c>
      <c r="W23" s="254">
        <v>0</v>
      </c>
      <c r="X23" s="259">
        <v>0</v>
      </c>
      <c r="Y23" s="253">
        <v>0</v>
      </c>
      <c r="Z23" s="257">
        <v>0</v>
      </c>
      <c r="AA23" s="254">
        <v>0</v>
      </c>
      <c r="AB23" s="256">
        <v>0</v>
      </c>
      <c r="AC23" s="257">
        <v>193</v>
      </c>
      <c r="AD23" s="257">
        <v>169</v>
      </c>
      <c r="AE23" s="257">
        <v>75</v>
      </c>
      <c r="AF23" s="257">
        <v>31</v>
      </c>
      <c r="AG23" s="257">
        <v>11</v>
      </c>
      <c r="AH23" s="254">
        <v>479</v>
      </c>
      <c r="AI23" s="259">
        <v>479</v>
      </c>
      <c r="AJ23" s="253">
        <v>0</v>
      </c>
      <c r="AK23" s="257">
        <v>0</v>
      </c>
      <c r="AL23" s="254">
        <v>0</v>
      </c>
      <c r="AM23" s="256">
        <v>0</v>
      </c>
      <c r="AN23" s="257">
        <v>0</v>
      </c>
      <c r="AO23" s="257">
        <v>0</v>
      </c>
      <c r="AP23" s="257">
        <v>0</v>
      </c>
      <c r="AQ23" s="257">
        <v>0</v>
      </c>
      <c r="AR23" s="257">
        <v>0</v>
      </c>
      <c r="AS23" s="254">
        <v>0</v>
      </c>
      <c r="AT23" s="259">
        <v>0</v>
      </c>
      <c r="AU23" s="253">
        <v>0</v>
      </c>
      <c r="AV23" s="257">
        <v>0</v>
      </c>
      <c r="AW23" s="254">
        <v>0</v>
      </c>
      <c r="AX23" s="256">
        <v>0</v>
      </c>
      <c r="AY23" s="257">
        <v>10</v>
      </c>
      <c r="AZ23" s="257">
        <v>6</v>
      </c>
      <c r="BA23" s="257">
        <v>18</v>
      </c>
      <c r="BB23" s="257">
        <v>6</v>
      </c>
      <c r="BC23" s="257">
        <v>3</v>
      </c>
      <c r="BD23" s="254">
        <v>43</v>
      </c>
      <c r="BE23" s="259">
        <v>43</v>
      </c>
      <c r="BF23" s="253">
        <v>0</v>
      </c>
      <c r="BG23" s="257">
        <v>0</v>
      </c>
      <c r="BH23" s="254">
        <v>0</v>
      </c>
      <c r="BI23" s="256">
        <v>0</v>
      </c>
      <c r="BJ23" s="257">
        <v>17</v>
      </c>
      <c r="BK23" s="257">
        <v>36</v>
      </c>
      <c r="BL23" s="257">
        <v>39</v>
      </c>
      <c r="BM23" s="257">
        <v>16</v>
      </c>
      <c r="BN23" s="257">
        <v>10</v>
      </c>
      <c r="BO23" s="258">
        <v>118</v>
      </c>
      <c r="BP23" s="259">
        <v>118</v>
      </c>
      <c r="BQ23" s="253">
        <v>0</v>
      </c>
      <c r="BR23" s="257">
        <v>0</v>
      </c>
      <c r="BS23" s="254">
        <v>0</v>
      </c>
      <c r="BT23" s="256">
        <v>0</v>
      </c>
      <c r="BU23" s="257">
        <v>0</v>
      </c>
      <c r="BV23" s="257">
        <v>0</v>
      </c>
      <c r="BW23" s="257">
        <v>0</v>
      </c>
      <c r="BX23" s="257">
        <v>0</v>
      </c>
      <c r="BY23" s="257">
        <v>0</v>
      </c>
      <c r="BZ23" s="254">
        <v>0</v>
      </c>
      <c r="CA23" s="259">
        <v>0</v>
      </c>
      <c r="CB23" s="253">
        <v>0</v>
      </c>
      <c r="CC23" s="257">
        <v>0</v>
      </c>
      <c r="CD23" s="254">
        <v>0</v>
      </c>
      <c r="CE23" s="256">
        <v>0</v>
      </c>
      <c r="CF23" s="257">
        <v>0</v>
      </c>
      <c r="CG23" s="257">
        <v>0</v>
      </c>
      <c r="CH23" s="257">
        <v>0</v>
      </c>
      <c r="CI23" s="257">
        <v>0</v>
      </c>
      <c r="CJ23" s="257">
        <v>0</v>
      </c>
      <c r="CK23" s="254">
        <v>0</v>
      </c>
      <c r="CL23" s="259">
        <v>0</v>
      </c>
      <c r="CM23" s="253">
        <v>0</v>
      </c>
      <c r="CN23" s="257">
        <v>0</v>
      </c>
      <c r="CO23" s="254">
        <v>0</v>
      </c>
      <c r="CP23" s="256">
        <v>0</v>
      </c>
      <c r="CQ23" s="257">
        <v>2</v>
      </c>
      <c r="CR23" s="257">
        <v>3</v>
      </c>
      <c r="CS23" s="257">
        <v>3</v>
      </c>
      <c r="CT23" s="257">
        <v>1</v>
      </c>
      <c r="CU23" s="257">
        <v>6</v>
      </c>
      <c r="CV23" s="254">
        <v>15</v>
      </c>
      <c r="CW23" s="259">
        <v>15</v>
      </c>
    </row>
    <row r="24" spans="2:101" ht="21" customHeight="1" x14ac:dyDescent="0.2">
      <c r="B24" s="437" t="s">
        <v>22</v>
      </c>
      <c r="C24" s="253">
        <v>0</v>
      </c>
      <c r="D24" s="254">
        <v>0</v>
      </c>
      <c r="E24" s="255">
        <v>0</v>
      </c>
      <c r="F24" s="256">
        <v>0</v>
      </c>
      <c r="G24" s="257">
        <v>0</v>
      </c>
      <c r="H24" s="257">
        <v>8</v>
      </c>
      <c r="I24" s="257">
        <v>4</v>
      </c>
      <c r="J24" s="257">
        <v>4</v>
      </c>
      <c r="K24" s="257">
        <v>0</v>
      </c>
      <c r="L24" s="258">
        <v>16</v>
      </c>
      <c r="M24" s="259">
        <v>16</v>
      </c>
      <c r="N24" s="253">
        <v>0</v>
      </c>
      <c r="O24" s="257">
        <v>0</v>
      </c>
      <c r="P24" s="254">
        <v>0</v>
      </c>
      <c r="Q24" s="256">
        <v>0</v>
      </c>
      <c r="R24" s="257">
        <v>0</v>
      </c>
      <c r="S24" s="257">
        <v>0</v>
      </c>
      <c r="T24" s="257">
        <v>0</v>
      </c>
      <c r="U24" s="257">
        <v>0</v>
      </c>
      <c r="V24" s="257">
        <v>0</v>
      </c>
      <c r="W24" s="254">
        <v>0</v>
      </c>
      <c r="X24" s="259">
        <v>0</v>
      </c>
      <c r="Y24" s="253">
        <v>0</v>
      </c>
      <c r="Z24" s="257">
        <v>0</v>
      </c>
      <c r="AA24" s="254">
        <v>0</v>
      </c>
      <c r="AB24" s="256">
        <v>0</v>
      </c>
      <c r="AC24" s="257">
        <v>111</v>
      </c>
      <c r="AD24" s="257">
        <v>99</v>
      </c>
      <c r="AE24" s="257">
        <v>42</v>
      </c>
      <c r="AF24" s="257">
        <v>21</v>
      </c>
      <c r="AG24" s="257">
        <v>3</v>
      </c>
      <c r="AH24" s="254">
        <v>276</v>
      </c>
      <c r="AI24" s="259">
        <v>276</v>
      </c>
      <c r="AJ24" s="253">
        <v>0</v>
      </c>
      <c r="AK24" s="257">
        <v>0</v>
      </c>
      <c r="AL24" s="254">
        <v>0</v>
      </c>
      <c r="AM24" s="256">
        <v>0</v>
      </c>
      <c r="AN24" s="257">
        <v>2</v>
      </c>
      <c r="AO24" s="257">
        <v>3</v>
      </c>
      <c r="AP24" s="257">
        <v>6</v>
      </c>
      <c r="AQ24" s="257">
        <v>2</v>
      </c>
      <c r="AR24" s="257">
        <v>2</v>
      </c>
      <c r="AS24" s="254">
        <v>15</v>
      </c>
      <c r="AT24" s="259">
        <v>15</v>
      </c>
      <c r="AU24" s="253">
        <v>3</v>
      </c>
      <c r="AV24" s="257">
        <v>3</v>
      </c>
      <c r="AW24" s="254">
        <v>6</v>
      </c>
      <c r="AX24" s="256">
        <v>0</v>
      </c>
      <c r="AY24" s="257">
        <v>17</v>
      </c>
      <c r="AZ24" s="257">
        <v>27</v>
      </c>
      <c r="BA24" s="257">
        <v>7</v>
      </c>
      <c r="BB24" s="257">
        <v>10</v>
      </c>
      <c r="BC24" s="257">
        <v>6</v>
      </c>
      <c r="BD24" s="254">
        <v>67</v>
      </c>
      <c r="BE24" s="259">
        <v>73</v>
      </c>
      <c r="BF24" s="253">
        <v>0</v>
      </c>
      <c r="BG24" s="257">
        <v>0</v>
      </c>
      <c r="BH24" s="254">
        <v>0</v>
      </c>
      <c r="BI24" s="256">
        <v>0</v>
      </c>
      <c r="BJ24" s="257">
        <v>9</v>
      </c>
      <c r="BK24" s="257">
        <v>15</v>
      </c>
      <c r="BL24" s="257">
        <v>17</v>
      </c>
      <c r="BM24" s="257">
        <v>15</v>
      </c>
      <c r="BN24" s="257">
        <v>5</v>
      </c>
      <c r="BO24" s="258">
        <v>61</v>
      </c>
      <c r="BP24" s="259">
        <v>61</v>
      </c>
      <c r="BQ24" s="253">
        <v>0</v>
      </c>
      <c r="BR24" s="257">
        <v>0</v>
      </c>
      <c r="BS24" s="254">
        <v>0</v>
      </c>
      <c r="BT24" s="256">
        <v>0</v>
      </c>
      <c r="BU24" s="257">
        <v>0</v>
      </c>
      <c r="BV24" s="257">
        <v>0</v>
      </c>
      <c r="BW24" s="257">
        <v>0</v>
      </c>
      <c r="BX24" s="257">
        <v>0</v>
      </c>
      <c r="BY24" s="257">
        <v>0</v>
      </c>
      <c r="BZ24" s="254">
        <v>0</v>
      </c>
      <c r="CA24" s="259">
        <v>0</v>
      </c>
      <c r="CB24" s="253">
        <v>0</v>
      </c>
      <c r="CC24" s="257">
        <v>0</v>
      </c>
      <c r="CD24" s="254">
        <v>0</v>
      </c>
      <c r="CE24" s="256">
        <v>0</v>
      </c>
      <c r="CF24" s="257">
        <v>0</v>
      </c>
      <c r="CG24" s="257">
        <v>1</v>
      </c>
      <c r="CH24" s="257">
        <v>6</v>
      </c>
      <c r="CI24" s="257">
        <v>10</v>
      </c>
      <c r="CJ24" s="257">
        <v>11</v>
      </c>
      <c r="CK24" s="254">
        <v>28</v>
      </c>
      <c r="CL24" s="259">
        <v>28</v>
      </c>
      <c r="CM24" s="253">
        <v>0</v>
      </c>
      <c r="CN24" s="257">
        <v>0</v>
      </c>
      <c r="CO24" s="254">
        <v>0</v>
      </c>
      <c r="CP24" s="256">
        <v>0</v>
      </c>
      <c r="CQ24" s="257">
        <v>0</v>
      </c>
      <c r="CR24" s="257">
        <v>0</v>
      </c>
      <c r="CS24" s="257">
        <v>0</v>
      </c>
      <c r="CT24" s="257">
        <v>0</v>
      </c>
      <c r="CU24" s="257">
        <v>0</v>
      </c>
      <c r="CV24" s="254">
        <v>0</v>
      </c>
      <c r="CW24" s="259">
        <v>0</v>
      </c>
    </row>
    <row r="25" spans="2:101" ht="21" customHeight="1" x14ac:dyDescent="0.2">
      <c r="B25" s="437" t="s">
        <v>23</v>
      </c>
      <c r="C25" s="253">
        <v>0</v>
      </c>
      <c r="D25" s="254">
        <v>0</v>
      </c>
      <c r="E25" s="255">
        <v>0</v>
      </c>
      <c r="F25" s="256">
        <v>0</v>
      </c>
      <c r="G25" s="257">
        <v>0</v>
      </c>
      <c r="H25" s="257">
        <v>0</v>
      </c>
      <c r="I25" s="257">
        <v>1</v>
      </c>
      <c r="J25" s="257">
        <v>0</v>
      </c>
      <c r="K25" s="257">
        <v>1</v>
      </c>
      <c r="L25" s="258">
        <v>2</v>
      </c>
      <c r="M25" s="259">
        <v>2</v>
      </c>
      <c r="N25" s="253">
        <v>0</v>
      </c>
      <c r="O25" s="257">
        <v>0</v>
      </c>
      <c r="P25" s="254">
        <v>0</v>
      </c>
      <c r="Q25" s="256">
        <v>0</v>
      </c>
      <c r="R25" s="257">
        <v>0</v>
      </c>
      <c r="S25" s="257">
        <v>0</v>
      </c>
      <c r="T25" s="257">
        <v>0</v>
      </c>
      <c r="U25" s="257">
        <v>0</v>
      </c>
      <c r="V25" s="257">
        <v>0</v>
      </c>
      <c r="W25" s="254">
        <v>0</v>
      </c>
      <c r="X25" s="259">
        <v>0</v>
      </c>
      <c r="Y25" s="253">
        <v>0</v>
      </c>
      <c r="Z25" s="257">
        <v>0</v>
      </c>
      <c r="AA25" s="254">
        <v>0</v>
      </c>
      <c r="AB25" s="256">
        <v>0</v>
      </c>
      <c r="AC25" s="257">
        <v>66</v>
      </c>
      <c r="AD25" s="257">
        <v>51</v>
      </c>
      <c r="AE25" s="257">
        <v>27</v>
      </c>
      <c r="AF25" s="257">
        <v>17</v>
      </c>
      <c r="AG25" s="257">
        <v>2</v>
      </c>
      <c r="AH25" s="254">
        <v>163</v>
      </c>
      <c r="AI25" s="259">
        <v>163</v>
      </c>
      <c r="AJ25" s="253">
        <v>0</v>
      </c>
      <c r="AK25" s="257">
        <v>0</v>
      </c>
      <c r="AL25" s="254">
        <v>0</v>
      </c>
      <c r="AM25" s="256">
        <v>0</v>
      </c>
      <c r="AN25" s="257">
        <v>0</v>
      </c>
      <c r="AO25" s="257">
        <v>0</v>
      </c>
      <c r="AP25" s="257">
        <v>4</v>
      </c>
      <c r="AQ25" s="257">
        <v>1</v>
      </c>
      <c r="AR25" s="257">
        <v>0</v>
      </c>
      <c r="AS25" s="254">
        <v>5</v>
      </c>
      <c r="AT25" s="259">
        <v>5</v>
      </c>
      <c r="AU25" s="253">
        <v>0</v>
      </c>
      <c r="AV25" s="257">
        <v>0</v>
      </c>
      <c r="AW25" s="254">
        <v>0</v>
      </c>
      <c r="AX25" s="256">
        <v>0</v>
      </c>
      <c r="AY25" s="257">
        <v>6</v>
      </c>
      <c r="AZ25" s="257">
        <v>4</v>
      </c>
      <c r="BA25" s="257">
        <v>6</v>
      </c>
      <c r="BB25" s="257">
        <v>1</v>
      </c>
      <c r="BC25" s="257">
        <v>0</v>
      </c>
      <c r="BD25" s="254">
        <v>17</v>
      </c>
      <c r="BE25" s="259">
        <v>17</v>
      </c>
      <c r="BF25" s="253">
        <v>0</v>
      </c>
      <c r="BG25" s="257">
        <v>0</v>
      </c>
      <c r="BH25" s="254">
        <v>0</v>
      </c>
      <c r="BI25" s="256">
        <v>0</v>
      </c>
      <c r="BJ25" s="257">
        <v>41</v>
      </c>
      <c r="BK25" s="257">
        <v>22</v>
      </c>
      <c r="BL25" s="257">
        <v>20</v>
      </c>
      <c r="BM25" s="257">
        <v>22</v>
      </c>
      <c r="BN25" s="257">
        <v>4</v>
      </c>
      <c r="BO25" s="258">
        <v>109</v>
      </c>
      <c r="BP25" s="259">
        <v>109</v>
      </c>
      <c r="BQ25" s="253">
        <v>0</v>
      </c>
      <c r="BR25" s="257">
        <v>0</v>
      </c>
      <c r="BS25" s="254">
        <v>0</v>
      </c>
      <c r="BT25" s="256">
        <v>0</v>
      </c>
      <c r="BU25" s="257">
        <v>0</v>
      </c>
      <c r="BV25" s="257">
        <v>0</v>
      </c>
      <c r="BW25" s="257">
        <v>0</v>
      </c>
      <c r="BX25" s="257">
        <v>0</v>
      </c>
      <c r="BY25" s="257">
        <v>0</v>
      </c>
      <c r="BZ25" s="254">
        <v>0</v>
      </c>
      <c r="CA25" s="259">
        <v>0</v>
      </c>
      <c r="CB25" s="253">
        <v>0</v>
      </c>
      <c r="CC25" s="257">
        <v>0</v>
      </c>
      <c r="CD25" s="254">
        <v>0</v>
      </c>
      <c r="CE25" s="256">
        <v>0</v>
      </c>
      <c r="CF25" s="257">
        <v>0</v>
      </c>
      <c r="CG25" s="257">
        <v>0</v>
      </c>
      <c r="CH25" s="257">
        <v>0</v>
      </c>
      <c r="CI25" s="257">
        <v>0</v>
      </c>
      <c r="CJ25" s="257">
        <v>0</v>
      </c>
      <c r="CK25" s="254">
        <v>0</v>
      </c>
      <c r="CL25" s="259">
        <v>0</v>
      </c>
      <c r="CM25" s="253">
        <v>0</v>
      </c>
      <c r="CN25" s="257">
        <v>0</v>
      </c>
      <c r="CO25" s="254">
        <v>0</v>
      </c>
      <c r="CP25" s="256">
        <v>0</v>
      </c>
      <c r="CQ25" s="257">
        <v>0</v>
      </c>
      <c r="CR25" s="257">
        <v>0</v>
      </c>
      <c r="CS25" s="257">
        <v>0</v>
      </c>
      <c r="CT25" s="257">
        <v>1</v>
      </c>
      <c r="CU25" s="257">
        <v>0</v>
      </c>
      <c r="CV25" s="254">
        <v>1</v>
      </c>
      <c r="CW25" s="259">
        <v>1</v>
      </c>
    </row>
    <row r="26" spans="2:101" ht="21" customHeight="1" x14ac:dyDescent="0.2">
      <c r="B26" s="437" t="s">
        <v>24</v>
      </c>
      <c r="C26" s="253">
        <v>0</v>
      </c>
      <c r="D26" s="254">
        <v>0</v>
      </c>
      <c r="E26" s="255">
        <v>0</v>
      </c>
      <c r="F26" s="256">
        <v>0</v>
      </c>
      <c r="G26" s="257">
        <v>2</v>
      </c>
      <c r="H26" s="257">
        <v>2</v>
      </c>
      <c r="I26" s="257">
        <v>3</v>
      </c>
      <c r="J26" s="257">
        <v>5</v>
      </c>
      <c r="K26" s="257">
        <v>0</v>
      </c>
      <c r="L26" s="258">
        <v>12</v>
      </c>
      <c r="M26" s="259">
        <v>12</v>
      </c>
      <c r="N26" s="253">
        <v>0</v>
      </c>
      <c r="O26" s="257">
        <v>0</v>
      </c>
      <c r="P26" s="254">
        <v>0</v>
      </c>
      <c r="Q26" s="256">
        <v>0</v>
      </c>
      <c r="R26" s="257">
        <v>0</v>
      </c>
      <c r="S26" s="257">
        <v>0</v>
      </c>
      <c r="T26" s="257">
        <v>0</v>
      </c>
      <c r="U26" s="257">
        <v>0</v>
      </c>
      <c r="V26" s="257">
        <v>0</v>
      </c>
      <c r="W26" s="254">
        <v>0</v>
      </c>
      <c r="X26" s="259">
        <v>0</v>
      </c>
      <c r="Y26" s="253">
        <v>0</v>
      </c>
      <c r="Z26" s="257">
        <v>0</v>
      </c>
      <c r="AA26" s="254">
        <v>0</v>
      </c>
      <c r="AB26" s="256">
        <v>0</v>
      </c>
      <c r="AC26" s="257">
        <v>24</v>
      </c>
      <c r="AD26" s="257">
        <v>15</v>
      </c>
      <c r="AE26" s="257">
        <v>13</v>
      </c>
      <c r="AF26" s="257">
        <v>7</v>
      </c>
      <c r="AG26" s="257">
        <v>1</v>
      </c>
      <c r="AH26" s="254">
        <v>60</v>
      </c>
      <c r="AI26" s="259">
        <v>60</v>
      </c>
      <c r="AJ26" s="253">
        <v>0</v>
      </c>
      <c r="AK26" s="257">
        <v>0</v>
      </c>
      <c r="AL26" s="254">
        <v>0</v>
      </c>
      <c r="AM26" s="256">
        <v>0</v>
      </c>
      <c r="AN26" s="257">
        <v>4</v>
      </c>
      <c r="AO26" s="257">
        <v>8</v>
      </c>
      <c r="AP26" s="257">
        <v>3</v>
      </c>
      <c r="AQ26" s="257">
        <v>3</v>
      </c>
      <c r="AR26" s="257">
        <v>1</v>
      </c>
      <c r="AS26" s="254">
        <v>19</v>
      </c>
      <c r="AT26" s="259">
        <v>19</v>
      </c>
      <c r="AU26" s="253">
        <v>2</v>
      </c>
      <c r="AV26" s="257">
        <v>3</v>
      </c>
      <c r="AW26" s="254">
        <v>5</v>
      </c>
      <c r="AX26" s="256">
        <v>0</v>
      </c>
      <c r="AY26" s="257">
        <v>13</v>
      </c>
      <c r="AZ26" s="257">
        <v>11</v>
      </c>
      <c r="BA26" s="257">
        <v>6</v>
      </c>
      <c r="BB26" s="257">
        <v>5</v>
      </c>
      <c r="BC26" s="257">
        <v>2</v>
      </c>
      <c r="BD26" s="254">
        <v>37</v>
      </c>
      <c r="BE26" s="259">
        <v>42</v>
      </c>
      <c r="BF26" s="253">
        <v>0</v>
      </c>
      <c r="BG26" s="257">
        <v>0</v>
      </c>
      <c r="BH26" s="254">
        <v>0</v>
      </c>
      <c r="BI26" s="256">
        <v>0</v>
      </c>
      <c r="BJ26" s="257">
        <v>1</v>
      </c>
      <c r="BK26" s="257">
        <v>4</v>
      </c>
      <c r="BL26" s="257">
        <v>6</v>
      </c>
      <c r="BM26" s="257">
        <v>4</v>
      </c>
      <c r="BN26" s="257">
        <v>2</v>
      </c>
      <c r="BO26" s="258">
        <v>17</v>
      </c>
      <c r="BP26" s="259">
        <v>17</v>
      </c>
      <c r="BQ26" s="253">
        <v>0</v>
      </c>
      <c r="BR26" s="257">
        <v>0</v>
      </c>
      <c r="BS26" s="254">
        <v>0</v>
      </c>
      <c r="BT26" s="256">
        <v>0</v>
      </c>
      <c r="BU26" s="257">
        <v>0</v>
      </c>
      <c r="BV26" s="257">
        <v>0</v>
      </c>
      <c r="BW26" s="257">
        <v>0</v>
      </c>
      <c r="BX26" s="257">
        <v>0</v>
      </c>
      <c r="BY26" s="257">
        <v>0</v>
      </c>
      <c r="BZ26" s="254">
        <v>0</v>
      </c>
      <c r="CA26" s="259">
        <v>0</v>
      </c>
      <c r="CB26" s="253">
        <v>0</v>
      </c>
      <c r="CC26" s="257">
        <v>0</v>
      </c>
      <c r="CD26" s="254">
        <v>0</v>
      </c>
      <c r="CE26" s="256">
        <v>0</v>
      </c>
      <c r="CF26" s="257">
        <v>0</v>
      </c>
      <c r="CG26" s="257">
        <v>0</v>
      </c>
      <c r="CH26" s="257">
        <v>0</v>
      </c>
      <c r="CI26" s="257">
        <v>0</v>
      </c>
      <c r="CJ26" s="257">
        <v>0</v>
      </c>
      <c r="CK26" s="254">
        <v>0</v>
      </c>
      <c r="CL26" s="259">
        <v>0</v>
      </c>
      <c r="CM26" s="253">
        <v>0</v>
      </c>
      <c r="CN26" s="257">
        <v>0</v>
      </c>
      <c r="CO26" s="254">
        <v>0</v>
      </c>
      <c r="CP26" s="256">
        <v>0</v>
      </c>
      <c r="CQ26" s="257">
        <v>0</v>
      </c>
      <c r="CR26" s="257">
        <v>0</v>
      </c>
      <c r="CS26" s="257">
        <v>0</v>
      </c>
      <c r="CT26" s="257">
        <v>0</v>
      </c>
      <c r="CU26" s="257">
        <v>0</v>
      </c>
      <c r="CV26" s="254">
        <v>0</v>
      </c>
      <c r="CW26" s="259">
        <v>0</v>
      </c>
    </row>
    <row r="27" spans="2:101" ht="21" customHeight="1" x14ac:dyDescent="0.2">
      <c r="B27" s="437" t="s">
        <v>25</v>
      </c>
      <c r="C27" s="253">
        <v>0</v>
      </c>
      <c r="D27" s="254">
        <v>0</v>
      </c>
      <c r="E27" s="255">
        <v>0</v>
      </c>
      <c r="F27" s="256">
        <v>0</v>
      </c>
      <c r="G27" s="257">
        <v>0</v>
      </c>
      <c r="H27" s="257">
        <v>0</v>
      </c>
      <c r="I27" s="257">
        <v>0</v>
      </c>
      <c r="J27" s="257">
        <v>0</v>
      </c>
      <c r="K27" s="257">
        <v>0</v>
      </c>
      <c r="L27" s="258">
        <v>0</v>
      </c>
      <c r="M27" s="259">
        <v>0</v>
      </c>
      <c r="N27" s="253">
        <v>0</v>
      </c>
      <c r="O27" s="257">
        <v>0</v>
      </c>
      <c r="P27" s="254">
        <v>0</v>
      </c>
      <c r="Q27" s="256">
        <v>0</v>
      </c>
      <c r="R27" s="257">
        <v>0</v>
      </c>
      <c r="S27" s="257">
        <v>0</v>
      </c>
      <c r="T27" s="257">
        <v>0</v>
      </c>
      <c r="U27" s="257">
        <v>0</v>
      </c>
      <c r="V27" s="257">
        <v>0</v>
      </c>
      <c r="W27" s="254">
        <v>0</v>
      </c>
      <c r="X27" s="259">
        <v>0</v>
      </c>
      <c r="Y27" s="253">
        <v>0</v>
      </c>
      <c r="Z27" s="257">
        <v>0</v>
      </c>
      <c r="AA27" s="254">
        <v>0</v>
      </c>
      <c r="AB27" s="256">
        <v>0</v>
      </c>
      <c r="AC27" s="257">
        <v>81</v>
      </c>
      <c r="AD27" s="257">
        <v>34</v>
      </c>
      <c r="AE27" s="257">
        <v>13</v>
      </c>
      <c r="AF27" s="257">
        <v>6</v>
      </c>
      <c r="AG27" s="257">
        <v>0</v>
      </c>
      <c r="AH27" s="254">
        <v>134</v>
      </c>
      <c r="AI27" s="259">
        <v>134</v>
      </c>
      <c r="AJ27" s="253">
        <v>0</v>
      </c>
      <c r="AK27" s="257">
        <v>0</v>
      </c>
      <c r="AL27" s="254">
        <v>0</v>
      </c>
      <c r="AM27" s="256">
        <v>0</v>
      </c>
      <c r="AN27" s="257">
        <v>0</v>
      </c>
      <c r="AO27" s="257">
        <v>0</v>
      </c>
      <c r="AP27" s="257">
        <v>0</v>
      </c>
      <c r="AQ27" s="257">
        <v>0</v>
      </c>
      <c r="AR27" s="257">
        <v>0</v>
      </c>
      <c r="AS27" s="254">
        <v>0</v>
      </c>
      <c r="AT27" s="259">
        <v>0</v>
      </c>
      <c r="AU27" s="253">
        <v>2</v>
      </c>
      <c r="AV27" s="257">
        <v>1</v>
      </c>
      <c r="AW27" s="254">
        <v>3</v>
      </c>
      <c r="AX27" s="256">
        <v>0</v>
      </c>
      <c r="AY27" s="257">
        <v>4</v>
      </c>
      <c r="AZ27" s="257">
        <v>5</v>
      </c>
      <c r="BA27" s="257">
        <v>3</v>
      </c>
      <c r="BB27" s="257">
        <v>2</v>
      </c>
      <c r="BC27" s="257">
        <v>1</v>
      </c>
      <c r="BD27" s="254">
        <v>15</v>
      </c>
      <c r="BE27" s="259">
        <v>18</v>
      </c>
      <c r="BF27" s="253">
        <v>0</v>
      </c>
      <c r="BG27" s="257">
        <v>0</v>
      </c>
      <c r="BH27" s="254">
        <v>0</v>
      </c>
      <c r="BI27" s="256">
        <v>0</v>
      </c>
      <c r="BJ27" s="257">
        <v>11</v>
      </c>
      <c r="BK27" s="257">
        <v>5</v>
      </c>
      <c r="BL27" s="257">
        <v>9</v>
      </c>
      <c r="BM27" s="257">
        <v>7</v>
      </c>
      <c r="BN27" s="257">
        <v>2</v>
      </c>
      <c r="BO27" s="258">
        <v>34</v>
      </c>
      <c r="BP27" s="259">
        <v>34</v>
      </c>
      <c r="BQ27" s="253">
        <v>0</v>
      </c>
      <c r="BR27" s="257">
        <v>0</v>
      </c>
      <c r="BS27" s="254">
        <v>0</v>
      </c>
      <c r="BT27" s="256">
        <v>0</v>
      </c>
      <c r="BU27" s="257">
        <v>0</v>
      </c>
      <c r="BV27" s="257">
        <v>0</v>
      </c>
      <c r="BW27" s="257">
        <v>0</v>
      </c>
      <c r="BX27" s="257">
        <v>0</v>
      </c>
      <c r="BY27" s="257">
        <v>0</v>
      </c>
      <c r="BZ27" s="254">
        <v>0</v>
      </c>
      <c r="CA27" s="259">
        <v>0</v>
      </c>
      <c r="CB27" s="253">
        <v>0</v>
      </c>
      <c r="CC27" s="257">
        <v>0</v>
      </c>
      <c r="CD27" s="254">
        <v>0</v>
      </c>
      <c r="CE27" s="256">
        <v>0</v>
      </c>
      <c r="CF27" s="257">
        <v>0</v>
      </c>
      <c r="CG27" s="257">
        <v>0</v>
      </c>
      <c r="CH27" s="257">
        <v>0</v>
      </c>
      <c r="CI27" s="257">
        <v>0</v>
      </c>
      <c r="CJ27" s="257">
        <v>0</v>
      </c>
      <c r="CK27" s="254">
        <v>0</v>
      </c>
      <c r="CL27" s="259">
        <v>0</v>
      </c>
      <c r="CM27" s="253">
        <v>0</v>
      </c>
      <c r="CN27" s="257">
        <v>0</v>
      </c>
      <c r="CO27" s="254">
        <v>0</v>
      </c>
      <c r="CP27" s="256">
        <v>0</v>
      </c>
      <c r="CQ27" s="257">
        <v>0</v>
      </c>
      <c r="CR27" s="257">
        <v>0</v>
      </c>
      <c r="CS27" s="257">
        <v>0</v>
      </c>
      <c r="CT27" s="257">
        <v>0</v>
      </c>
      <c r="CU27" s="257">
        <v>0</v>
      </c>
      <c r="CV27" s="254">
        <v>0</v>
      </c>
      <c r="CW27" s="259">
        <v>0</v>
      </c>
    </row>
    <row r="28" spans="2:101" ht="21" customHeight="1" x14ac:dyDescent="0.2">
      <c r="B28" s="437" t="s">
        <v>26</v>
      </c>
      <c r="C28" s="253">
        <v>0</v>
      </c>
      <c r="D28" s="254">
        <v>0</v>
      </c>
      <c r="E28" s="255">
        <v>0</v>
      </c>
      <c r="F28" s="256">
        <v>0</v>
      </c>
      <c r="G28" s="257">
        <v>0</v>
      </c>
      <c r="H28" s="257">
        <v>0</v>
      </c>
      <c r="I28" s="257">
        <v>0</v>
      </c>
      <c r="J28" s="257">
        <v>0</v>
      </c>
      <c r="K28" s="257">
        <v>0</v>
      </c>
      <c r="L28" s="258">
        <v>0</v>
      </c>
      <c r="M28" s="259">
        <v>0</v>
      </c>
      <c r="N28" s="253">
        <v>0</v>
      </c>
      <c r="O28" s="257">
        <v>0</v>
      </c>
      <c r="P28" s="254">
        <v>0</v>
      </c>
      <c r="Q28" s="256">
        <v>0</v>
      </c>
      <c r="R28" s="257">
        <v>0</v>
      </c>
      <c r="S28" s="257">
        <v>0</v>
      </c>
      <c r="T28" s="257">
        <v>0</v>
      </c>
      <c r="U28" s="257">
        <v>0</v>
      </c>
      <c r="V28" s="257">
        <v>0</v>
      </c>
      <c r="W28" s="254">
        <v>0</v>
      </c>
      <c r="X28" s="259">
        <v>0</v>
      </c>
      <c r="Y28" s="253">
        <v>0</v>
      </c>
      <c r="Z28" s="257">
        <v>0</v>
      </c>
      <c r="AA28" s="254">
        <v>0</v>
      </c>
      <c r="AB28" s="256">
        <v>0</v>
      </c>
      <c r="AC28" s="257">
        <v>46</v>
      </c>
      <c r="AD28" s="257">
        <v>38</v>
      </c>
      <c r="AE28" s="257">
        <v>24</v>
      </c>
      <c r="AF28" s="257">
        <v>11</v>
      </c>
      <c r="AG28" s="257">
        <v>7</v>
      </c>
      <c r="AH28" s="254">
        <v>126</v>
      </c>
      <c r="AI28" s="259">
        <v>126</v>
      </c>
      <c r="AJ28" s="253">
        <v>0</v>
      </c>
      <c r="AK28" s="257">
        <v>0</v>
      </c>
      <c r="AL28" s="254">
        <v>0</v>
      </c>
      <c r="AM28" s="256">
        <v>0</v>
      </c>
      <c r="AN28" s="257">
        <v>0</v>
      </c>
      <c r="AO28" s="257">
        <v>4</v>
      </c>
      <c r="AP28" s="257">
        <v>2</v>
      </c>
      <c r="AQ28" s="257">
        <v>1</v>
      </c>
      <c r="AR28" s="257">
        <v>3</v>
      </c>
      <c r="AS28" s="254">
        <v>10</v>
      </c>
      <c r="AT28" s="259">
        <v>10</v>
      </c>
      <c r="AU28" s="253">
        <v>0</v>
      </c>
      <c r="AV28" s="257">
        <v>0</v>
      </c>
      <c r="AW28" s="254">
        <v>0</v>
      </c>
      <c r="AX28" s="256">
        <v>0</v>
      </c>
      <c r="AY28" s="257">
        <v>4</v>
      </c>
      <c r="AZ28" s="257">
        <v>5</v>
      </c>
      <c r="BA28" s="257">
        <v>5</v>
      </c>
      <c r="BB28" s="257">
        <v>1</v>
      </c>
      <c r="BC28" s="257">
        <v>2</v>
      </c>
      <c r="BD28" s="254">
        <v>17</v>
      </c>
      <c r="BE28" s="259">
        <v>17</v>
      </c>
      <c r="BF28" s="253">
        <v>0</v>
      </c>
      <c r="BG28" s="257">
        <v>0</v>
      </c>
      <c r="BH28" s="254">
        <v>0</v>
      </c>
      <c r="BI28" s="256">
        <v>0</v>
      </c>
      <c r="BJ28" s="257">
        <v>6</v>
      </c>
      <c r="BK28" s="257">
        <v>15</v>
      </c>
      <c r="BL28" s="257">
        <v>23</v>
      </c>
      <c r="BM28" s="257">
        <v>10</v>
      </c>
      <c r="BN28" s="257">
        <v>1</v>
      </c>
      <c r="BO28" s="258">
        <v>55</v>
      </c>
      <c r="BP28" s="259">
        <v>55</v>
      </c>
      <c r="BQ28" s="253">
        <v>0</v>
      </c>
      <c r="BR28" s="257">
        <v>0</v>
      </c>
      <c r="BS28" s="254">
        <v>0</v>
      </c>
      <c r="BT28" s="256">
        <v>0</v>
      </c>
      <c r="BU28" s="257">
        <v>0</v>
      </c>
      <c r="BV28" s="257">
        <v>0</v>
      </c>
      <c r="BW28" s="257">
        <v>0</v>
      </c>
      <c r="BX28" s="257">
        <v>0</v>
      </c>
      <c r="BY28" s="257">
        <v>0</v>
      </c>
      <c r="BZ28" s="254">
        <v>0</v>
      </c>
      <c r="CA28" s="259">
        <v>0</v>
      </c>
      <c r="CB28" s="253">
        <v>0</v>
      </c>
      <c r="CC28" s="257">
        <v>0</v>
      </c>
      <c r="CD28" s="254">
        <v>0</v>
      </c>
      <c r="CE28" s="256">
        <v>0</v>
      </c>
      <c r="CF28" s="257">
        <v>0</v>
      </c>
      <c r="CG28" s="257">
        <v>0</v>
      </c>
      <c r="CH28" s="257">
        <v>0</v>
      </c>
      <c r="CI28" s="257">
        <v>0</v>
      </c>
      <c r="CJ28" s="257">
        <v>0</v>
      </c>
      <c r="CK28" s="254">
        <v>0</v>
      </c>
      <c r="CL28" s="259">
        <v>0</v>
      </c>
      <c r="CM28" s="253">
        <v>0</v>
      </c>
      <c r="CN28" s="257">
        <v>0</v>
      </c>
      <c r="CO28" s="254">
        <v>0</v>
      </c>
      <c r="CP28" s="256">
        <v>0</v>
      </c>
      <c r="CQ28" s="257">
        <v>0</v>
      </c>
      <c r="CR28" s="257">
        <v>0</v>
      </c>
      <c r="CS28" s="257">
        <v>0</v>
      </c>
      <c r="CT28" s="257">
        <v>0</v>
      </c>
      <c r="CU28" s="257">
        <v>0</v>
      </c>
      <c r="CV28" s="254">
        <v>0</v>
      </c>
      <c r="CW28" s="259">
        <v>0</v>
      </c>
    </row>
    <row r="29" spans="2:101" ht="21" customHeight="1" x14ac:dyDescent="0.2">
      <c r="B29" s="437" t="s">
        <v>27</v>
      </c>
      <c r="C29" s="253">
        <v>0</v>
      </c>
      <c r="D29" s="254">
        <v>0</v>
      </c>
      <c r="E29" s="255">
        <v>0</v>
      </c>
      <c r="F29" s="256">
        <v>0</v>
      </c>
      <c r="G29" s="257">
        <v>0</v>
      </c>
      <c r="H29" s="257">
        <v>0</v>
      </c>
      <c r="I29" s="257">
        <v>1</v>
      </c>
      <c r="J29" s="257">
        <v>0</v>
      </c>
      <c r="K29" s="257">
        <v>0</v>
      </c>
      <c r="L29" s="258">
        <v>1</v>
      </c>
      <c r="M29" s="259">
        <v>1</v>
      </c>
      <c r="N29" s="253">
        <v>0</v>
      </c>
      <c r="O29" s="257">
        <v>0</v>
      </c>
      <c r="P29" s="254">
        <v>0</v>
      </c>
      <c r="Q29" s="256">
        <v>0</v>
      </c>
      <c r="R29" s="257">
        <v>0</v>
      </c>
      <c r="S29" s="257">
        <v>0</v>
      </c>
      <c r="T29" s="257">
        <v>0</v>
      </c>
      <c r="U29" s="257">
        <v>0</v>
      </c>
      <c r="V29" s="257">
        <v>0</v>
      </c>
      <c r="W29" s="254">
        <v>0</v>
      </c>
      <c r="X29" s="259">
        <v>0</v>
      </c>
      <c r="Y29" s="253">
        <v>0</v>
      </c>
      <c r="Z29" s="257">
        <v>0</v>
      </c>
      <c r="AA29" s="254">
        <v>0</v>
      </c>
      <c r="AB29" s="256">
        <v>0</v>
      </c>
      <c r="AC29" s="257">
        <v>33</v>
      </c>
      <c r="AD29" s="257">
        <v>16</v>
      </c>
      <c r="AE29" s="257">
        <v>4</v>
      </c>
      <c r="AF29" s="257">
        <v>2</v>
      </c>
      <c r="AG29" s="257">
        <v>0</v>
      </c>
      <c r="AH29" s="254">
        <v>55</v>
      </c>
      <c r="AI29" s="259">
        <v>55</v>
      </c>
      <c r="AJ29" s="253">
        <v>0</v>
      </c>
      <c r="AK29" s="257">
        <v>0</v>
      </c>
      <c r="AL29" s="254">
        <v>0</v>
      </c>
      <c r="AM29" s="256">
        <v>0</v>
      </c>
      <c r="AN29" s="257">
        <v>1</v>
      </c>
      <c r="AO29" s="257">
        <v>1</v>
      </c>
      <c r="AP29" s="257">
        <v>2</v>
      </c>
      <c r="AQ29" s="257">
        <v>1</v>
      </c>
      <c r="AR29" s="257">
        <v>1</v>
      </c>
      <c r="AS29" s="254">
        <v>6</v>
      </c>
      <c r="AT29" s="259">
        <v>6</v>
      </c>
      <c r="AU29" s="253">
        <v>0</v>
      </c>
      <c r="AV29" s="257">
        <v>0</v>
      </c>
      <c r="AW29" s="254">
        <v>0</v>
      </c>
      <c r="AX29" s="256">
        <v>0</v>
      </c>
      <c r="AY29" s="257">
        <v>9</v>
      </c>
      <c r="AZ29" s="257">
        <v>5</v>
      </c>
      <c r="BA29" s="257">
        <v>5</v>
      </c>
      <c r="BB29" s="257">
        <v>2</v>
      </c>
      <c r="BC29" s="257">
        <v>1</v>
      </c>
      <c r="BD29" s="254">
        <v>22</v>
      </c>
      <c r="BE29" s="259">
        <v>22</v>
      </c>
      <c r="BF29" s="253">
        <v>0</v>
      </c>
      <c r="BG29" s="257">
        <v>0</v>
      </c>
      <c r="BH29" s="254">
        <v>0</v>
      </c>
      <c r="BI29" s="256">
        <v>0</v>
      </c>
      <c r="BJ29" s="257">
        <v>6</v>
      </c>
      <c r="BK29" s="257">
        <v>4</v>
      </c>
      <c r="BL29" s="257">
        <v>11</v>
      </c>
      <c r="BM29" s="257">
        <v>5</v>
      </c>
      <c r="BN29" s="257">
        <v>7</v>
      </c>
      <c r="BO29" s="258">
        <v>33</v>
      </c>
      <c r="BP29" s="259">
        <v>33</v>
      </c>
      <c r="BQ29" s="253">
        <v>0</v>
      </c>
      <c r="BR29" s="257">
        <v>0</v>
      </c>
      <c r="BS29" s="254">
        <v>0</v>
      </c>
      <c r="BT29" s="256">
        <v>0</v>
      </c>
      <c r="BU29" s="257">
        <v>0</v>
      </c>
      <c r="BV29" s="257">
        <v>0</v>
      </c>
      <c r="BW29" s="257">
        <v>0</v>
      </c>
      <c r="BX29" s="257">
        <v>0</v>
      </c>
      <c r="BY29" s="257">
        <v>0</v>
      </c>
      <c r="BZ29" s="254">
        <v>0</v>
      </c>
      <c r="CA29" s="259">
        <v>0</v>
      </c>
      <c r="CB29" s="253">
        <v>0</v>
      </c>
      <c r="CC29" s="257">
        <v>0</v>
      </c>
      <c r="CD29" s="254">
        <v>0</v>
      </c>
      <c r="CE29" s="256">
        <v>0</v>
      </c>
      <c r="CF29" s="257">
        <v>0</v>
      </c>
      <c r="CG29" s="257">
        <v>0</v>
      </c>
      <c r="CH29" s="257">
        <v>6</v>
      </c>
      <c r="CI29" s="257">
        <v>12</v>
      </c>
      <c r="CJ29" s="257">
        <v>5</v>
      </c>
      <c r="CK29" s="254">
        <v>23</v>
      </c>
      <c r="CL29" s="259">
        <v>23</v>
      </c>
      <c r="CM29" s="253">
        <v>0</v>
      </c>
      <c r="CN29" s="257">
        <v>0</v>
      </c>
      <c r="CO29" s="254">
        <v>0</v>
      </c>
      <c r="CP29" s="256">
        <v>0</v>
      </c>
      <c r="CQ29" s="257">
        <v>0</v>
      </c>
      <c r="CR29" s="257">
        <v>0</v>
      </c>
      <c r="CS29" s="257">
        <v>0</v>
      </c>
      <c r="CT29" s="257">
        <v>1</v>
      </c>
      <c r="CU29" s="257">
        <v>0</v>
      </c>
      <c r="CV29" s="254">
        <v>1</v>
      </c>
      <c r="CW29" s="259">
        <v>1</v>
      </c>
    </row>
    <row r="30" spans="2:101" ht="21" customHeight="1" x14ac:dyDescent="0.2">
      <c r="B30" s="437" t="s">
        <v>28</v>
      </c>
      <c r="C30" s="253">
        <v>0</v>
      </c>
      <c r="D30" s="254">
        <v>0</v>
      </c>
      <c r="E30" s="255">
        <v>0</v>
      </c>
      <c r="F30" s="256">
        <v>0</v>
      </c>
      <c r="G30" s="257">
        <v>0</v>
      </c>
      <c r="H30" s="257">
        <v>0</v>
      </c>
      <c r="I30" s="257">
        <v>0</v>
      </c>
      <c r="J30" s="257">
        <v>0</v>
      </c>
      <c r="K30" s="257">
        <v>0</v>
      </c>
      <c r="L30" s="258">
        <v>0</v>
      </c>
      <c r="M30" s="259">
        <v>0</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25</v>
      </c>
      <c r="AD30" s="257">
        <v>13</v>
      </c>
      <c r="AE30" s="257">
        <v>3</v>
      </c>
      <c r="AF30" s="257">
        <v>1</v>
      </c>
      <c r="AG30" s="257">
        <v>1</v>
      </c>
      <c r="AH30" s="254">
        <v>43</v>
      </c>
      <c r="AI30" s="259">
        <v>43</v>
      </c>
      <c r="AJ30" s="253">
        <v>0</v>
      </c>
      <c r="AK30" s="257">
        <v>0</v>
      </c>
      <c r="AL30" s="254">
        <v>0</v>
      </c>
      <c r="AM30" s="256">
        <v>0</v>
      </c>
      <c r="AN30" s="257">
        <v>2</v>
      </c>
      <c r="AO30" s="257">
        <v>2</v>
      </c>
      <c r="AP30" s="257">
        <v>1</v>
      </c>
      <c r="AQ30" s="257">
        <v>1</v>
      </c>
      <c r="AR30" s="257">
        <v>0</v>
      </c>
      <c r="AS30" s="254">
        <v>6</v>
      </c>
      <c r="AT30" s="259">
        <v>6</v>
      </c>
      <c r="AU30" s="253">
        <v>0</v>
      </c>
      <c r="AV30" s="257">
        <v>0</v>
      </c>
      <c r="AW30" s="254">
        <v>0</v>
      </c>
      <c r="AX30" s="256">
        <v>0</v>
      </c>
      <c r="AY30" s="257">
        <v>0</v>
      </c>
      <c r="AZ30" s="257">
        <v>0</v>
      </c>
      <c r="BA30" s="257">
        <v>0</v>
      </c>
      <c r="BB30" s="257">
        <v>0</v>
      </c>
      <c r="BC30" s="257">
        <v>0</v>
      </c>
      <c r="BD30" s="254">
        <v>0</v>
      </c>
      <c r="BE30" s="259">
        <v>0</v>
      </c>
      <c r="BF30" s="253">
        <v>0</v>
      </c>
      <c r="BG30" s="257">
        <v>0</v>
      </c>
      <c r="BH30" s="254">
        <v>0</v>
      </c>
      <c r="BI30" s="256">
        <v>0</v>
      </c>
      <c r="BJ30" s="257">
        <v>1</v>
      </c>
      <c r="BK30" s="257">
        <v>5</v>
      </c>
      <c r="BL30" s="257">
        <v>2</v>
      </c>
      <c r="BM30" s="257">
        <v>4</v>
      </c>
      <c r="BN30" s="257">
        <v>3</v>
      </c>
      <c r="BO30" s="258">
        <v>15</v>
      </c>
      <c r="BP30" s="259">
        <v>15</v>
      </c>
      <c r="BQ30" s="253">
        <v>0</v>
      </c>
      <c r="BR30" s="257">
        <v>0</v>
      </c>
      <c r="BS30" s="254">
        <v>0</v>
      </c>
      <c r="BT30" s="256">
        <v>0</v>
      </c>
      <c r="BU30" s="257">
        <v>0</v>
      </c>
      <c r="BV30" s="257">
        <v>0</v>
      </c>
      <c r="BW30" s="257">
        <v>0</v>
      </c>
      <c r="BX30" s="257">
        <v>0</v>
      </c>
      <c r="BY30" s="257">
        <v>0</v>
      </c>
      <c r="BZ30" s="254">
        <v>0</v>
      </c>
      <c r="CA30" s="259">
        <v>0</v>
      </c>
      <c r="CB30" s="253">
        <v>0</v>
      </c>
      <c r="CC30" s="257">
        <v>0</v>
      </c>
      <c r="CD30" s="254">
        <v>0</v>
      </c>
      <c r="CE30" s="256">
        <v>0</v>
      </c>
      <c r="CF30" s="257">
        <v>0</v>
      </c>
      <c r="CG30" s="257">
        <v>0</v>
      </c>
      <c r="CH30" s="257">
        <v>0</v>
      </c>
      <c r="CI30" s="257">
        <v>1</v>
      </c>
      <c r="CJ30" s="257">
        <v>0</v>
      </c>
      <c r="CK30" s="254">
        <v>1</v>
      </c>
      <c r="CL30" s="259">
        <v>1</v>
      </c>
      <c r="CM30" s="253">
        <v>0</v>
      </c>
      <c r="CN30" s="257">
        <v>0</v>
      </c>
      <c r="CO30" s="254">
        <v>0</v>
      </c>
      <c r="CP30" s="256">
        <v>0</v>
      </c>
      <c r="CQ30" s="257">
        <v>0</v>
      </c>
      <c r="CR30" s="257">
        <v>0</v>
      </c>
      <c r="CS30" s="257">
        <v>0</v>
      </c>
      <c r="CT30" s="257">
        <v>0</v>
      </c>
      <c r="CU30" s="257">
        <v>0</v>
      </c>
      <c r="CV30" s="254">
        <v>0</v>
      </c>
      <c r="CW30" s="259">
        <v>0</v>
      </c>
    </row>
    <row r="31" spans="2:101" ht="21" customHeight="1" x14ac:dyDescent="0.2">
      <c r="B31" s="437" t="s">
        <v>29</v>
      </c>
      <c r="C31" s="253">
        <v>0</v>
      </c>
      <c r="D31" s="254">
        <v>0</v>
      </c>
      <c r="E31" s="255">
        <v>0</v>
      </c>
      <c r="F31" s="256">
        <v>0</v>
      </c>
      <c r="G31" s="257">
        <v>2</v>
      </c>
      <c r="H31" s="257">
        <v>0</v>
      </c>
      <c r="I31" s="257">
        <v>1</v>
      </c>
      <c r="J31" s="257">
        <v>0</v>
      </c>
      <c r="K31" s="257">
        <v>0</v>
      </c>
      <c r="L31" s="258">
        <v>3</v>
      </c>
      <c r="M31" s="259">
        <v>3</v>
      </c>
      <c r="N31" s="253">
        <v>0</v>
      </c>
      <c r="O31" s="257">
        <v>0</v>
      </c>
      <c r="P31" s="254">
        <v>0</v>
      </c>
      <c r="Q31" s="256">
        <v>0</v>
      </c>
      <c r="R31" s="257">
        <v>0</v>
      </c>
      <c r="S31" s="257">
        <v>0</v>
      </c>
      <c r="T31" s="257">
        <v>0</v>
      </c>
      <c r="U31" s="257">
        <v>0</v>
      </c>
      <c r="V31" s="257">
        <v>0</v>
      </c>
      <c r="W31" s="254">
        <v>0</v>
      </c>
      <c r="X31" s="259">
        <v>0</v>
      </c>
      <c r="Y31" s="253">
        <v>0</v>
      </c>
      <c r="Z31" s="257">
        <v>0</v>
      </c>
      <c r="AA31" s="254">
        <v>0</v>
      </c>
      <c r="AB31" s="256">
        <v>0</v>
      </c>
      <c r="AC31" s="257">
        <v>14</v>
      </c>
      <c r="AD31" s="257">
        <v>17</v>
      </c>
      <c r="AE31" s="257">
        <v>7</v>
      </c>
      <c r="AF31" s="257">
        <v>3</v>
      </c>
      <c r="AG31" s="257">
        <v>0</v>
      </c>
      <c r="AH31" s="254">
        <v>41</v>
      </c>
      <c r="AI31" s="259">
        <v>41</v>
      </c>
      <c r="AJ31" s="253">
        <v>0</v>
      </c>
      <c r="AK31" s="257">
        <v>0</v>
      </c>
      <c r="AL31" s="254">
        <v>0</v>
      </c>
      <c r="AM31" s="256">
        <v>0</v>
      </c>
      <c r="AN31" s="257">
        <v>1</v>
      </c>
      <c r="AO31" s="257">
        <v>1</v>
      </c>
      <c r="AP31" s="257">
        <v>0</v>
      </c>
      <c r="AQ31" s="257">
        <v>0</v>
      </c>
      <c r="AR31" s="257">
        <v>0</v>
      </c>
      <c r="AS31" s="254">
        <v>2</v>
      </c>
      <c r="AT31" s="259">
        <v>2</v>
      </c>
      <c r="AU31" s="253">
        <v>0</v>
      </c>
      <c r="AV31" s="257">
        <v>1</v>
      </c>
      <c r="AW31" s="254">
        <v>1</v>
      </c>
      <c r="AX31" s="256">
        <v>0</v>
      </c>
      <c r="AY31" s="257">
        <v>7</v>
      </c>
      <c r="AZ31" s="257">
        <v>4</v>
      </c>
      <c r="BA31" s="257">
        <v>5</v>
      </c>
      <c r="BB31" s="257">
        <v>5</v>
      </c>
      <c r="BC31" s="257">
        <v>2</v>
      </c>
      <c r="BD31" s="254">
        <v>23</v>
      </c>
      <c r="BE31" s="259">
        <v>24</v>
      </c>
      <c r="BF31" s="253">
        <v>0</v>
      </c>
      <c r="BG31" s="257">
        <v>0</v>
      </c>
      <c r="BH31" s="254">
        <v>0</v>
      </c>
      <c r="BI31" s="256">
        <v>0</v>
      </c>
      <c r="BJ31" s="257">
        <v>6</v>
      </c>
      <c r="BK31" s="257">
        <v>8</v>
      </c>
      <c r="BL31" s="257">
        <v>8</v>
      </c>
      <c r="BM31" s="257">
        <v>3</v>
      </c>
      <c r="BN31" s="257">
        <v>3</v>
      </c>
      <c r="BO31" s="258">
        <v>28</v>
      </c>
      <c r="BP31" s="259">
        <v>28</v>
      </c>
      <c r="BQ31" s="253">
        <v>0</v>
      </c>
      <c r="BR31" s="257">
        <v>0</v>
      </c>
      <c r="BS31" s="254">
        <v>0</v>
      </c>
      <c r="BT31" s="256">
        <v>0</v>
      </c>
      <c r="BU31" s="257">
        <v>0</v>
      </c>
      <c r="BV31" s="257">
        <v>0</v>
      </c>
      <c r="BW31" s="257">
        <v>0</v>
      </c>
      <c r="BX31" s="257">
        <v>0</v>
      </c>
      <c r="BY31" s="257">
        <v>0</v>
      </c>
      <c r="BZ31" s="254">
        <v>0</v>
      </c>
      <c r="CA31" s="259">
        <v>0</v>
      </c>
      <c r="CB31" s="253">
        <v>0</v>
      </c>
      <c r="CC31" s="257">
        <v>0</v>
      </c>
      <c r="CD31" s="254">
        <v>0</v>
      </c>
      <c r="CE31" s="256">
        <v>0</v>
      </c>
      <c r="CF31" s="257">
        <v>0</v>
      </c>
      <c r="CG31" s="257">
        <v>0</v>
      </c>
      <c r="CH31" s="257">
        <v>11</v>
      </c>
      <c r="CI31" s="257">
        <v>9</v>
      </c>
      <c r="CJ31" s="257">
        <v>5</v>
      </c>
      <c r="CK31" s="254">
        <v>25</v>
      </c>
      <c r="CL31" s="259">
        <v>25</v>
      </c>
      <c r="CM31" s="253">
        <v>0</v>
      </c>
      <c r="CN31" s="257">
        <v>0</v>
      </c>
      <c r="CO31" s="254">
        <v>0</v>
      </c>
      <c r="CP31" s="256">
        <v>0</v>
      </c>
      <c r="CQ31" s="257">
        <v>0</v>
      </c>
      <c r="CR31" s="257">
        <v>0</v>
      </c>
      <c r="CS31" s="257">
        <v>0</v>
      </c>
      <c r="CT31" s="257">
        <v>0</v>
      </c>
      <c r="CU31" s="257">
        <v>0</v>
      </c>
      <c r="CV31" s="254">
        <v>0</v>
      </c>
      <c r="CW31" s="259">
        <v>0</v>
      </c>
    </row>
    <row r="32" spans="2:101" ht="21" customHeight="1" x14ac:dyDescent="0.2">
      <c r="B32" s="437" t="s">
        <v>30</v>
      </c>
      <c r="C32" s="253">
        <v>0</v>
      </c>
      <c r="D32" s="254">
        <v>0</v>
      </c>
      <c r="E32" s="255">
        <v>0</v>
      </c>
      <c r="F32" s="256">
        <v>0</v>
      </c>
      <c r="G32" s="257">
        <v>0</v>
      </c>
      <c r="H32" s="257">
        <v>2</v>
      </c>
      <c r="I32" s="257">
        <v>1</v>
      </c>
      <c r="J32" s="257">
        <v>0</v>
      </c>
      <c r="K32" s="257">
        <v>0</v>
      </c>
      <c r="L32" s="258">
        <v>3</v>
      </c>
      <c r="M32" s="259">
        <v>3</v>
      </c>
      <c r="N32" s="253">
        <v>0</v>
      </c>
      <c r="O32" s="257">
        <v>0</v>
      </c>
      <c r="P32" s="254">
        <v>0</v>
      </c>
      <c r="Q32" s="256">
        <v>0</v>
      </c>
      <c r="R32" s="257">
        <v>0</v>
      </c>
      <c r="S32" s="257">
        <v>0</v>
      </c>
      <c r="T32" s="257">
        <v>0</v>
      </c>
      <c r="U32" s="257">
        <v>0</v>
      </c>
      <c r="V32" s="257">
        <v>0</v>
      </c>
      <c r="W32" s="254">
        <v>0</v>
      </c>
      <c r="X32" s="259">
        <v>0</v>
      </c>
      <c r="Y32" s="253">
        <v>0</v>
      </c>
      <c r="Z32" s="257">
        <v>0</v>
      </c>
      <c r="AA32" s="254">
        <v>0</v>
      </c>
      <c r="AB32" s="256">
        <v>0</v>
      </c>
      <c r="AC32" s="257">
        <v>26</v>
      </c>
      <c r="AD32" s="257">
        <v>6</v>
      </c>
      <c r="AE32" s="257">
        <v>13</v>
      </c>
      <c r="AF32" s="257">
        <v>3</v>
      </c>
      <c r="AG32" s="257">
        <v>0</v>
      </c>
      <c r="AH32" s="254">
        <v>48</v>
      </c>
      <c r="AI32" s="259">
        <v>48</v>
      </c>
      <c r="AJ32" s="253">
        <v>0</v>
      </c>
      <c r="AK32" s="257">
        <v>0</v>
      </c>
      <c r="AL32" s="254">
        <v>0</v>
      </c>
      <c r="AM32" s="256">
        <v>0</v>
      </c>
      <c r="AN32" s="257">
        <v>1</v>
      </c>
      <c r="AO32" s="257">
        <v>3</v>
      </c>
      <c r="AP32" s="257">
        <v>1</v>
      </c>
      <c r="AQ32" s="257">
        <v>0</v>
      </c>
      <c r="AR32" s="257">
        <v>0</v>
      </c>
      <c r="AS32" s="254">
        <v>5</v>
      </c>
      <c r="AT32" s="259">
        <v>5</v>
      </c>
      <c r="AU32" s="253">
        <v>0</v>
      </c>
      <c r="AV32" s="257">
        <v>0</v>
      </c>
      <c r="AW32" s="254">
        <v>0</v>
      </c>
      <c r="AX32" s="256">
        <v>0</v>
      </c>
      <c r="AY32" s="257">
        <v>0</v>
      </c>
      <c r="AZ32" s="257">
        <v>0</v>
      </c>
      <c r="BA32" s="257">
        <v>0</v>
      </c>
      <c r="BB32" s="257">
        <v>1</v>
      </c>
      <c r="BC32" s="257">
        <v>0</v>
      </c>
      <c r="BD32" s="254">
        <v>1</v>
      </c>
      <c r="BE32" s="259">
        <v>1</v>
      </c>
      <c r="BF32" s="253">
        <v>0</v>
      </c>
      <c r="BG32" s="257">
        <v>0</v>
      </c>
      <c r="BH32" s="254">
        <v>0</v>
      </c>
      <c r="BI32" s="256">
        <v>0</v>
      </c>
      <c r="BJ32" s="257">
        <v>4</v>
      </c>
      <c r="BK32" s="257">
        <v>4</v>
      </c>
      <c r="BL32" s="257">
        <v>2</v>
      </c>
      <c r="BM32" s="257">
        <v>7</v>
      </c>
      <c r="BN32" s="257">
        <v>2</v>
      </c>
      <c r="BO32" s="258">
        <v>19</v>
      </c>
      <c r="BP32" s="259">
        <v>19</v>
      </c>
      <c r="BQ32" s="253">
        <v>0</v>
      </c>
      <c r="BR32" s="257">
        <v>0</v>
      </c>
      <c r="BS32" s="254">
        <v>0</v>
      </c>
      <c r="BT32" s="256">
        <v>0</v>
      </c>
      <c r="BU32" s="257">
        <v>0</v>
      </c>
      <c r="BV32" s="257">
        <v>0</v>
      </c>
      <c r="BW32" s="257">
        <v>0</v>
      </c>
      <c r="BX32" s="257">
        <v>0</v>
      </c>
      <c r="BY32" s="257">
        <v>0</v>
      </c>
      <c r="BZ32" s="254">
        <v>0</v>
      </c>
      <c r="CA32" s="259">
        <v>0</v>
      </c>
      <c r="CB32" s="253">
        <v>0</v>
      </c>
      <c r="CC32" s="257">
        <v>0</v>
      </c>
      <c r="CD32" s="254">
        <v>0</v>
      </c>
      <c r="CE32" s="256">
        <v>0</v>
      </c>
      <c r="CF32" s="257">
        <v>0</v>
      </c>
      <c r="CG32" s="257">
        <v>0</v>
      </c>
      <c r="CH32" s="257">
        <v>0</v>
      </c>
      <c r="CI32" s="257">
        <v>0</v>
      </c>
      <c r="CJ32" s="257">
        <v>0</v>
      </c>
      <c r="CK32" s="254">
        <v>0</v>
      </c>
      <c r="CL32" s="259">
        <v>0</v>
      </c>
      <c r="CM32" s="253">
        <v>0</v>
      </c>
      <c r="CN32" s="257">
        <v>0</v>
      </c>
      <c r="CO32" s="254">
        <v>0</v>
      </c>
      <c r="CP32" s="256">
        <v>0</v>
      </c>
      <c r="CQ32" s="257">
        <v>0</v>
      </c>
      <c r="CR32" s="257">
        <v>0</v>
      </c>
      <c r="CS32" s="257">
        <v>0</v>
      </c>
      <c r="CT32" s="257">
        <v>0</v>
      </c>
      <c r="CU32" s="257">
        <v>0</v>
      </c>
      <c r="CV32" s="254">
        <v>0</v>
      </c>
      <c r="CW32" s="259">
        <v>0</v>
      </c>
    </row>
    <row r="33" spans="2:101" ht="21" customHeight="1" x14ac:dyDescent="0.2">
      <c r="B33" s="437" t="s">
        <v>31</v>
      </c>
      <c r="C33" s="253">
        <v>0</v>
      </c>
      <c r="D33" s="254">
        <v>0</v>
      </c>
      <c r="E33" s="255">
        <v>0</v>
      </c>
      <c r="F33" s="256">
        <v>0</v>
      </c>
      <c r="G33" s="257">
        <v>0</v>
      </c>
      <c r="H33" s="257">
        <v>2</v>
      </c>
      <c r="I33" s="257">
        <v>0</v>
      </c>
      <c r="J33" s="257">
        <v>0</v>
      </c>
      <c r="K33" s="257">
        <v>0</v>
      </c>
      <c r="L33" s="258">
        <v>2</v>
      </c>
      <c r="M33" s="259">
        <v>2</v>
      </c>
      <c r="N33" s="253">
        <v>0</v>
      </c>
      <c r="O33" s="257">
        <v>0</v>
      </c>
      <c r="P33" s="254">
        <v>0</v>
      </c>
      <c r="Q33" s="256">
        <v>0</v>
      </c>
      <c r="R33" s="257">
        <v>0</v>
      </c>
      <c r="S33" s="257">
        <v>0</v>
      </c>
      <c r="T33" s="257">
        <v>0</v>
      </c>
      <c r="U33" s="257">
        <v>0</v>
      </c>
      <c r="V33" s="257">
        <v>0</v>
      </c>
      <c r="W33" s="254">
        <v>0</v>
      </c>
      <c r="X33" s="259">
        <v>0</v>
      </c>
      <c r="Y33" s="253">
        <v>0</v>
      </c>
      <c r="Z33" s="257">
        <v>0</v>
      </c>
      <c r="AA33" s="254">
        <v>0</v>
      </c>
      <c r="AB33" s="256">
        <v>0</v>
      </c>
      <c r="AC33" s="257">
        <v>31</v>
      </c>
      <c r="AD33" s="257">
        <v>19</v>
      </c>
      <c r="AE33" s="257">
        <v>8</v>
      </c>
      <c r="AF33" s="257">
        <v>3</v>
      </c>
      <c r="AG33" s="257">
        <v>0</v>
      </c>
      <c r="AH33" s="254">
        <v>61</v>
      </c>
      <c r="AI33" s="259">
        <v>61</v>
      </c>
      <c r="AJ33" s="253">
        <v>0</v>
      </c>
      <c r="AK33" s="257">
        <v>0</v>
      </c>
      <c r="AL33" s="254">
        <v>0</v>
      </c>
      <c r="AM33" s="256">
        <v>0</v>
      </c>
      <c r="AN33" s="257">
        <v>0</v>
      </c>
      <c r="AO33" s="257">
        <v>1</v>
      </c>
      <c r="AP33" s="257">
        <v>1</v>
      </c>
      <c r="AQ33" s="257">
        <v>1</v>
      </c>
      <c r="AR33" s="257">
        <v>1</v>
      </c>
      <c r="AS33" s="254">
        <v>4</v>
      </c>
      <c r="AT33" s="259">
        <v>4</v>
      </c>
      <c r="AU33" s="253">
        <v>0</v>
      </c>
      <c r="AV33" s="257">
        <v>1</v>
      </c>
      <c r="AW33" s="254">
        <v>1</v>
      </c>
      <c r="AX33" s="256">
        <v>0</v>
      </c>
      <c r="AY33" s="257">
        <v>7</v>
      </c>
      <c r="AZ33" s="257">
        <v>5</v>
      </c>
      <c r="BA33" s="257">
        <v>4</v>
      </c>
      <c r="BB33" s="257">
        <v>2</v>
      </c>
      <c r="BC33" s="257">
        <v>1</v>
      </c>
      <c r="BD33" s="254">
        <v>19</v>
      </c>
      <c r="BE33" s="259">
        <v>20</v>
      </c>
      <c r="BF33" s="253">
        <v>0</v>
      </c>
      <c r="BG33" s="257">
        <v>0</v>
      </c>
      <c r="BH33" s="254">
        <v>0</v>
      </c>
      <c r="BI33" s="256">
        <v>0</v>
      </c>
      <c r="BJ33" s="257">
        <v>9</v>
      </c>
      <c r="BK33" s="257">
        <v>9</v>
      </c>
      <c r="BL33" s="257">
        <v>9</v>
      </c>
      <c r="BM33" s="257">
        <v>11</v>
      </c>
      <c r="BN33" s="257">
        <v>7</v>
      </c>
      <c r="BO33" s="258">
        <v>45</v>
      </c>
      <c r="BP33" s="259">
        <v>45</v>
      </c>
      <c r="BQ33" s="253">
        <v>0</v>
      </c>
      <c r="BR33" s="257">
        <v>0</v>
      </c>
      <c r="BS33" s="254">
        <v>0</v>
      </c>
      <c r="BT33" s="256">
        <v>0</v>
      </c>
      <c r="BU33" s="257">
        <v>0</v>
      </c>
      <c r="BV33" s="257">
        <v>0</v>
      </c>
      <c r="BW33" s="257">
        <v>0</v>
      </c>
      <c r="BX33" s="257">
        <v>0</v>
      </c>
      <c r="BY33" s="257">
        <v>0</v>
      </c>
      <c r="BZ33" s="254">
        <v>0</v>
      </c>
      <c r="CA33" s="259">
        <v>0</v>
      </c>
      <c r="CB33" s="253">
        <v>0</v>
      </c>
      <c r="CC33" s="257">
        <v>0</v>
      </c>
      <c r="CD33" s="254">
        <v>0</v>
      </c>
      <c r="CE33" s="256">
        <v>0</v>
      </c>
      <c r="CF33" s="257">
        <v>0</v>
      </c>
      <c r="CG33" s="257">
        <v>1</v>
      </c>
      <c r="CH33" s="257">
        <v>0</v>
      </c>
      <c r="CI33" s="257">
        <v>0</v>
      </c>
      <c r="CJ33" s="257">
        <v>0</v>
      </c>
      <c r="CK33" s="254">
        <v>1</v>
      </c>
      <c r="CL33" s="259">
        <v>1</v>
      </c>
      <c r="CM33" s="253">
        <v>0</v>
      </c>
      <c r="CN33" s="257">
        <v>0</v>
      </c>
      <c r="CO33" s="254">
        <v>0</v>
      </c>
      <c r="CP33" s="256">
        <v>0</v>
      </c>
      <c r="CQ33" s="257">
        <v>0</v>
      </c>
      <c r="CR33" s="257">
        <v>0</v>
      </c>
      <c r="CS33" s="257">
        <v>0</v>
      </c>
      <c r="CT33" s="257">
        <v>0</v>
      </c>
      <c r="CU33" s="257">
        <v>0</v>
      </c>
      <c r="CV33" s="254">
        <v>0</v>
      </c>
      <c r="CW33" s="259">
        <v>0</v>
      </c>
    </row>
    <row r="34" spans="2:101" ht="21" customHeight="1" x14ac:dyDescent="0.2">
      <c r="B34" s="437" t="s">
        <v>32</v>
      </c>
      <c r="C34" s="253">
        <v>0</v>
      </c>
      <c r="D34" s="254">
        <v>0</v>
      </c>
      <c r="E34" s="255">
        <v>0</v>
      </c>
      <c r="F34" s="256">
        <v>0</v>
      </c>
      <c r="G34" s="257">
        <v>3</v>
      </c>
      <c r="H34" s="257">
        <v>3</v>
      </c>
      <c r="I34" s="257">
        <v>1</v>
      </c>
      <c r="J34" s="257">
        <v>0</v>
      </c>
      <c r="K34" s="257">
        <v>0</v>
      </c>
      <c r="L34" s="258">
        <v>7</v>
      </c>
      <c r="M34" s="259">
        <v>7</v>
      </c>
      <c r="N34" s="253">
        <v>0</v>
      </c>
      <c r="O34" s="257">
        <v>0</v>
      </c>
      <c r="P34" s="254">
        <v>0</v>
      </c>
      <c r="Q34" s="256">
        <v>0</v>
      </c>
      <c r="R34" s="257">
        <v>0</v>
      </c>
      <c r="S34" s="257">
        <v>0</v>
      </c>
      <c r="T34" s="257">
        <v>0</v>
      </c>
      <c r="U34" s="257">
        <v>0</v>
      </c>
      <c r="V34" s="257">
        <v>0</v>
      </c>
      <c r="W34" s="254">
        <v>0</v>
      </c>
      <c r="X34" s="259">
        <v>0</v>
      </c>
      <c r="Y34" s="253">
        <v>0</v>
      </c>
      <c r="Z34" s="257">
        <v>0</v>
      </c>
      <c r="AA34" s="254">
        <v>0</v>
      </c>
      <c r="AB34" s="256">
        <v>0</v>
      </c>
      <c r="AC34" s="257">
        <v>39</v>
      </c>
      <c r="AD34" s="257">
        <v>31</v>
      </c>
      <c r="AE34" s="257">
        <v>6</v>
      </c>
      <c r="AF34" s="257">
        <v>3</v>
      </c>
      <c r="AG34" s="257">
        <v>2</v>
      </c>
      <c r="AH34" s="254">
        <v>81</v>
      </c>
      <c r="AI34" s="259">
        <v>81</v>
      </c>
      <c r="AJ34" s="253">
        <v>0</v>
      </c>
      <c r="AK34" s="257">
        <v>0</v>
      </c>
      <c r="AL34" s="254">
        <v>0</v>
      </c>
      <c r="AM34" s="256">
        <v>0</v>
      </c>
      <c r="AN34" s="257">
        <v>6</v>
      </c>
      <c r="AO34" s="257">
        <v>1</v>
      </c>
      <c r="AP34" s="257">
        <v>0</v>
      </c>
      <c r="AQ34" s="257">
        <v>0</v>
      </c>
      <c r="AR34" s="257">
        <v>1</v>
      </c>
      <c r="AS34" s="254">
        <v>8</v>
      </c>
      <c r="AT34" s="259">
        <v>8</v>
      </c>
      <c r="AU34" s="253">
        <v>0</v>
      </c>
      <c r="AV34" s="257">
        <v>3</v>
      </c>
      <c r="AW34" s="254">
        <v>3</v>
      </c>
      <c r="AX34" s="256">
        <v>0</v>
      </c>
      <c r="AY34" s="257">
        <v>10</v>
      </c>
      <c r="AZ34" s="257">
        <v>1</v>
      </c>
      <c r="BA34" s="257">
        <v>3</v>
      </c>
      <c r="BB34" s="257">
        <v>2</v>
      </c>
      <c r="BC34" s="257">
        <v>1</v>
      </c>
      <c r="BD34" s="254">
        <v>17</v>
      </c>
      <c r="BE34" s="259">
        <v>20</v>
      </c>
      <c r="BF34" s="253">
        <v>0</v>
      </c>
      <c r="BG34" s="257">
        <v>0</v>
      </c>
      <c r="BH34" s="254">
        <v>0</v>
      </c>
      <c r="BI34" s="256">
        <v>0</v>
      </c>
      <c r="BJ34" s="257">
        <v>3</v>
      </c>
      <c r="BK34" s="257">
        <v>3</v>
      </c>
      <c r="BL34" s="257">
        <v>7</v>
      </c>
      <c r="BM34" s="257">
        <v>9</v>
      </c>
      <c r="BN34" s="257">
        <v>4</v>
      </c>
      <c r="BO34" s="258">
        <v>26</v>
      </c>
      <c r="BP34" s="259">
        <v>26</v>
      </c>
      <c r="BQ34" s="253">
        <v>0</v>
      </c>
      <c r="BR34" s="257">
        <v>0</v>
      </c>
      <c r="BS34" s="254">
        <v>0</v>
      </c>
      <c r="BT34" s="256">
        <v>0</v>
      </c>
      <c r="BU34" s="257">
        <v>0</v>
      </c>
      <c r="BV34" s="257">
        <v>0</v>
      </c>
      <c r="BW34" s="257">
        <v>0</v>
      </c>
      <c r="BX34" s="257">
        <v>0</v>
      </c>
      <c r="BY34" s="257">
        <v>0</v>
      </c>
      <c r="BZ34" s="254">
        <v>0</v>
      </c>
      <c r="CA34" s="259">
        <v>0</v>
      </c>
      <c r="CB34" s="253">
        <v>0</v>
      </c>
      <c r="CC34" s="257">
        <v>0</v>
      </c>
      <c r="CD34" s="254">
        <v>0</v>
      </c>
      <c r="CE34" s="256">
        <v>0</v>
      </c>
      <c r="CF34" s="257">
        <v>1</v>
      </c>
      <c r="CG34" s="257">
        <v>1</v>
      </c>
      <c r="CH34" s="257">
        <v>12</v>
      </c>
      <c r="CI34" s="257">
        <v>8</v>
      </c>
      <c r="CJ34" s="257">
        <v>5</v>
      </c>
      <c r="CK34" s="254">
        <v>27</v>
      </c>
      <c r="CL34" s="259">
        <v>27</v>
      </c>
      <c r="CM34" s="253">
        <v>0</v>
      </c>
      <c r="CN34" s="257">
        <v>0</v>
      </c>
      <c r="CO34" s="254">
        <v>0</v>
      </c>
      <c r="CP34" s="256">
        <v>0</v>
      </c>
      <c r="CQ34" s="257">
        <v>0</v>
      </c>
      <c r="CR34" s="257">
        <v>0</v>
      </c>
      <c r="CS34" s="257">
        <v>0</v>
      </c>
      <c r="CT34" s="257">
        <v>0</v>
      </c>
      <c r="CU34" s="257">
        <v>0</v>
      </c>
      <c r="CV34" s="254">
        <v>0</v>
      </c>
      <c r="CW34" s="259">
        <v>0</v>
      </c>
    </row>
    <row r="35" spans="2:101" ht="21" customHeight="1" x14ac:dyDescent="0.2">
      <c r="B35" s="437" t="s">
        <v>33</v>
      </c>
      <c r="C35" s="253">
        <v>0</v>
      </c>
      <c r="D35" s="254">
        <v>0</v>
      </c>
      <c r="E35" s="255">
        <v>0</v>
      </c>
      <c r="F35" s="256">
        <v>0</v>
      </c>
      <c r="G35" s="257">
        <v>0</v>
      </c>
      <c r="H35" s="257">
        <v>0</v>
      </c>
      <c r="I35" s="257">
        <v>0</v>
      </c>
      <c r="J35" s="257">
        <v>0</v>
      </c>
      <c r="K35" s="257">
        <v>0</v>
      </c>
      <c r="L35" s="258">
        <v>0</v>
      </c>
      <c r="M35" s="259">
        <v>0</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21</v>
      </c>
      <c r="AD35" s="257">
        <v>12</v>
      </c>
      <c r="AE35" s="257">
        <v>6</v>
      </c>
      <c r="AF35" s="257">
        <v>2</v>
      </c>
      <c r="AG35" s="257">
        <v>1</v>
      </c>
      <c r="AH35" s="254">
        <v>42</v>
      </c>
      <c r="AI35" s="259">
        <v>42</v>
      </c>
      <c r="AJ35" s="253">
        <v>0</v>
      </c>
      <c r="AK35" s="257">
        <v>0</v>
      </c>
      <c r="AL35" s="254">
        <v>0</v>
      </c>
      <c r="AM35" s="256">
        <v>0</v>
      </c>
      <c r="AN35" s="257">
        <v>0</v>
      </c>
      <c r="AO35" s="257">
        <v>0</v>
      </c>
      <c r="AP35" s="257">
        <v>0</v>
      </c>
      <c r="AQ35" s="257">
        <v>0</v>
      </c>
      <c r="AR35" s="257">
        <v>0</v>
      </c>
      <c r="AS35" s="254">
        <v>0</v>
      </c>
      <c r="AT35" s="259">
        <v>0</v>
      </c>
      <c r="AU35" s="253">
        <v>0</v>
      </c>
      <c r="AV35" s="257">
        <v>0</v>
      </c>
      <c r="AW35" s="254">
        <v>0</v>
      </c>
      <c r="AX35" s="256">
        <v>0</v>
      </c>
      <c r="AY35" s="257">
        <v>0</v>
      </c>
      <c r="AZ35" s="257">
        <v>0</v>
      </c>
      <c r="BA35" s="257">
        <v>0</v>
      </c>
      <c r="BB35" s="257">
        <v>0</v>
      </c>
      <c r="BC35" s="257">
        <v>0</v>
      </c>
      <c r="BD35" s="254">
        <v>0</v>
      </c>
      <c r="BE35" s="259">
        <v>0</v>
      </c>
      <c r="BF35" s="253">
        <v>0</v>
      </c>
      <c r="BG35" s="257">
        <v>1</v>
      </c>
      <c r="BH35" s="254">
        <v>1</v>
      </c>
      <c r="BI35" s="256">
        <v>0</v>
      </c>
      <c r="BJ35" s="257">
        <v>3</v>
      </c>
      <c r="BK35" s="257">
        <v>3</v>
      </c>
      <c r="BL35" s="257">
        <v>8</v>
      </c>
      <c r="BM35" s="257">
        <v>1</v>
      </c>
      <c r="BN35" s="257">
        <v>2</v>
      </c>
      <c r="BO35" s="258">
        <v>17</v>
      </c>
      <c r="BP35" s="259">
        <v>18</v>
      </c>
      <c r="BQ35" s="253">
        <v>0</v>
      </c>
      <c r="BR35" s="257">
        <v>0</v>
      </c>
      <c r="BS35" s="254">
        <v>0</v>
      </c>
      <c r="BT35" s="256">
        <v>0</v>
      </c>
      <c r="BU35" s="257">
        <v>0</v>
      </c>
      <c r="BV35" s="257">
        <v>0</v>
      </c>
      <c r="BW35" s="257">
        <v>0</v>
      </c>
      <c r="BX35" s="257">
        <v>0</v>
      </c>
      <c r="BY35" s="257">
        <v>0</v>
      </c>
      <c r="BZ35" s="254">
        <v>0</v>
      </c>
      <c r="CA35" s="259">
        <v>0</v>
      </c>
      <c r="CB35" s="253">
        <v>0</v>
      </c>
      <c r="CC35" s="257">
        <v>0</v>
      </c>
      <c r="CD35" s="254">
        <v>0</v>
      </c>
      <c r="CE35" s="256">
        <v>0</v>
      </c>
      <c r="CF35" s="257">
        <v>0</v>
      </c>
      <c r="CG35" s="257">
        <v>0</v>
      </c>
      <c r="CH35" s="257">
        <v>0</v>
      </c>
      <c r="CI35" s="257">
        <v>0</v>
      </c>
      <c r="CJ35" s="257">
        <v>0</v>
      </c>
      <c r="CK35" s="254">
        <v>0</v>
      </c>
      <c r="CL35" s="259">
        <v>0</v>
      </c>
      <c r="CM35" s="253">
        <v>0</v>
      </c>
      <c r="CN35" s="257">
        <v>0</v>
      </c>
      <c r="CO35" s="254">
        <v>0</v>
      </c>
      <c r="CP35" s="256">
        <v>0</v>
      </c>
      <c r="CQ35" s="257">
        <v>4</v>
      </c>
      <c r="CR35" s="257">
        <v>2</v>
      </c>
      <c r="CS35" s="257">
        <v>4</v>
      </c>
      <c r="CT35" s="257">
        <v>4</v>
      </c>
      <c r="CU35" s="257">
        <v>5</v>
      </c>
      <c r="CV35" s="254">
        <v>19</v>
      </c>
      <c r="CW35" s="259">
        <v>19</v>
      </c>
    </row>
    <row r="36" spans="2:101" ht="21" customHeight="1" x14ac:dyDescent="0.2">
      <c r="B36" s="437" t="s">
        <v>34</v>
      </c>
      <c r="C36" s="253">
        <v>0</v>
      </c>
      <c r="D36" s="254">
        <v>0</v>
      </c>
      <c r="E36" s="255">
        <v>0</v>
      </c>
      <c r="F36" s="256">
        <v>0</v>
      </c>
      <c r="G36" s="257">
        <v>0</v>
      </c>
      <c r="H36" s="257">
        <v>0</v>
      </c>
      <c r="I36" s="257">
        <v>0</v>
      </c>
      <c r="J36" s="257">
        <v>0</v>
      </c>
      <c r="K36" s="257">
        <v>0</v>
      </c>
      <c r="L36" s="258">
        <v>0</v>
      </c>
      <c r="M36" s="259">
        <v>0</v>
      </c>
      <c r="N36" s="253">
        <v>0</v>
      </c>
      <c r="O36" s="257">
        <v>0</v>
      </c>
      <c r="P36" s="254">
        <v>0</v>
      </c>
      <c r="Q36" s="256">
        <v>0</v>
      </c>
      <c r="R36" s="257">
        <v>0</v>
      </c>
      <c r="S36" s="257">
        <v>0</v>
      </c>
      <c r="T36" s="257">
        <v>0</v>
      </c>
      <c r="U36" s="257">
        <v>0</v>
      </c>
      <c r="V36" s="257">
        <v>0</v>
      </c>
      <c r="W36" s="254">
        <v>0</v>
      </c>
      <c r="X36" s="259">
        <v>0</v>
      </c>
      <c r="Y36" s="253">
        <v>0</v>
      </c>
      <c r="Z36" s="257">
        <v>0</v>
      </c>
      <c r="AA36" s="254">
        <v>0</v>
      </c>
      <c r="AB36" s="256">
        <v>0</v>
      </c>
      <c r="AC36" s="257">
        <v>12</v>
      </c>
      <c r="AD36" s="257">
        <v>4</v>
      </c>
      <c r="AE36" s="257">
        <v>2</v>
      </c>
      <c r="AF36" s="257">
        <v>2</v>
      </c>
      <c r="AG36" s="257">
        <v>0</v>
      </c>
      <c r="AH36" s="254">
        <v>20</v>
      </c>
      <c r="AI36" s="259">
        <v>20</v>
      </c>
      <c r="AJ36" s="253">
        <v>0</v>
      </c>
      <c r="AK36" s="257">
        <v>0</v>
      </c>
      <c r="AL36" s="254">
        <v>0</v>
      </c>
      <c r="AM36" s="256">
        <v>0</v>
      </c>
      <c r="AN36" s="257">
        <v>0</v>
      </c>
      <c r="AO36" s="257">
        <v>0</v>
      </c>
      <c r="AP36" s="257">
        <v>0</v>
      </c>
      <c r="AQ36" s="257">
        <v>0</v>
      </c>
      <c r="AR36" s="257">
        <v>0</v>
      </c>
      <c r="AS36" s="254">
        <v>0</v>
      </c>
      <c r="AT36" s="259">
        <v>0</v>
      </c>
      <c r="AU36" s="253">
        <v>1</v>
      </c>
      <c r="AV36" s="257">
        <v>1</v>
      </c>
      <c r="AW36" s="254">
        <v>2</v>
      </c>
      <c r="AX36" s="256">
        <v>0</v>
      </c>
      <c r="AY36" s="257">
        <v>8</v>
      </c>
      <c r="AZ36" s="257">
        <v>9</v>
      </c>
      <c r="BA36" s="257">
        <v>5</v>
      </c>
      <c r="BB36" s="257">
        <v>0</v>
      </c>
      <c r="BC36" s="257">
        <v>0</v>
      </c>
      <c r="BD36" s="254">
        <v>22</v>
      </c>
      <c r="BE36" s="259">
        <v>24</v>
      </c>
      <c r="BF36" s="253">
        <v>0</v>
      </c>
      <c r="BG36" s="257">
        <v>0</v>
      </c>
      <c r="BH36" s="254">
        <v>0</v>
      </c>
      <c r="BI36" s="256">
        <v>0</v>
      </c>
      <c r="BJ36" s="257">
        <v>0</v>
      </c>
      <c r="BK36" s="257">
        <v>0</v>
      </c>
      <c r="BL36" s="257">
        <v>0</v>
      </c>
      <c r="BM36" s="257">
        <v>0</v>
      </c>
      <c r="BN36" s="257">
        <v>0</v>
      </c>
      <c r="BO36" s="258">
        <v>0</v>
      </c>
      <c r="BP36" s="259">
        <v>0</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6</v>
      </c>
      <c r="CR36" s="257">
        <v>7</v>
      </c>
      <c r="CS36" s="257">
        <v>5</v>
      </c>
      <c r="CT36" s="257">
        <v>2</v>
      </c>
      <c r="CU36" s="257">
        <v>1</v>
      </c>
      <c r="CV36" s="254">
        <v>21</v>
      </c>
      <c r="CW36" s="259">
        <v>21</v>
      </c>
    </row>
    <row r="37" spans="2:101" ht="21" customHeight="1" x14ac:dyDescent="0.2">
      <c r="B37" s="437" t="s">
        <v>35</v>
      </c>
      <c r="C37" s="253">
        <v>0</v>
      </c>
      <c r="D37" s="254">
        <v>0</v>
      </c>
      <c r="E37" s="255">
        <v>0</v>
      </c>
      <c r="F37" s="256">
        <v>0</v>
      </c>
      <c r="G37" s="257">
        <v>1</v>
      </c>
      <c r="H37" s="257">
        <v>0</v>
      </c>
      <c r="I37" s="257">
        <v>2</v>
      </c>
      <c r="J37" s="257">
        <v>1</v>
      </c>
      <c r="K37" s="257">
        <v>0</v>
      </c>
      <c r="L37" s="258">
        <v>4</v>
      </c>
      <c r="M37" s="259">
        <v>4</v>
      </c>
      <c r="N37" s="253">
        <v>0</v>
      </c>
      <c r="O37" s="257">
        <v>0</v>
      </c>
      <c r="P37" s="254">
        <v>0</v>
      </c>
      <c r="Q37" s="256">
        <v>0</v>
      </c>
      <c r="R37" s="257">
        <v>0</v>
      </c>
      <c r="S37" s="257">
        <v>0</v>
      </c>
      <c r="T37" s="257">
        <v>0</v>
      </c>
      <c r="U37" s="257">
        <v>0</v>
      </c>
      <c r="V37" s="257">
        <v>0</v>
      </c>
      <c r="W37" s="254">
        <v>0</v>
      </c>
      <c r="X37" s="259">
        <v>0</v>
      </c>
      <c r="Y37" s="253">
        <v>0</v>
      </c>
      <c r="Z37" s="257">
        <v>0</v>
      </c>
      <c r="AA37" s="254">
        <v>0</v>
      </c>
      <c r="AB37" s="256">
        <v>0</v>
      </c>
      <c r="AC37" s="257">
        <v>16</v>
      </c>
      <c r="AD37" s="257">
        <v>11</v>
      </c>
      <c r="AE37" s="257">
        <v>12</v>
      </c>
      <c r="AF37" s="257">
        <v>9</v>
      </c>
      <c r="AG37" s="257">
        <v>1</v>
      </c>
      <c r="AH37" s="254">
        <v>49</v>
      </c>
      <c r="AI37" s="259">
        <v>49</v>
      </c>
      <c r="AJ37" s="253">
        <v>0</v>
      </c>
      <c r="AK37" s="257">
        <v>0</v>
      </c>
      <c r="AL37" s="254">
        <v>0</v>
      </c>
      <c r="AM37" s="256">
        <v>0</v>
      </c>
      <c r="AN37" s="257">
        <v>0</v>
      </c>
      <c r="AO37" s="257">
        <v>0</v>
      </c>
      <c r="AP37" s="257">
        <v>0</v>
      </c>
      <c r="AQ37" s="257">
        <v>0</v>
      </c>
      <c r="AR37" s="257">
        <v>0</v>
      </c>
      <c r="AS37" s="254">
        <v>0</v>
      </c>
      <c r="AT37" s="259">
        <v>0</v>
      </c>
      <c r="AU37" s="253">
        <v>4</v>
      </c>
      <c r="AV37" s="257">
        <v>2</v>
      </c>
      <c r="AW37" s="254">
        <v>6</v>
      </c>
      <c r="AX37" s="256">
        <v>0</v>
      </c>
      <c r="AY37" s="257">
        <v>11</v>
      </c>
      <c r="AZ37" s="257">
        <v>13</v>
      </c>
      <c r="BA37" s="257">
        <v>10</v>
      </c>
      <c r="BB37" s="257">
        <v>4</v>
      </c>
      <c r="BC37" s="257">
        <v>3</v>
      </c>
      <c r="BD37" s="254">
        <v>41</v>
      </c>
      <c r="BE37" s="259">
        <v>47</v>
      </c>
      <c r="BF37" s="253">
        <v>0</v>
      </c>
      <c r="BG37" s="257">
        <v>1</v>
      </c>
      <c r="BH37" s="254">
        <v>1</v>
      </c>
      <c r="BI37" s="256">
        <v>0</v>
      </c>
      <c r="BJ37" s="257">
        <v>14</v>
      </c>
      <c r="BK37" s="257">
        <v>15</v>
      </c>
      <c r="BL37" s="257">
        <v>16</v>
      </c>
      <c r="BM37" s="257">
        <v>11</v>
      </c>
      <c r="BN37" s="257">
        <v>6</v>
      </c>
      <c r="BO37" s="258">
        <v>62</v>
      </c>
      <c r="BP37" s="259">
        <v>63</v>
      </c>
      <c r="BQ37" s="253">
        <v>0</v>
      </c>
      <c r="BR37" s="257">
        <v>0</v>
      </c>
      <c r="BS37" s="254">
        <v>0</v>
      </c>
      <c r="BT37" s="256">
        <v>0</v>
      </c>
      <c r="BU37" s="257">
        <v>0</v>
      </c>
      <c r="BV37" s="257">
        <v>0</v>
      </c>
      <c r="BW37" s="257">
        <v>0</v>
      </c>
      <c r="BX37" s="257">
        <v>0</v>
      </c>
      <c r="BY37" s="257">
        <v>0</v>
      </c>
      <c r="BZ37" s="254">
        <v>0</v>
      </c>
      <c r="CA37" s="259">
        <v>0</v>
      </c>
      <c r="CB37" s="253">
        <v>0</v>
      </c>
      <c r="CC37" s="257">
        <v>0</v>
      </c>
      <c r="CD37" s="254">
        <v>0</v>
      </c>
      <c r="CE37" s="256">
        <v>0</v>
      </c>
      <c r="CF37" s="257">
        <v>0</v>
      </c>
      <c r="CG37" s="257">
        <v>0</v>
      </c>
      <c r="CH37" s="257">
        <v>0</v>
      </c>
      <c r="CI37" s="257">
        <v>0</v>
      </c>
      <c r="CJ37" s="257">
        <v>0</v>
      </c>
      <c r="CK37" s="254">
        <v>0</v>
      </c>
      <c r="CL37" s="259">
        <v>0</v>
      </c>
      <c r="CM37" s="253">
        <v>0</v>
      </c>
      <c r="CN37" s="257">
        <v>0</v>
      </c>
      <c r="CO37" s="254">
        <v>0</v>
      </c>
      <c r="CP37" s="256">
        <v>0</v>
      </c>
      <c r="CQ37" s="257">
        <v>0</v>
      </c>
      <c r="CR37" s="257">
        <v>0</v>
      </c>
      <c r="CS37" s="257">
        <v>0</v>
      </c>
      <c r="CT37" s="257">
        <v>0</v>
      </c>
      <c r="CU37" s="257">
        <v>0</v>
      </c>
      <c r="CV37" s="254">
        <v>0</v>
      </c>
      <c r="CW37" s="259">
        <v>0</v>
      </c>
    </row>
    <row r="38" spans="2:101" ht="21" customHeight="1" x14ac:dyDescent="0.2">
      <c r="B38" s="437" t="s">
        <v>36</v>
      </c>
      <c r="C38" s="253">
        <v>0</v>
      </c>
      <c r="D38" s="254">
        <v>0</v>
      </c>
      <c r="E38" s="255">
        <v>0</v>
      </c>
      <c r="F38" s="256">
        <v>0</v>
      </c>
      <c r="G38" s="257">
        <v>0</v>
      </c>
      <c r="H38" s="257">
        <v>1</v>
      </c>
      <c r="I38" s="257">
        <v>0</v>
      </c>
      <c r="J38" s="257">
        <v>0</v>
      </c>
      <c r="K38" s="257">
        <v>0</v>
      </c>
      <c r="L38" s="258">
        <v>1</v>
      </c>
      <c r="M38" s="259">
        <v>1</v>
      </c>
      <c r="N38" s="253">
        <v>0</v>
      </c>
      <c r="O38" s="257">
        <v>0</v>
      </c>
      <c r="P38" s="254">
        <v>0</v>
      </c>
      <c r="Q38" s="256">
        <v>0</v>
      </c>
      <c r="R38" s="257">
        <v>0</v>
      </c>
      <c r="S38" s="257">
        <v>0</v>
      </c>
      <c r="T38" s="257">
        <v>0</v>
      </c>
      <c r="U38" s="257">
        <v>0</v>
      </c>
      <c r="V38" s="257">
        <v>0</v>
      </c>
      <c r="W38" s="254">
        <v>0</v>
      </c>
      <c r="X38" s="259">
        <v>0</v>
      </c>
      <c r="Y38" s="253">
        <v>0</v>
      </c>
      <c r="Z38" s="257">
        <v>0</v>
      </c>
      <c r="AA38" s="254">
        <v>0</v>
      </c>
      <c r="AB38" s="256">
        <v>0</v>
      </c>
      <c r="AC38" s="257">
        <v>72</v>
      </c>
      <c r="AD38" s="257">
        <v>43</v>
      </c>
      <c r="AE38" s="257">
        <v>30</v>
      </c>
      <c r="AF38" s="257">
        <v>13</v>
      </c>
      <c r="AG38" s="257">
        <v>14</v>
      </c>
      <c r="AH38" s="254">
        <v>172</v>
      </c>
      <c r="AI38" s="259">
        <v>172</v>
      </c>
      <c r="AJ38" s="253">
        <v>0</v>
      </c>
      <c r="AK38" s="257">
        <v>0</v>
      </c>
      <c r="AL38" s="254">
        <v>0</v>
      </c>
      <c r="AM38" s="256">
        <v>0</v>
      </c>
      <c r="AN38" s="257">
        <v>0</v>
      </c>
      <c r="AO38" s="257">
        <v>0</v>
      </c>
      <c r="AP38" s="257">
        <v>0</v>
      </c>
      <c r="AQ38" s="257">
        <v>0</v>
      </c>
      <c r="AR38" s="257">
        <v>0</v>
      </c>
      <c r="AS38" s="254">
        <v>0</v>
      </c>
      <c r="AT38" s="259">
        <v>0</v>
      </c>
      <c r="AU38" s="253">
        <v>0</v>
      </c>
      <c r="AV38" s="257">
        <v>1</v>
      </c>
      <c r="AW38" s="254">
        <v>1</v>
      </c>
      <c r="AX38" s="256">
        <v>0</v>
      </c>
      <c r="AY38" s="257">
        <v>11</v>
      </c>
      <c r="AZ38" s="257">
        <v>14</v>
      </c>
      <c r="BA38" s="257">
        <v>9</v>
      </c>
      <c r="BB38" s="257">
        <v>3</v>
      </c>
      <c r="BC38" s="257">
        <v>2</v>
      </c>
      <c r="BD38" s="254">
        <v>39</v>
      </c>
      <c r="BE38" s="259">
        <v>40</v>
      </c>
      <c r="BF38" s="253">
        <v>0</v>
      </c>
      <c r="BG38" s="257">
        <v>0</v>
      </c>
      <c r="BH38" s="254">
        <v>0</v>
      </c>
      <c r="BI38" s="256">
        <v>0</v>
      </c>
      <c r="BJ38" s="257">
        <v>5</v>
      </c>
      <c r="BK38" s="257">
        <v>17</v>
      </c>
      <c r="BL38" s="257">
        <v>11</v>
      </c>
      <c r="BM38" s="257">
        <v>9</v>
      </c>
      <c r="BN38" s="257">
        <v>5</v>
      </c>
      <c r="BO38" s="258">
        <v>47</v>
      </c>
      <c r="BP38" s="259">
        <v>47</v>
      </c>
      <c r="BQ38" s="253">
        <v>0</v>
      </c>
      <c r="BR38" s="257">
        <v>0</v>
      </c>
      <c r="BS38" s="254">
        <v>0</v>
      </c>
      <c r="BT38" s="256">
        <v>0</v>
      </c>
      <c r="BU38" s="257">
        <v>0</v>
      </c>
      <c r="BV38" s="257">
        <v>0</v>
      </c>
      <c r="BW38" s="257">
        <v>0</v>
      </c>
      <c r="BX38" s="257">
        <v>0</v>
      </c>
      <c r="BY38" s="257">
        <v>0</v>
      </c>
      <c r="BZ38" s="254">
        <v>0</v>
      </c>
      <c r="CA38" s="259">
        <v>0</v>
      </c>
      <c r="CB38" s="253">
        <v>0</v>
      </c>
      <c r="CC38" s="257">
        <v>0</v>
      </c>
      <c r="CD38" s="254">
        <v>0</v>
      </c>
      <c r="CE38" s="256">
        <v>0</v>
      </c>
      <c r="CF38" s="257">
        <v>0</v>
      </c>
      <c r="CG38" s="257">
        <v>0</v>
      </c>
      <c r="CH38" s="257">
        <v>0</v>
      </c>
      <c r="CI38" s="257">
        <v>0</v>
      </c>
      <c r="CJ38" s="257">
        <v>0</v>
      </c>
      <c r="CK38" s="254">
        <v>0</v>
      </c>
      <c r="CL38" s="259">
        <v>0</v>
      </c>
      <c r="CM38" s="253">
        <v>0</v>
      </c>
      <c r="CN38" s="257">
        <v>0</v>
      </c>
      <c r="CO38" s="254">
        <v>0</v>
      </c>
      <c r="CP38" s="256">
        <v>0</v>
      </c>
      <c r="CQ38" s="257">
        <v>0</v>
      </c>
      <c r="CR38" s="257">
        <v>0</v>
      </c>
      <c r="CS38" s="257">
        <v>0</v>
      </c>
      <c r="CT38" s="257">
        <v>1</v>
      </c>
      <c r="CU38" s="257">
        <v>0</v>
      </c>
      <c r="CV38" s="254">
        <v>1</v>
      </c>
      <c r="CW38" s="259">
        <v>1</v>
      </c>
    </row>
    <row r="39" spans="2:101" ht="21" customHeight="1" thickBot="1" x14ac:dyDescent="0.25">
      <c r="B39" s="438" t="s">
        <v>37</v>
      </c>
      <c r="C39" s="260">
        <v>0</v>
      </c>
      <c r="D39" s="261">
        <v>0</v>
      </c>
      <c r="E39" s="262">
        <v>0</v>
      </c>
      <c r="F39" s="263">
        <v>0</v>
      </c>
      <c r="G39" s="264">
        <v>0</v>
      </c>
      <c r="H39" s="264">
        <v>0</v>
      </c>
      <c r="I39" s="264">
        <v>0</v>
      </c>
      <c r="J39" s="264">
        <v>1</v>
      </c>
      <c r="K39" s="264">
        <v>0</v>
      </c>
      <c r="L39" s="265">
        <v>1</v>
      </c>
      <c r="M39" s="266">
        <v>1</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14</v>
      </c>
      <c r="AD39" s="264">
        <v>5</v>
      </c>
      <c r="AE39" s="264">
        <v>5</v>
      </c>
      <c r="AF39" s="264">
        <v>0</v>
      </c>
      <c r="AG39" s="264">
        <v>2</v>
      </c>
      <c r="AH39" s="261">
        <v>26</v>
      </c>
      <c r="AI39" s="266">
        <v>26</v>
      </c>
      <c r="AJ39" s="260">
        <v>0</v>
      </c>
      <c r="AK39" s="264">
        <v>0</v>
      </c>
      <c r="AL39" s="261">
        <v>0</v>
      </c>
      <c r="AM39" s="263">
        <v>0</v>
      </c>
      <c r="AN39" s="264">
        <v>1</v>
      </c>
      <c r="AO39" s="264">
        <v>0</v>
      </c>
      <c r="AP39" s="264">
        <v>0</v>
      </c>
      <c r="AQ39" s="264">
        <v>1</v>
      </c>
      <c r="AR39" s="264">
        <v>0</v>
      </c>
      <c r="AS39" s="261">
        <v>2</v>
      </c>
      <c r="AT39" s="266">
        <v>2</v>
      </c>
      <c r="AU39" s="260">
        <v>0</v>
      </c>
      <c r="AV39" s="264">
        <v>0</v>
      </c>
      <c r="AW39" s="261">
        <v>0</v>
      </c>
      <c r="AX39" s="263">
        <v>0</v>
      </c>
      <c r="AY39" s="264">
        <v>0</v>
      </c>
      <c r="AZ39" s="264">
        <v>0</v>
      </c>
      <c r="BA39" s="264">
        <v>0</v>
      </c>
      <c r="BB39" s="264">
        <v>0</v>
      </c>
      <c r="BC39" s="264">
        <v>0</v>
      </c>
      <c r="BD39" s="261">
        <v>0</v>
      </c>
      <c r="BE39" s="266">
        <v>0</v>
      </c>
      <c r="BF39" s="260">
        <v>0</v>
      </c>
      <c r="BG39" s="264">
        <v>0</v>
      </c>
      <c r="BH39" s="261">
        <v>0</v>
      </c>
      <c r="BI39" s="263">
        <v>0</v>
      </c>
      <c r="BJ39" s="264">
        <v>2</v>
      </c>
      <c r="BK39" s="264">
        <v>0</v>
      </c>
      <c r="BL39" s="264">
        <v>2</v>
      </c>
      <c r="BM39" s="264">
        <v>4</v>
      </c>
      <c r="BN39" s="264">
        <v>2</v>
      </c>
      <c r="BO39" s="265">
        <v>10</v>
      </c>
      <c r="BP39" s="266">
        <v>10</v>
      </c>
      <c r="BQ39" s="260">
        <v>0</v>
      </c>
      <c r="BR39" s="264">
        <v>0</v>
      </c>
      <c r="BS39" s="261">
        <v>0</v>
      </c>
      <c r="BT39" s="263">
        <v>0</v>
      </c>
      <c r="BU39" s="264">
        <v>0</v>
      </c>
      <c r="BV39" s="264">
        <v>0</v>
      </c>
      <c r="BW39" s="264">
        <v>0</v>
      </c>
      <c r="BX39" s="264">
        <v>0</v>
      </c>
      <c r="BY39" s="264">
        <v>0</v>
      </c>
      <c r="BZ39" s="261">
        <v>0</v>
      </c>
      <c r="CA39" s="266">
        <v>0</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0</v>
      </c>
      <c r="CV39" s="261">
        <v>0</v>
      </c>
      <c r="CW39" s="266">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33203125" style="238" customWidth="1"/>
    <col min="6" max="6" width="7.6640625" style="238" customWidth="1"/>
    <col min="7" max="7" width="8.44140625" style="238" customWidth="1"/>
    <col min="8" max="8" width="8.77734375" style="238" customWidth="1"/>
    <col min="9" max="16" width="9" style="238"/>
    <col min="17" max="17" width="7.21875" style="238" customWidth="1"/>
    <col min="18" max="27" width="9" style="238"/>
    <col min="28" max="28" width="7.6640625" style="238" customWidth="1"/>
    <col min="29" max="38" width="9" style="238"/>
    <col min="39" max="39" width="8.5546875" style="238" customWidth="1"/>
    <col min="40" max="49" width="9" style="238"/>
    <col min="50" max="50" width="7.6640625" style="238" customWidth="1"/>
    <col min="51" max="60" width="9" style="238"/>
    <col min="61" max="61" width="7.21875" style="238" customWidth="1"/>
    <col min="62" max="71" width="9" style="238"/>
    <col min="72" max="72" width="7.21875" style="238" customWidth="1"/>
    <col min="73" max="82" width="9" style="238"/>
    <col min="83" max="83" width="7.33203125" style="238" customWidth="1"/>
    <col min="84" max="93" width="9" style="238"/>
    <col min="94" max="94" width="7.44140625" style="238" customWidth="1"/>
    <col min="95" max="16384" width="9" style="238"/>
  </cols>
  <sheetData>
    <row r="1" spans="1:101" ht="24" customHeight="1" x14ac:dyDescent="0.2">
      <c r="B1" s="267" t="s">
        <v>123</v>
      </c>
      <c r="I1" s="495">
        <f>第１表!F2</f>
        <v>6</v>
      </c>
      <c r="J1" s="495"/>
      <c r="K1" s="231">
        <f>第１表!G2</f>
        <v>3</v>
      </c>
      <c r="L1" s="499">
        <f>IF(K1&lt;3,K1+12-2,K1-2)</f>
        <v>1</v>
      </c>
      <c r="M1" s="499"/>
    </row>
    <row r="2" spans="1:101" s="268" customFormat="1" ht="24" customHeight="1" thickBot="1" x14ac:dyDescent="0.25">
      <c r="A2" s="39"/>
      <c r="B2" s="267" t="s">
        <v>129</v>
      </c>
    </row>
    <row r="3" spans="1:101" ht="21" customHeight="1" thickBot="1" x14ac:dyDescent="0.25">
      <c r="B3" s="512"/>
      <c r="C3" s="503" t="s">
        <v>94</v>
      </c>
      <c r="D3" s="504"/>
      <c r="E3" s="504"/>
      <c r="F3" s="504"/>
      <c r="G3" s="504"/>
      <c r="H3" s="504"/>
      <c r="I3" s="504"/>
      <c r="J3" s="504"/>
      <c r="K3" s="504"/>
      <c r="L3" s="504"/>
      <c r="M3" s="505"/>
      <c r="N3" s="503" t="s">
        <v>88</v>
      </c>
      <c r="O3" s="504"/>
      <c r="P3" s="504"/>
      <c r="Q3" s="504"/>
      <c r="R3" s="504"/>
      <c r="S3" s="504"/>
      <c r="T3" s="504"/>
      <c r="U3" s="504"/>
      <c r="V3" s="504"/>
      <c r="W3" s="504"/>
      <c r="X3" s="505"/>
      <c r="Y3" s="503" t="s">
        <v>140</v>
      </c>
      <c r="Z3" s="504"/>
      <c r="AA3" s="504"/>
      <c r="AB3" s="504"/>
      <c r="AC3" s="504"/>
      <c r="AD3" s="504"/>
      <c r="AE3" s="504"/>
      <c r="AF3" s="504"/>
      <c r="AG3" s="504"/>
      <c r="AH3" s="504"/>
      <c r="AI3" s="505"/>
      <c r="AJ3" s="503" t="s">
        <v>90</v>
      </c>
      <c r="AK3" s="504"/>
      <c r="AL3" s="504"/>
      <c r="AM3" s="504"/>
      <c r="AN3" s="504"/>
      <c r="AO3" s="504"/>
      <c r="AP3" s="504"/>
      <c r="AQ3" s="504"/>
      <c r="AR3" s="504"/>
      <c r="AS3" s="504"/>
      <c r="AT3" s="505"/>
      <c r="AU3" s="516" t="s">
        <v>89</v>
      </c>
      <c r="AV3" s="517"/>
      <c r="AW3" s="517"/>
      <c r="AX3" s="517"/>
      <c r="AY3" s="517"/>
      <c r="AZ3" s="517"/>
      <c r="BA3" s="517"/>
      <c r="BB3" s="517"/>
      <c r="BC3" s="517"/>
      <c r="BD3" s="517"/>
      <c r="BE3" s="518"/>
      <c r="BF3" s="516" t="s">
        <v>91</v>
      </c>
      <c r="BG3" s="517"/>
      <c r="BH3" s="517"/>
      <c r="BI3" s="517"/>
      <c r="BJ3" s="517"/>
      <c r="BK3" s="517"/>
      <c r="BL3" s="517"/>
      <c r="BM3" s="517"/>
      <c r="BN3" s="517"/>
      <c r="BO3" s="517"/>
      <c r="BP3" s="518"/>
      <c r="BQ3" s="516" t="s">
        <v>92</v>
      </c>
      <c r="BR3" s="517"/>
      <c r="BS3" s="517"/>
      <c r="BT3" s="517"/>
      <c r="BU3" s="517"/>
      <c r="BV3" s="517"/>
      <c r="BW3" s="517"/>
      <c r="BX3" s="517"/>
      <c r="BY3" s="517"/>
      <c r="BZ3" s="517"/>
      <c r="CA3" s="518"/>
      <c r="CB3" s="516" t="s">
        <v>93</v>
      </c>
      <c r="CC3" s="517"/>
      <c r="CD3" s="517"/>
      <c r="CE3" s="517"/>
      <c r="CF3" s="517"/>
      <c r="CG3" s="517"/>
      <c r="CH3" s="517"/>
      <c r="CI3" s="517"/>
      <c r="CJ3" s="517"/>
      <c r="CK3" s="517"/>
      <c r="CL3" s="518"/>
      <c r="CM3" s="517" t="s">
        <v>139</v>
      </c>
      <c r="CN3" s="517"/>
      <c r="CO3" s="517"/>
      <c r="CP3" s="517"/>
      <c r="CQ3" s="517"/>
      <c r="CR3" s="517"/>
      <c r="CS3" s="517"/>
      <c r="CT3" s="517"/>
      <c r="CU3" s="517"/>
      <c r="CV3" s="517"/>
      <c r="CW3" s="518"/>
    </row>
    <row r="4" spans="1:101"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34" t="s">
        <v>61</v>
      </c>
      <c r="AV4" s="532"/>
      <c r="AW4" s="533"/>
      <c r="AX4" s="531" t="s">
        <v>62</v>
      </c>
      <c r="AY4" s="532"/>
      <c r="AZ4" s="532"/>
      <c r="BA4" s="532"/>
      <c r="BB4" s="532"/>
      <c r="BC4" s="532"/>
      <c r="BD4" s="533"/>
      <c r="BE4" s="529" t="s">
        <v>52</v>
      </c>
      <c r="BF4" s="534" t="s">
        <v>61</v>
      </c>
      <c r="BG4" s="532"/>
      <c r="BH4" s="533"/>
      <c r="BI4" s="531" t="s">
        <v>62</v>
      </c>
      <c r="BJ4" s="532"/>
      <c r="BK4" s="532"/>
      <c r="BL4" s="532"/>
      <c r="BM4" s="532"/>
      <c r="BN4" s="532"/>
      <c r="BO4" s="533"/>
      <c r="BP4" s="529" t="s">
        <v>52</v>
      </c>
      <c r="BQ4" s="534" t="s">
        <v>61</v>
      </c>
      <c r="BR4" s="532"/>
      <c r="BS4" s="533"/>
      <c r="BT4" s="531" t="s">
        <v>62</v>
      </c>
      <c r="BU4" s="532"/>
      <c r="BV4" s="532"/>
      <c r="BW4" s="532"/>
      <c r="BX4" s="532"/>
      <c r="BY4" s="532"/>
      <c r="BZ4" s="533"/>
      <c r="CA4" s="529" t="s">
        <v>52</v>
      </c>
      <c r="CB4" s="534" t="s">
        <v>61</v>
      </c>
      <c r="CC4" s="532"/>
      <c r="CD4" s="533"/>
      <c r="CE4" s="531" t="s">
        <v>62</v>
      </c>
      <c r="CF4" s="532"/>
      <c r="CG4" s="532"/>
      <c r="CH4" s="532"/>
      <c r="CI4" s="532"/>
      <c r="CJ4" s="532"/>
      <c r="CK4" s="533"/>
      <c r="CL4" s="529" t="s">
        <v>52</v>
      </c>
      <c r="CM4" s="534" t="s">
        <v>61</v>
      </c>
      <c r="CN4" s="532"/>
      <c r="CO4" s="533"/>
      <c r="CP4" s="531" t="s">
        <v>62</v>
      </c>
      <c r="CQ4" s="532"/>
      <c r="CR4" s="532"/>
      <c r="CS4" s="532"/>
      <c r="CT4" s="532"/>
      <c r="CU4" s="532"/>
      <c r="CV4" s="533"/>
      <c r="CW4" s="529" t="s">
        <v>52</v>
      </c>
    </row>
    <row r="5" spans="1:101" ht="30" customHeight="1" thickBot="1" x14ac:dyDescent="0.25">
      <c r="B5" s="514"/>
      <c r="C5" s="295" t="s">
        <v>43</v>
      </c>
      <c r="D5" s="242" t="s">
        <v>44</v>
      </c>
      <c r="E5" s="243" t="s">
        <v>45</v>
      </c>
      <c r="F5" s="244" t="s">
        <v>83</v>
      </c>
      <c r="G5" s="239" t="s">
        <v>47</v>
      </c>
      <c r="H5" s="239" t="s">
        <v>48</v>
      </c>
      <c r="I5" s="239" t="s">
        <v>49</v>
      </c>
      <c r="J5" s="239" t="s">
        <v>50</v>
      </c>
      <c r="K5" s="239" t="s">
        <v>51</v>
      </c>
      <c r="L5" s="245" t="s">
        <v>45</v>
      </c>
      <c r="M5" s="510"/>
      <c r="N5" s="295" t="s">
        <v>43</v>
      </c>
      <c r="O5" s="239" t="s">
        <v>44</v>
      </c>
      <c r="P5" s="242" t="s">
        <v>45</v>
      </c>
      <c r="Q5" s="244" t="s">
        <v>83</v>
      </c>
      <c r="R5" s="239" t="s">
        <v>47</v>
      </c>
      <c r="S5" s="239" t="s">
        <v>48</v>
      </c>
      <c r="T5" s="239" t="s">
        <v>49</v>
      </c>
      <c r="U5" s="239" t="s">
        <v>50</v>
      </c>
      <c r="V5" s="239" t="s">
        <v>51</v>
      </c>
      <c r="W5" s="242" t="s">
        <v>45</v>
      </c>
      <c r="X5" s="510"/>
      <c r="Y5" s="295" t="s">
        <v>43</v>
      </c>
      <c r="Z5" s="239" t="s">
        <v>44</v>
      </c>
      <c r="AA5" s="242" t="s">
        <v>45</v>
      </c>
      <c r="AB5" s="244" t="s">
        <v>83</v>
      </c>
      <c r="AC5" s="239" t="s">
        <v>47</v>
      </c>
      <c r="AD5" s="239" t="s">
        <v>48</v>
      </c>
      <c r="AE5" s="239" t="s">
        <v>49</v>
      </c>
      <c r="AF5" s="239" t="s">
        <v>50</v>
      </c>
      <c r="AG5" s="239" t="s">
        <v>51</v>
      </c>
      <c r="AH5" s="242" t="s">
        <v>45</v>
      </c>
      <c r="AI5" s="510"/>
      <c r="AJ5" s="300" t="s">
        <v>43</v>
      </c>
      <c r="AK5" s="239" t="s">
        <v>44</v>
      </c>
      <c r="AL5" s="242" t="s">
        <v>45</v>
      </c>
      <c r="AM5" s="244" t="s">
        <v>83</v>
      </c>
      <c r="AN5" s="239" t="s">
        <v>47</v>
      </c>
      <c r="AO5" s="239" t="s">
        <v>48</v>
      </c>
      <c r="AP5" s="239" t="s">
        <v>49</v>
      </c>
      <c r="AQ5" s="239" t="s">
        <v>50</v>
      </c>
      <c r="AR5" s="239" t="s">
        <v>51</v>
      </c>
      <c r="AS5" s="242" t="s">
        <v>45</v>
      </c>
      <c r="AT5" s="510"/>
      <c r="AU5" s="300" t="s">
        <v>43</v>
      </c>
      <c r="AV5" s="239" t="s">
        <v>44</v>
      </c>
      <c r="AW5" s="242" t="s">
        <v>45</v>
      </c>
      <c r="AX5" s="244" t="s">
        <v>83</v>
      </c>
      <c r="AY5" s="239" t="s">
        <v>47</v>
      </c>
      <c r="AZ5" s="239" t="s">
        <v>48</v>
      </c>
      <c r="BA5" s="239" t="s">
        <v>49</v>
      </c>
      <c r="BB5" s="239" t="s">
        <v>50</v>
      </c>
      <c r="BC5" s="239" t="s">
        <v>51</v>
      </c>
      <c r="BD5" s="242" t="s">
        <v>45</v>
      </c>
      <c r="BE5" s="530"/>
      <c r="BF5" s="300" t="s">
        <v>43</v>
      </c>
      <c r="BG5" s="239" t="s">
        <v>44</v>
      </c>
      <c r="BH5" s="242" t="s">
        <v>45</v>
      </c>
      <c r="BI5" s="244" t="s">
        <v>83</v>
      </c>
      <c r="BJ5" s="239" t="s">
        <v>47</v>
      </c>
      <c r="BK5" s="239" t="s">
        <v>48</v>
      </c>
      <c r="BL5" s="239" t="s">
        <v>49</v>
      </c>
      <c r="BM5" s="239" t="s">
        <v>50</v>
      </c>
      <c r="BN5" s="239" t="s">
        <v>51</v>
      </c>
      <c r="BO5" s="242" t="s">
        <v>45</v>
      </c>
      <c r="BP5" s="530"/>
      <c r="BQ5" s="300" t="s">
        <v>43</v>
      </c>
      <c r="BR5" s="239" t="s">
        <v>44</v>
      </c>
      <c r="BS5" s="242" t="s">
        <v>45</v>
      </c>
      <c r="BT5" s="244" t="s">
        <v>83</v>
      </c>
      <c r="BU5" s="239" t="s">
        <v>47</v>
      </c>
      <c r="BV5" s="239" t="s">
        <v>48</v>
      </c>
      <c r="BW5" s="239" t="s">
        <v>49</v>
      </c>
      <c r="BX5" s="239" t="s">
        <v>50</v>
      </c>
      <c r="BY5" s="239" t="s">
        <v>51</v>
      </c>
      <c r="BZ5" s="242" t="s">
        <v>45</v>
      </c>
      <c r="CA5" s="530"/>
      <c r="CB5" s="300" t="s">
        <v>43</v>
      </c>
      <c r="CC5" s="239" t="s">
        <v>44</v>
      </c>
      <c r="CD5" s="242" t="s">
        <v>45</v>
      </c>
      <c r="CE5" s="244" t="s">
        <v>83</v>
      </c>
      <c r="CF5" s="239" t="s">
        <v>47</v>
      </c>
      <c r="CG5" s="239" t="s">
        <v>48</v>
      </c>
      <c r="CH5" s="239" t="s">
        <v>49</v>
      </c>
      <c r="CI5" s="239" t="s">
        <v>50</v>
      </c>
      <c r="CJ5" s="239" t="s">
        <v>51</v>
      </c>
      <c r="CK5" s="242" t="s">
        <v>45</v>
      </c>
      <c r="CL5" s="530"/>
      <c r="CM5" s="300" t="s">
        <v>43</v>
      </c>
      <c r="CN5" s="239" t="s">
        <v>44</v>
      </c>
      <c r="CO5" s="242" t="s">
        <v>45</v>
      </c>
      <c r="CP5" s="244" t="s">
        <v>83</v>
      </c>
      <c r="CQ5" s="239" t="s">
        <v>47</v>
      </c>
      <c r="CR5" s="239" t="s">
        <v>48</v>
      </c>
      <c r="CS5" s="239" t="s">
        <v>49</v>
      </c>
      <c r="CT5" s="239" t="s">
        <v>50</v>
      </c>
      <c r="CU5" s="239" t="s">
        <v>51</v>
      </c>
      <c r="CV5" s="242" t="s">
        <v>45</v>
      </c>
      <c r="CW5" s="530"/>
    </row>
    <row r="6" spans="1:101" ht="21" customHeight="1" x14ac:dyDescent="0.2">
      <c r="B6" s="435" t="s">
        <v>4</v>
      </c>
      <c r="C6" s="246">
        <v>0</v>
      </c>
      <c r="D6" s="247">
        <v>0</v>
      </c>
      <c r="E6" s="248">
        <v>0</v>
      </c>
      <c r="F6" s="249">
        <v>0</v>
      </c>
      <c r="G6" s="250">
        <v>14</v>
      </c>
      <c r="H6" s="250">
        <v>23</v>
      </c>
      <c r="I6" s="250">
        <v>22</v>
      </c>
      <c r="J6" s="250">
        <v>30</v>
      </c>
      <c r="K6" s="250">
        <v>15</v>
      </c>
      <c r="L6" s="251">
        <v>104</v>
      </c>
      <c r="M6" s="252">
        <v>104</v>
      </c>
      <c r="N6" s="246">
        <v>0</v>
      </c>
      <c r="O6" s="250">
        <v>0</v>
      </c>
      <c r="P6" s="247">
        <v>0</v>
      </c>
      <c r="Q6" s="249">
        <v>0</v>
      </c>
      <c r="R6" s="250">
        <v>7</v>
      </c>
      <c r="S6" s="250">
        <v>36</v>
      </c>
      <c r="T6" s="250">
        <v>30</v>
      </c>
      <c r="U6" s="250">
        <v>34</v>
      </c>
      <c r="V6" s="250">
        <v>22</v>
      </c>
      <c r="W6" s="247">
        <v>129</v>
      </c>
      <c r="X6" s="252">
        <v>129</v>
      </c>
      <c r="Y6" s="246">
        <v>0</v>
      </c>
      <c r="Z6" s="250">
        <v>0</v>
      </c>
      <c r="AA6" s="247">
        <v>0</v>
      </c>
      <c r="AB6" s="249">
        <v>0</v>
      </c>
      <c r="AC6" s="250">
        <v>951</v>
      </c>
      <c r="AD6" s="250">
        <v>832</v>
      </c>
      <c r="AE6" s="250">
        <v>366</v>
      </c>
      <c r="AF6" s="250">
        <v>152</v>
      </c>
      <c r="AG6" s="250">
        <v>70</v>
      </c>
      <c r="AH6" s="247">
        <v>2371</v>
      </c>
      <c r="AI6" s="252">
        <v>2371</v>
      </c>
      <c r="AJ6" s="246">
        <v>0</v>
      </c>
      <c r="AK6" s="250">
        <v>0</v>
      </c>
      <c r="AL6" s="247">
        <v>0</v>
      </c>
      <c r="AM6" s="249">
        <v>0</v>
      </c>
      <c r="AN6" s="250">
        <v>66</v>
      </c>
      <c r="AO6" s="250">
        <v>72</v>
      </c>
      <c r="AP6" s="250">
        <v>84</v>
      </c>
      <c r="AQ6" s="250">
        <v>42</v>
      </c>
      <c r="AR6" s="250">
        <v>19</v>
      </c>
      <c r="AS6" s="247">
        <v>283</v>
      </c>
      <c r="AT6" s="252">
        <v>283</v>
      </c>
      <c r="AU6" s="246">
        <v>12</v>
      </c>
      <c r="AV6" s="250">
        <v>9</v>
      </c>
      <c r="AW6" s="247">
        <v>21</v>
      </c>
      <c r="AX6" s="249">
        <v>0</v>
      </c>
      <c r="AY6" s="250">
        <v>82</v>
      </c>
      <c r="AZ6" s="250">
        <v>79</v>
      </c>
      <c r="BA6" s="250">
        <v>76</v>
      </c>
      <c r="BB6" s="250">
        <v>40</v>
      </c>
      <c r="BC6" s="250">
        <v>21</v>
      </c>
      <c r="BD6" s="247">
        <v>298</v>
      </c>
      <c r="BE6" s="252">
        <v>319</v>
      </c>
      <c r="BF6" s="246">
        <v>0</v>
      </c>
      <c r="BG6" s="250">
        <v>0</v>
      </c>
      <c r="BH6" s="247">
        <v>0</v>
      </c>
      <c r="BI6" s="249">
        <v>0</v>
      </c>
      <c r="BJ6" s="250">
        <v>93</v>
      </c>
      <c r="BK6" s="250">
        <v>149</v>
      </c>
      <c r="BL6" s="250">
        <v>149</v>
      </c>
      <c r="BM6" s="250">
        <v>105</v>
      </c>
      <c r="BN6" s="250">
        <v>60</v>
      </c>
      <c r="BO6" s="251">
        <v>556</v>
      </c>
      <c r="BP6" s="252">
        <v>556</v>
      </c>
      <c r="BQ6" s="246">
        <v>0</v>
      </c>
      <c r="BR6" s="250">
        <v>0</v>
      </c>
      <c r="BS6" s="247">
        <v>0</v>
      </c>
      <c r="BT6" s="249">
        <v>0</v>
      </c>
      <c r="BU6" s="250">
        <v>5</v>
      </c>
      <c r="BV6" s="250">
        <v>4</v>
      </c>
      <c r="BW6" s="250">
        <v>5</v>
      </c>
      <c r="BX6" s="250">
        <v>3</v>
      </c>
      <c r="BY6" s="250">
        <v>1</v>
      </c>
      <c r="BZ6" s="247">
        <v>18</v>
      </c>
      <c r="CA6" s="252">
        <v>18</v>
      </c>
      <c r="CB6" s="246">
        <v>0</v>
      </c>
      <c r="CC6" s="250">
        <v>0</v>
      </c>
      <c r="CD6" s="247">
        <v>0</v>
      </c>
      <c r="CE6" s="249">
        <v>0</v>
      </c>
      <c r="CF6" s="250">
        <v>0</v>
      </c>
      <c r="CG6" s="250">
        <v>3</v>
      </c>
      <c r="CH6" s="250">
        <v>19</v>
      </c>
      <c r="CI6" s="250">
        <v>21</v>
      </c>
      <c r="CJ6" s="250">
        <v>12</v>
      </c>
      <c r="CK6" s="247">
        <v>55</v>
      </c>
      <c r="CL6" s="252">
        <v>55</v>
      </c>
      <c r="CM6" s="246">
        <v>0</v>
      </c>
      <c r="CN6" s="250">
        <v>0</v>
      </c>
      <c r="CO6" s="247">
        <v>0</v>
      </c>
      <c r="CP6" s="249">
        <v>0</v>
      </c>
      <c r="CQ6" s="250">
        <v>19</v>
      </c>
      <c r="CR6" s="250">
        <v>21</v>
      </c>
      <c r="CS6" s="250">
        <v>19</v>
      </c>
      <c r="CT6" s="250">
        <v>31</v>
      </c>
      <c r="CU6" s="250">
        <v>34</v>
      </c>
      <c r="CV6" s="247">
        <v>124</v>
      </c>
      <c r="CW6" s="252">
        <v>124</v>
      </c>
    </row>
    <row r="7" spans="1:101" ht="21" customHeight="1" x14ac:dyDescent="0.2">
      <c r="B7" s="436" t="s">
        <v>5</v>
      </c>
      <c r="C7" s="253">
        <v>0</v>
      </c>
      <c r="D7" s="254">
        <v>0</v>
      </c>
      <c r="E7" s="255">
        <v>0</v>
      </c>
      <c r="F7" s="256">
        <v>0</v>
      </c>
      <c r="G7" s="257">
        <v>5</v>
      </c>
      <c r="H7" s="257">
        <v>12</v>
      </c>
      <c r="I7" s="257">
        <v>10</v>
      </c>
      <c r="J7" s="257">
        <v>17</v>
      </c>
      <c r="K7" s="257">
        <v>8</v>
      </c>
      <c r="L7" s="258">
        <v>52</v>
      </c>
      <c r="M7" s="259">
        <v>52</v>
      </c>
      <c r="N7" s="253">
        <v>0</v>
      </c>
      <c r="O7" s="257">
        <v>0</v>
      </c>
      <c r="P7" s="254">
        <v>0</v>
      </c>
      <c r="Q7" s="256">
        <v>0</v>
      </c>
      <c r="R7" s="257">
        <v>4</v>
      </c>
      <c r="S7" s="257">
        <v>26</v>
      </c>
      <c r="T7" s="257">
        <v>21</v>
      </c>
      <c r="U7" s="257">
        <v>31</v>
      </c>
      <c r="V7" s="257">
        <v>18</v>
      </c>
      <c r="W7" s="254">
        <v>100</v>
      </c>
      <c r="X7" s="259">
        <v>100</v>
      </c>
      <c r="Y7" s="253">
        <v>0</v>
      </c>
      <c r="Z7" s="257">
        <v>0</v>
      </c>
      <c r="AA7" s="254">
        <v>0</v>
      </c>
      <c r="AB7" s="256">
        <v>0</v>
      </c>
      <c r="AC7" s="257">
        <v>402</v>
      </c>
      <c r="AD7" s="257">
        <v>426</v>
      </c>
      <c r="AE7" s="257">
        <v>181</v>
      </c>
      <c r="AF7" s="257">
        <v>70</v>
      </c>
      <c r="AG7" s="257">
        <v>34</v>
      </c>
      <c r="AH7" s="254">
        <v>1113</v>
      </c>
      <c r="AI7" s="259">
        <v>1113</v>
      </c>
      <c r="AJ7" s="253">
        <v>0</v>
      </c>
      <c r="AK7" s="257">
        <v>0</v>
      </c>
      <c r="AL7" s="254">
        <v>0</v>
      </c>
      <c r="AM7" s="256">
        <v>0</v>
      </c>
      <c r="AN7" s="257">
        <v>34</v>
      </c>
      <c r="AO7" s="257">
        <v>35</v>
      </c>
      <c r="AP7" s="257">
        <v>41</v>
      </c>
      <c r="AQ7" s="257">
        <v>20</v>
      </c>
      <c r="AR7" s="257">
        <v>9</v>
      </c>
      <c r="AS7" s="254">
        <v>139</v>
      </c>
      <c r="AT7" s="259">
        <v>139</v>
      </c>
      <c r="AU7" s="253">
        <v>5</v>
      </c>
      <c r="AV7" s="257">
        <v>4</v>
      </c>
      <c r="AW7" s="254">
        <v>9</v>
      </c>
      <c r="AX7" s="256">
        <v>0</v>
      </c>
      <c r="AY7" s="257">
        <v>30</v>
      </c>
      <c r="AZ7" s="257">
        <v>37</v>
      </c>
      <c r="BA7" s="257">
        <v>31</v>
      </c>
      <c r="BB7" s="257">
        <v>15</v>
      </c>
      <c r="BC7" s="257">
        <v>9</v>
      </c>
      <c r="BD7" s="254">
        <v>122</v>
      </c>
      <c r="BE7" s="259">
        <v>131</v>
      </c>
      <c r="BF7" s="253">
        <v>0</v>
      </c>
      <c r="BG7" s="257">
        <v>0</v>
      </c>
      <c r="BH7" s="254">
        <v>0</v>
      </c>
      <c r="BI7" s="256">
        <v>0</v>
      </c>
      <c r="BJ7" s="257">
        <v>34</v>
      </c>
      <c r="BK7" s="257">
        <v>60</v>
      </c>
      <c r="BL7" s="257">
        <v>51</v>
      </c>
      <c r="BM7" s="257">
        <v>41</v>
      </c>
      <c r="BN7" s="257">
        <v>26</v>
      </c>
      <c r="BO7" s="258">
        <v>212</v>
      </c>
      <c r="BP7" s="259">
        <v>212</v>
      </c>
      <c r="BQ7" s="253">
        <v>0</v>
      </c>
      <c r="BR7" s="257">
        <v>0</v>
      </c>
      <c r="BS7" s="254">
        <v>0</v>
      </c>
      <c r="BT7" s="256">
        <v>0</v>
      </c>
      <c r="BU7" s="257">
        <v>0</v>
      </c>
      <c r="BV7" s="257">
        <v>0</v>
      </c>
      <c r="BW7" s="257">
        <v>0</v>
      </c>
      <c r="BX7" s="257">
        <v>0</v>
      </c>
      <c r="BY7" s="257">
        <v>0</v>
      </c>
      <c r="BZ7" s="254">
        <v>0</v>
      </c>
      <c r="CA7" s="259">
        <v>0</v>
      </c>
      <c r="CB7" s="253">
        <v>0</v>
      </c>
      <c r="CC7" s="257">
        <v>0</v>
      </c>
      <c r="CD7" s="254">
        <v>0</v>
      </c>
      <c r="CE7" s="256">
        <v>0</v>
      </c>
      <c r="CF7" s="257">
        <v>0</v>
      </c>
      <c r="CG7" s="257">
        <v>1</v>
      </c>
      <c r="CH7" s="257">
        <v>3</v>
      </c>
      <c r="CI7" s="257">
        <v>3</v>
      </c>
      <c r="CJ7" s="257">
        <v>3</v>
      </c>
      <c r="CK7" s="254">
        <v>10</v>
      </c>
      <c r="CL7" s="259">
        <v>10</v>
      </c>
      <c r="CM7" s="253">
        <v>0</v>
      </c>
      <c r="CN7" s="257">
        <v>0</v>
      </c>
      <c r="CO7" s="254">
        <v>0</v>
      </c>
      <c r="CP7" s="256">
        <v>0</v>
      </c>
      <c r="CQ7" s="257">
        <v>3</v>
      </c>
      <c r="CR7" s="257">
        <v>6</v>
      </c>
      <c r="CS7" s="257">
        <v>5</v>
      </c>
      <c r="CT7" s="257">
        <v>10</v>
      </c>
      <c r="CU7" s="257">
        <v>17</v>
      </c>
      <c r="CV7" s="254">
        <v>41</v>
      </c>
      <c r="CW7" s="259">
        <v>41</v>
      </c>
    </row>
    <row r="8" spans="1:101" ht="21" customHeight="1" x14ac:dyDescent="0.2">
      <c r="B8" s="437" t="s">
        <v>6</v>
      </c>
      <c r="C8" s="253">
        <v>0</v>
      </c>
      <c r="D8" s="254">
        <v>0</v>
      </c>
      <c r="E8" s="255">
        <v>0</v>
      </c>
      <c r="F8" s="256">
        <v>0</v>
      </c>
      <c r="G8" s="257">
        <v>3</v>
      </c>
      <c r="H8" s="257">
        <v>3</v>
      </c>
      <c r="I8" s="257">
        <v>5</v>
      </c>
      <c r="J8" s="257">
        <v>7</v>
      </c>
      <c r="K8" s="257">
        <v>2</v>
      </c>
      <c r="L8" s="258">
        <v>20</v>
      </c>
      <c r="M8" s="259">
        <v>20</v>
      </c>
      <c r="N8" s="253">
        <v>0</v>
      </c>
      <c r="O8" s="257">
        <v>0</v>
      </c>
      <c r="P8" s="254">
        <v>0</v>
      </c>
      <c r="Q8" s="256">
        <v>0</v>
      </c>
      <c r="R8" s="257">
        <v>3</v>
      </c>
      <c r="S8" s="257">
        <v>8</v>
      </c>
      <c r="T8" s="257">
        <v>9</v>
      </c>
      <c r="U8" s="257">
        <v>1</v>
      </c>
      <c r="V8" s="257">
        <v>3</v>
      </c>
      <c r="W8" s="254">
        <v>24</v>
      </c>
      <c r="X8" s="259">
        <v>24</v>
      </c>
      <c r="Y8" s="253">
        <v>0</v>
      </c>
      <c r="Z8" s="257">
        <v>0</v>
      </c>
      <c r="AA8" s="254">
        <v>0</v>
      </c>
      <c r="AB8" s="256">
        <v>0</v>
      </c>
      <c r="AC8" s="257">
        <v>112</v>
      </c>
      <c r="AD8" s="257">
        <v>75</v>
      </c>
      <c r="AE8" s="257">
        <v>30</v>
      </c>
      <c r="AF8" s="257">
        <v>19</v>
      </c>
      <c r="AG8" s="257">
        <v>11</v>
      </c>
      <c r="AH8" s="254">
        <v>247</v>
      </c>
      <c r="AI8" s="259">
        <v>247</v>
      </c>
      <c r="AJ8" s="253">
        <v>0</v>
      </c>
      <c r="AK8" s="257">
        <v>0</v>
      </c>
      <c r="AL8" s="254">
        <v>0</v>
      </c>
      <c r="AM8" s="256">
        <v>0</v>
      </c>
      <c r="AN8" s="257">
        <v>14</v>
      </c>
      <c r="AO8" s="257">
        <v>13</v>
      </c>
      <c r="AP8" s="257">
        <v>15</v>
      </c>
      <c r="AQ8" s="257">
        <v>10</v>
      </c>
      <c r="AR8" s="257">
        <v>4</v>
      </c>
      <c r="AS8" s="254">
        <v>56</v>
      </c>
      <c r="AT8" s="259">
        <v>56</v>
      </c>
      <c r="AU8" s="253">
        <v>3</v>
      </c>
      <c r="AV8" s="257">
        <v>1</v>
      </c>
      <c r="AW8" s="254">
        <v>4</v>
      </c>
      <c r="AX8" s="256">
        <v>0</v>
      </c>
      <c r="AY8" s="257">
        <v>14</v>
      </c>
      <c r="AZ8" s="257">
        <v>12</v>
      </c>
      <c r="BA8" s="257">
        <v>3</v>
      </c>
      <c r="BB8" s="257">
        <v>11</v>
      </c>
      <c r="BC8" s="257">
        <v>2</v>
      </c>
      <c r="BD8" s="254">
        <v>42</v>
      </c>
      <c r="BE8" s="259">
        <v>46</v>
      </c>
      <c r="BF8" s="253">
        <v>0</v>
      </c>
      <c r="BG8" s="257">
        <v>0</v>
      </c>
      <c r="BH8" s="254">
        <v>0</v>
      </c>
      <c r="BI8" s="256">
        <v>0</v>
      </c>
      <c r="BJ8" s="257">
        <v>20</v>
      </c>
      <c r="BK8" s="257">
        <v>28</v>
      </c>
      <c r="BL8" s="257">
        <v>20</v>
      </c>
      <c r="BM8" s="257">
        <v>18</v>
      </c>
      <c r="BN8" s="257">
        <v>7</v>
      </c>
      <c r="BO8" s="258">
        <v>93</v>
      </c>
      <c r="BP8" s="259">
        <v>93</v>
      </c>
      <c r="BQ8" s="253">
        <v>0</v>
      </c>
      <c r="BR8" s="257">
        <v>0</v>
      </c>
      <c r="BS8" s="254">
        <v>0</v>
      </c>
      <c r="BT8" s="256">
        <v>0</v>
      </c>
      <c r="BU8" s="257">
        <v>0</v>
      </c>
      <c r="BV8" s="257">
        <v>0</v>
      </c>
      <c r="BW8" s="257">
        <v>0</v>
      </c>
      <c r="BX8" s="257">
        <v>0</v>
      </c>
      <c r="BY8" s="257">
        <v>0</v>
      </c>
      <c r="BZ8" s="254">
        <v>0</v>
      </c>
      <c r="CA8" s="259">
        <v>0</v>
      </c>
      <c r="CB8" s="253">
        <v>0</v>
      </c>
      <c r="CC8" s="257">
        <v>0</v>
      </c>
      <c r="CD8" s="254">
        <v>0</v>
      </c>
      <c r="CE8" s="256">
        <v>0</v>
      </c>
      <c r="CF8" s="257">
        <v>0</v>
      </c>
      <c r="CG8" s="257">
        <v>0</v>
      </c>
      <c r="CH8" s="257">
        <v>3</v>
      </c>
      <c r="CI8" s="257">
        <v>7</v>
      </c>
      <c r="CJ8" s="257">
        <v>3</v>
      </c>
      <c r="CK8" s="254">
        <v>13</v>
      </c>
      <c r="CL8" s="259">
        <v>13</v>
      </c>
      <c r="CM8" s="253">
        <v>0</v>
      </c>
      <c r="CN8" s="257">
        <v>0</v>
      </c>
      <c r="CO8" s="254">
        <v>0</v>
      </c>
      <c r="CP8" s="256">
        <v>0</v>
      </c>
      <c r="CQ8" s="257">
        <v>9</v>
      </c>
      <c r="CR8" s="257">
        <v>4</v>
      </c>
      <c r="CS8" s="257">
        <v>1</v>
      </c>
      <c r="CT8" s="257">
        <v>6</v>
      </c>
      <c r="CU8" s="257">
        <v>8</v>
      </c>
      <c r="CV8" s="254">
        <v>28</v>
      </c>
      <c r="CW8" s="259">
        <v>28</v>
      </c>
    </row>
    <row r="9" spans="1:101" ht="21" customHeight="1" x14ac:dyDescent="0.2">
      <c r="B9" s="437" t="s">
        <v>14</v>
      </c>
      <c r="C9" s="253">
        <v>0</v>
      </c>
      <c r="D9" s="254">
        <v>0</v>
      </c>
      <c r="E9" s="255">
        <v>0</v>
      </c>
      <c r="F9" s="256">
        <v>0</v>
      </c>
      <c r="G9" s="257">
        <v>0</v>
      </c>
      <c r="H9" s="257">
        <v>3</v>
      </c>
      <c r="I9" s="257">
        <v>1</v>
      </c>
      <c r="J9" s="257">
        <v>3</v>
      </c>
      <c r="K9" s="257">
        <v>1</v>
      </c>
      <c r="L9" s="258">
        <v>8</v>
      </c>
      <c r="M9" s="259">
        <v>8</v>
      </c>
      <c r="N9" s="253">
        <v>0</v>
      </c>
      <c r="O9" s="257">
        <v>0</v>
      </c>
      <c r="P9" s="254">
        <v>0</v>
      </c>
      <c r="Q9" s="256">
        <v>0</v>
      </c>
      <c r="R9" s="257">
        <v>0</v>
      </c>
      <c r="S9" s="257">
        <v>0</v>
      </c>
      <c r="T9" s="257">
        <v>0</v>
      </c>
      <c r="U9" s="257">
        <v>0</v>
      </c>
      <c r="V9" s="257">
        <v>0</v>
      </c>
      <c r="W9" s="254">
        <v>0</v>
      </c>
      <c r="X9" s="259">
        <v>0</v>
      </c>
      <c r="Y9" s="253">
        <v>0</v>
      </c>
      <c r="Z9" s="257">
        <v>0</v>
      </c>
      <c r="AA9" s="254">
        <v>0</v>
      </c>
      <c r="AB9" s="256">
        <v>0</v>
      </c>
      <c r="AC9" s="257">
        <v>82</v>
      </c>
      <c r="AD9" s="257">
        <v>72</v>
      </c>
      <c r="AE9" s="257">
        <v>43</v>
      </c>
      <c r="AF9" s="257">
        <v>17</v>
      </c>
      <c r="AG9" s="257">
        <v>5</v>
      </c>
      <c r="AH9" s="254">
        <v>219</v>
      </c>
      <c r="AI9" s="259">
        <v>219</v>
      </c>
      <c r="AJ9" s="253">
        <v>0</v>
      </c>
      <c r="AK9" s="257">
        <v>0</v>
      </c>
      <c r="AL9" s="254">
        <v>0</v>
      </c>
      <c r="AM9" s="256">
        <v>0</v>
      </c>
      <c r="AN9" s="257">
        <v>1</v>
      </c>
      <c r="AO9" s="257">
        <v>4</v>
      </c>
      <c r="AP9" s="257">
        <v>3</v>
      </c>
      <c r="AQ9" s="257">
        <v>0</v>
      </c>
      <c r="AR9" s="257">
        <v>0</v>
      </c>
      <c r="AS9" s="254">
        <v>8</v>
      </c>
      <c r="AT9" s="259">
        <v>8</v>
      </c>
      <c r="AU9" s="253">
        <v>0</v>
      </c>
      <c r="AV9" s="257">
        <v>1</v>
      </c>
      <c r="AW9" s="254">
        <v>1</v>
      </c>
      <c r="AX9" s="256">
        <v>0</v>
      </c>
      <c r="AY9" s="257">
        <v>11</v>
      </c>
      <c r="AZ9" s="257">
        <v>4</v>
      </c>
      <c r="BA9" s="257">
        <v>6</v>
      </c>
      <c r="BB9" s="257">
        <v>4</v>
      </c>
      <c r="BC9" s="257">
        <v>2</v>
      </c>
      <c r="BD9" s="254">
        <v>27</v>
      </c>
      <c r="BE9" s="259">
        <v>28</v>
      </c>
      <c r="BF9" s="253">
        <v>0</v>
      </c>
      <c r="BG9" s="257">
        <v>0</v>
      </c>
      <c r="BH9" s="254">
        <v>0</v>
      </c>
      <c r="BI9" s="256">
        <v>0</v>
      </c>
      <c r="BJ9" s="257">
        <v>6</v>
      </c>
      <c r="BK9" s="257">
        <v>9</v>
      </c>
      <c r="BL9" s="257">
        <v>16</v>
      </c>
      <c r="BM9" s="257">
        <v>11</v>
      </c>
      <c r="BN9" s="257">
        <v>5</v>
      </c>
      <c r="BO9" s="258">
        <v>47</v>
      </c>
      <c r="BP9" s="259">
        <v>47</v>
      </c>
      <c r="BQ9" s="253">
        <v>0</v>
      </c>
      <c r="BR9" s="257">
        <v>0</v>
      </c>
      <c r="BS9" s="254">
        <v>0</v>
      </c>
      <c r="BT9" s="256">
        <v>0</v>
      </c>
      <c r="BU9" s="257">
        <v>0</v>
      </c>
      <c r="BV9" s="257">
        <v>0</v>
      </c>
      <c r="BW9" s="257">
        <v>0</v>
      </c>
      <c r="BX9" s="257">
        <v>0</v>
      </c>
      <c r="BY9" s="257">
        <v>0</v>
      </c>
      <c r="BZ9" s="254">
        <v>0</v>
      </c>
      <c r="CA9" s="259">
        <v>0</v>
      </c>
      <c r="CB9" s="253">
        <v>0</v>
      </c>
      <c r="CC9" s="257">
        <v>0</v>
      </c>
      <c r="CD9" s="254">
        <v>0</v>
      </c>
      <c r="CE9" s="256">
        <v>0</v>
      </c>
      <c r="CF9" s="257">
        <v>0</v>
      </c>
      <c r="CG9" s="257">
        <v>0</v>
      </c>
      <c r="CH9" s="257">
        <v>2</v>
      </c>
      <c r="CI9" s="257">
        <v>1</v>
      </c>
      <c r="CJ9" s="257">
        <v>0</v>
      </c>
      <c r="CK9" s="254">
        <v>3</v>
      </c>
      <c r="CL9" s="259">
        <v>3</v>
      </c>
      <c r="CM9" s="253">
        <v>0</v>
      </c>
      <c r="CN9" s="257">
        <v>0</v>
      </c>
      <c r="CO9" s="254">
        <v>0</v>
      </c>
      <c r="CP9" s="256">
        <v>0</v>
      </c>
      <c r="CQ9" s="257">
        <v>2</v>
      </c>
      <c r="CR9" s="257">
        <v>2</v>
      </c>
      <c r="CS9" s="257">
        <v>2</v>
      </c>
      <c r="CT9" s="257">
        <v>2</v>
      </c>
      <c r="CU9" s="257">
        <v>3</v>
      </c>
      <c r="CV9" s="254">
        <v>11</v>
      </c>
      <c r="CW9" s="259">
        <v>11</v>
      </c>
    </row>
    <row r="10" spans="1:101" ht="21" customHeight="1" x14ac:dyDescent="0.2">
      <c r="B10" s="437" t="s">
        <v>7</v>
      </c>
      <c r="C10" s="253">
        <v>0</v>
      </c>
      <c r="D10" s="254">
        <v>0</v>
      </c>
      <c r="E10" s="255">
        <v>0</v>
      </c>
      <c r="F10" s="256">
        <v>0</v>
      </c>
      <c r="G10" s="257">
        <v>0</v>
      </c>
      <c r="H10" s="257">
        <v>0</v>
      </c>
      <c r="I10" s="257">
        <v>0</v>
      </c>
      <c r="J10" s="257">
        <v>0</v>
      </c>
      <c r="K10" s="257">
        <v>0</v>
      </c>
      <c r="L10" s="258">
        <v>0</v>
      </c>
      <c r="M10" s="259">
        <v>0</v>
      </c>
      <c r="N10" s="253">
        <v>0</v>
      </c>
      <c r="O10" s="257">
        <v>0</v>
      </c>
      <c r="P10" s="254">
        <v>0</v>
      </c>
      <c r="Q10" s="256">
        <v>0</v>
      </c>
      <c r="R10" s="257">
        <v>0</v>
      </c>
      <c r="S10" s="257">
        <v>0</v>
      </c>
      <c r="T10" s="257">
        <v>0</v>
      </c>
      <c r="U10" s="257">
        <v>0</v>
      </c>
      <c r="V10" s="257">
        <v>0</v>
      </c>
      <c r="W10" s="254">
        <v>0</v>
      </c>
      <c r="X10" s="259">
        <v>0</v>
      </c>
      <c r="Y10" s="253">
        <v>0</v>
      </c>
      <c r="Z10" s="257">
        <v>0</v>
      </c>
      <c r="AA10" s="254">
        <v>0</v>
      </c>
      <c r="AB10" s="256">
        <v>0</v>
      </c>
      <c r="AC10" s="257">
        <v>70</v>
      </c>
      <c r="AD10" s="257">
        <v>53</v>
      </c>
      <c r="AE10" s="257">
        <v>17</v>
      </c>
      <c r="AF10" s="257">
        <v>7</v>
      </c>
      <c r="AG10" s="257">
        <v>2</v>
      </c>
      <c r="AH10" s="254">
        <v>149</v>
      </c>
      <c r="AI10" s="259">
        <v>149</v>
      </c>
      <c r="AJ10" s="253">
        <v>0</v>
      </c>
      <c r="AK10" s="257">
        <v>0</v>
      </c>
      <c r="AL10" s="254">
        <v>0</v>
      </c>
      <c r="AM10" s="256">
        <v>0</v>
      </c>
      <c r="AN10" s="257">
        <v>6</v>
      </c>
      <c r="AO10" s="257">
        <v>8</v>
      </c>
      <c r="AP10" s="257">
        <v>5</v>
      </c>
      <c r="AQ10" s="257">
        <v>6</v>
      </c>
      <c r="AR10" s="257">
        <v>3</v>
      </c>
      <c r="AS10" s="254">
        <v>28</v>
      </c>
      <c r="AT10" s="259">
        <v>28</v>
      </c>
      <c r="AU10" s="253">
        <v>0</v>
      </c>
      <c r="AV10" s="257">
        <v>0</v>
      </c>
      <c r="AW10" s="254">
        <v>0</v>
      </c>
      <c r="AX10" s="256">
        <v>0</v>
      </c>
      <c r="AY10" s="257">
        <v>4</v>
      </c>
      <c r="AZ10" s="257">
        <v>2</v>
      </c>
      <c r="BA10" s="257">
        <v>3</v>
      </c>
      <c r="BB10" s="257">
        <v>0</v>
      </c>
      <c r="BC10" s="257">
        <v>1</v>
      </c>
      <c r="BD10" s="254">
        <v>10</v>
      </c>
      <c r="BE10" s="259">
        <v>10</v>
      </c>
      <c r="BF10" s="253">
        <v>0</v>
      </c>
      <c r="BG10" s="257">
        <v>0</v>
      </c>
      <c r="BH10" s="254">
        <v>0</v>
      </c>
      <c r="BI10" s="256">
        <v>0</v>
      </c>
      <c r="BJ10" s="257">
        <v>5</v>
      </c>
      <c r="BK10" s="257">
        <v>6</v>
      </c>
      <c r="BL10" s="257">
        <v>9</v>
      </c>
      <c r="BM10" s="257">
        <v>5</v>
      </c>
      <c r="BN10" s="257">
        <v>5</v>
      </c>
      <c r="BO10" s="258">
        <v>30</v>
      </c>
      <c r="BP10" s="259">
        <v>30</v>
      </c>
      <c r="BQ10" s="253">
        <v>0</v>
      </c>
      <c r="BR10" s="257">
        <v>0</v>
      </c>
      <c r="BS10" s="254">
        <v>0</v>
      </c>
      <c r="BT10" s="256">
        <v>0</v>
      </c>
      <c r="BU10" s="257">
        <v>0</v>
      </c>
      <c r="BV10" s="257">
        <v>0</v>
      </c>
      <c r="BW10" s="257">
        <v>0</v>
      </c>
      <c r="BX10" s="257">
        <v>0</v>
      </c>
      <c r="BY10" s="257">
        <v>0</v>
      </c>
      <c r="BZ10" s="254">
        <v>0</v>
      </c>
      <c r="CA10" s="259">
        <v>0</v>
      </c>
      <c r="CB10" s="253">
        <v>0</v>
      </c>
      <c r="CC10" s="257">
        <v>0</v>
      </c>
      <c r="CD10" s="254">
        <v>0</v>
      </c>
      <c r="CE10" s="256">
        <v>0</v>
      </c>
      <c r="CF10" s="257">
        <v>0</v>
      </c>
      <c r="CG10" s="257">
        <v>0</v>
      </c>
      <c r="CH10" s="257">
        <v>0</v>
      </c>
      <c r="CI10" s="257">
        <v>0</v>
      </c>
      <c r="CJ10" s="257">
        <v>0</v>
      </c>
      <c r="CK10" s="254">
        <v>0</v>
      </c>
      <c r="CL10" s="259">
        <v>0</v>
      </c>
      <c r="CM10" s="253">
        <v>0</v>
      </c>
      <c r="CN10" s="257">
        <v>0</v>
      </c>
      <c r="CO10" s="254">
        <v>0</v>
      </c>
      <c r="CP10" s="256">
        <v>0</v>
      </c>
      <c r="CQ10" s="257">
        <v>0</v>
      </c>
      <c r="CR10" s="257">
        <v>2</v>
      </c>
      <c r="CS10" s="257">
        <v>1</v>
      </c>
      <c r="CT10" s="257">
        <v>0</v>
      </c>
      <c r="CU10" s="257">
        <v>2</v>
      </c>
      <c r="CV10" s="254">
        <v>5</v>
      </c>
      <c r="CW10" s="259">
        <v>5</v>
      </c>
    </row>
    <row r="11" spans="1:101" ht="21" customHeight="1" x14ac:dyDescent="0.2">
      <c r="B11" s="437" t="s">
        <v>8</v>
      </c>
      <c r="C11" s="253">
        <v>0</v>
      </c>
      <c r="D11" s="254">
        <v>0</v>
      </c>
      <c r="E11" s="255">
        <v>0</v>
      </c>
      <c r="F11" s="256">
        <v>0</v>
      </c>
      <c r="G11" s="257">
        <v>1</v>
      </c>
      <c r="H11" s="257">
        <v>0</v>
      </c>
      <c r="I11" s="257">
        <v>0</v>
      </c>
      <c r="J11" s="257">
        <v>0</v>
      </c>
      <c r="K11" s="257">
        <v>0</v>
      </c>
      <c r="L11" s="258">
        <v>1</v>
      </c>
      <c r="M11" s="259">
        <v>1</v>
      </c>
      <c r="N11" s="253">
        <v>0</v>
      </c>
      <c r="O11" s="257">
        <v>0</v>
      </c>
      <c r="P11" s="254">
        <v>0</v>
      </c>
      <c r="Q11" s="256">
        <v>0</v>
      </c>
      <c r="R11" s="257">
        <v>0</v>
      </c>
      <c r="S11" s="257">
        <v>0</v>
      </c>
      <c r="T11" s="257">
        <v>0</v>
      </c>
      <c r="U11" s="257">
        <v>0</v>
      </c>
      <c r="V11" s="257">
        <v>0</v>
      </c>
      <c r="W11" s="254">
        <v>0</v>
      </c>
      <c r="X11" s="259">
        <v>0</v>
      </c>
      <c r="Y11" s="253">
        <v>0</v>
      </c>
      <c r="Z11" s="257">
        <v>0</v>
      </c>
      <c r="AA11" s="254">
        <v>0</v>
      </c>
      <c r="AB11" s="256">
        <v>0</v>
      </c>
      <c r="AC11" s="257">
        <v>31</v>
      </c>
      <c r="AD11" s="257">
        <v>31</v>
      </c>
      <c r="AE11" s="257">
        <v>14</v>
      </c>
      <c r="AF11" s="257">
        <v>4</v>
      </c>
      <c r="AG11" s="257">
        <v>3</v>
      </c>
      <c r="AH11" s="254">
        <v>83</v>
      </c>
      <c r="AI11" s="259">
        <v>83</v>
      </c>
      <c r="AJ11" s="253">
        <v>0</v>
      </c>
      <c r="AK11" s="257">
        <v>0</v>
      </c>
      <c r="AL11" s="254">
        <v>0</v>
      </c>
      <c r="AM11" s="256">
        <v>0</v>
      </c>
      <c r="AN11" s="257">
        <v>1</v>
      </c>
      <c r="AO11" s="257">
        <v>0</v>
      </c>
      <c r="AP11" s="257">
        <v>0</v>
      </c>
      <c r="AQ11" s="257">
        <v>1</v>
      </c>
      <c r="AR11" s="257">
        <v>0</v>
      </c>
      <c r="AS11" s="254">
        <v>2</v>
      </c>
      <c r="AT11" s="259">
        <v>2</v>
      </c>
      <c r="AU11" s="253">
        <v>0</v>
      </c>
      <c r="AV11" s="257">
        <v>2</v>
      </c>
      <c r="AW11" s="254">
        <v>2</v>
      </c>
      <c r="AX11" s="256">
        <v>0</v>
      </c>
      <c r="AY11" s="257">
        <v>0</v>
      </c>
      <c r="AZ11" s="257">
        <v>2</v>
      </c>
      <c r="BA11" s="257">
        <v>2</v>
      </c>
      <c r="BB11" s="257">
        <v>1</v>
      </c>
      <c r="BC11" s="257">
        <v>0</v>
      </c>
      <c r="BD11" s="254">
        <v>5</v>
      </c>
      <c r="BE11" s="259">
        <v>7</v>
      </c>
      <c r="BF11" s="253">
        <v>0</v>
      </c>
      <c r="BG11" s="257">
        <v>0</v>
      </c>
      <c r="BH11" s="254">
        <v>0</v>
      </c>
      <c r="BI11" s="256">
        <v>0</v>
      </c>
      <c r="BJ11" s="257">
        <v>4</v>
      </c>
      <c r="BK11" s="257">
        <v>2</v>
      </c>
      <c r="BL11" s="257">
        <v>3</v>
      </c>
      <c r="BM11" s="257">
        <v>5</v>
      </c>
      <c r="BN11" s="257">
        <v>1</v>
      </c>
      <c r="BO11" s="258">
        <v>15</v>
      </c>
      <c r="BP11" s="259">
        <v>15</v>
      </c>
      <c r="BQ11" s="253">
        <v>0</v>
      </c>
      <c r="BR11" s="257">
        <v>0</v>
      </c>
      <c r="BS11" s="254">
        <v>0</v>
      </c>
      <c r="BT11" s="256">
        <v>0</v>
      </c>
      <c r="BU11" s="257">
        <v>1</v>
      </c>
      <c r="BV11" s="257">
        <v>0</v>
      </c>
      <c r="BW11" s="257">
        <v>3</v>
      </c>
      <c r="BX11" s="257">
        <v>0</v>
      </c>
      <c r="BY11" s="257">
        <v>1</v>
      </c>
      <c r="BZ11" s="254">
        <v>5</v>
      </c>
      <c r="CA11" s="259">
        <v>5</v>
      </c>
      <c r="CB11" s="253">
        <v>0</v>
      </c>
      <c r="CC11" s="257">
        <v>0</v>
      </c>
      <c r="CD11" s="254">
        <v>0</v>
      </c>
      <c r="CE11" s="256">
        <v>0</v>
      </c>
      <c r="CF11" s="257">
        <v>0</v>
      </c>
      <c r="CG11" s="257">
        <v>0</v>
      </c>
      <c r="CH11" s="257">
        <v>1</v>
      </c>
      <c r="CI11" s="257">
        <v>1</v>
      </c>
      <c r="CJ11" s="257">
        <v>0</v>
      </c>
      <c r="CK11" s="254">
        <v>2</v>
      </c>
      <c r="CL11" s="259">
        <v>2</v>
      </c>
      <c r="CM11" s="253">
        <v>0</v>
      </c>
      <c r="CN11" s="257">
        <v>0</v>
      </c>
      <c r="CO11" s="254">
        <v>0</v>
      </c>
      <c r="CP11" s="256">
        <v>0</v>
      </c>
      <c r="CQ11" s="257">
        <v>2</v>
      </c>
      <c r="CR11" s="257">
        <v>1</v>
      </c>
      <c r="CS11" s="257">
        <v>1</v>
      </c>
      <c r="CT11" s="257">
        <v>1</v>
      </c>
      <c r="CU11" s="257">
        <v>1</v>
      </c>
      <c r="CV11" s="254">
        <v>6</v>
      </c>
      <c r="CW11" s="259">
        <v>6</v>
      </c>
    </row>
    <row r="12" spans="1:101" ht="21" customHeight="1" x14ac:dyDescent="0.2">
      <c r="B12" s="437" t="s">
        <v>9</v>
      </c>
      <c r="C12" s="253">
        <v>0</v>
      </c>
      <c r="D12" s="254">
        <v>0</v>
      </c>
      <c r="E12" s="255">
        <v>0</v>
      </c>
      <c r="F12" s="256">
        <v>0</v>
      </c>
      <c r="G12" s="257">
        <v>0</v>
      </c>
      <c r="H12" s="257">
        <v>0</v>
      </c>
      <c r="I12" s="257">
        <v>0</v>
      </c>
      <c r="J12" s="257">
        <v>0</v>
      </c>
      <c r="K12" s="257">
        <v>0</v>
      </c>
      <c r="L12" s="258">
        <v>0</v>
      </c>
      <c r="M12" s="259">
        <v>0</v>
      </c>
      <c r="N12" s="253">
        <v>0</v>
      </c>
      <c r="O12" s="257">
        <v>0</v>
      </c>
      <c r="P12" s="254">
        <v>0</v>
      </c>
      <c r="Q12" s="256">
        <v>0</v>
      </c>
      <c r="R12" s="257">
        <v>0</v>
      </c>
      <c r="S12" s="257">
        <v>0</v>
      </c>
      <c r="T12" s="257">
        <v>0</v>
      </c>
      <c r="U12" s="257">
        <v>0</v>
      </c>
      <c r="V12" s="257">
        <v>0</v>
      </c>
      <c r="W12" s="254">
        <v>0</v>
      </c>
      <c r="X12" s="259">
        <v>0</v>
      </c>
      <c r="Y12" s="253">
        <v>0</v>
      </c>
      <c r="Z12" s="257">
        <v>0</v>
      </c>
      <c r="AA12" s="254">
        <v>0</v>
      </c>
      <c r="AB12" s="256">
        <v>0</v>
      </c>
      <c r="AC12" s="257">
        <v>44</v>
      </c>
      <c r="AD12" s="257">
        <v>22</v>
      </c>
      <c r="AE12" s="257">
        <v>12</v>
      </c>
      <c r="AF12" s="257">
        <v>6</v>
      </c>
      <c r="AG12" s="257">
        <v>3</v>
      </c>
      <c r="AH12" s="254">
        <v>87</v>
      </c>
      <c r="AI12" s="259">
        <v>87</v>
      </c>
      <c r="AJ12" s="253">
        <v>0</v>
      </c>
      <c r="AK12" s="257">
        <v>0</v>
      </c>
      <c r="AL12" s="254">
        <v>0</v>
      </c>
      <c r="AM12" s="256">
        <v>0</v>
      </c>
      <c r="AN12" s="257">
        <v>0</v>
      </c>
      <c r="AO12" s="257">
        <v>0</v>
      </c>
      <c r="AP12" s="257">
        <v>1</v>
      </c>
      <c r="AQ12" s="257">
        <v>0</v>
      </c>
      <c r="AR12" s="257">
        <v>1</v>
      </c>
      <c r="AS12" s="254">
        <v>2</v>
      </c>
      <c r="AT12" s="259">
        <v>2</v>
      </c>
      <c r="AU12" s="253">
        <v>1</v>
      </c>
      <c r="AV12" s="257">
        <v>0</v>
      </c>
      <c r="AW12" s="254">
        <v>1</v>
      </c>
      <c r="AX12" s="256">
        <v>0</v>
      </c>
      <c r="AY12" s="257">
        <v>1</v>
      </c>
      <c r="AZ12" s="257">
        <v>2</v>
      </c>
      <c r="BA12" s="257">
        <v>2</v>
      </c>
      <c r="BB12" s="257">
        <v>0</v>
      </c>
      <c r="BC12" s="257">
        <v>0</v>
      </c>
      <c r="BD12" s="254">
        <v>5</v>
      </c>
      <c r="BE12" s="259">
        <v>6</v>
      </c>
      <c r="BF12" s="253">
        <v>0</v>
      </c>
      <c r="BG12" s="257">
        <v>0</v>
      </c>
      <c r="BH12" s="254">
        <v>0</v>
      </c>
      <c r="BI12" s="256">
        <v>0</v>
      </c>
      <c r="BJ12" s="257">
        <v>3</v>
      </c>
      <c r="BK12" s="257">
        <v>5</v>
      </c>
      <c r="BL12" s="257">
        <v>8</v>
      </c>
      <c r="BM12" s="257">
        <v>3</v>
      </c>
      <c r="BN12" s="257">
        <v>0</v>
      </c>
      <c r="BO12" s="258">
        <v>19</v>
      </c>
      <c r="BP12" s="259">
        <v>19</v>
      </c>
      <c r="BQ12" s="253">
        <v>0</v>
      </c>
      <c r="BR12" s="257">
        <v>0</v>
      </c>
      <c r="BS12" s="254">
        <v>0</v>
      </c>
      <c r="BT12" s="256">
        <v>0</v>
      </c>
      <c r="BU12" s="257">
        <v>0</v>
      </c>
      <c r="BV12" s="257">
        <v>0</v>
      </c>
      <c r="BW12" s="257">
        <v>0</v>
      </c>
      <c r="BX12" s="257">
        <v>0</v>
      </c>
      <c r="BY12" s="257">
        <v>0</v>
      </c>
      <c r="BZ12" s="254">
        <v>0</v>
      </c>
      <c r="CA12" s="259">
        <v>0</v>
      </c>
      <c r="CB12" s="253">
        <v>0</v>
      </c>
      <c r="CC12" s="257">
        <v>0</v>
      </c>
      <c r="CD12" s="254">
        <v>0</v>
      </c>
      <c r="CE12" s="256">
        <v>0</v>
      </c>
      <c r="CF12" s="257">
        <v>0</v>
      </c>
      <c r="CG12" s="257">
        <v>0</v>
      </c>
      <c r="CH12" s="257">
        <v>0</v>
      </c>
      <c r="CI12" s="257">
        <v>0</v>
      </c>
      <c r="CJ12" s="257">
        <v>0</v>
      </c>
      <c r="CK12" s="254">
        <v>0</v>
      </c>
      <c r="CL12" s="259">
        <v>0</v>
      </c>
      <c r="CM12" s="253">
        <v>0</v>
      </c>
      <c r="CN12" s="257">
        <v>0</v>
      </c>
      <c r="CO12" s="254">
        <v>0</v>
      </c>
      <c r="CP12" s="256">
        <v>0</v>
      </c>
      <c r="CQ12" s="257">
        <v>0</v>
      </c>
      <c r="CR12" s="257">
        <v>1</v>
      </c>
      <c r="CS12" s="257">
        <v>1</v>
      </c>
      <c r="CT12" s="257">
        <v>0</v>
      </c>
      <c r="CU12" s="257">
        <v>0</v>
      </c>
      <c r="CV12" s="254">
        <v>2</v>
      </c>
      <c r="CW12" s="259">
        <v>2</v>
      </c>
    </row>
    <row r="13" spans="1:101" ht="21" customHeight="1" x14ac:dyDescent="0.2">
      <c r="B13" s="437" t="s">
        <v>10</v>
      </c>
      <c r="C13" s="253">
        <v>0</v>
      </c>
      <c r="D13" s="254">
        <v>0</v>
      </c>
      <c r="E13" s="255">
        <v>0</v>
      </c>
      <c r="F13" s="256">
        <v>0</v>
      </c>
      <c r="G13" s="257">
        <v>1</v>
      </c>
      <c r="H13" s="257">
        <v>2</v>
      </c>
      <c r="I13" s="257">
        <v>1</v>
      </c>
      <c r="J13" s="257">
        <v>0</v>
      </c>
      <c r="K13" s="257">
        <v>1</v>
      </c>
      <c r="L13" s="258">
        <v>5</v>
      </c>
      <c r="M13" s="259">
        <v>5</v>
      </c>
      <c r="N13" s="253">
        <v>0</v>
      </c>
      <c r="O13" s="257">
        <v>0</v>
      </c>
      <c r="P13" s="254">
        <v>0</v>
      </c>
      <c r="Q13" s="256">
        <v>0</v>
      </c>
      <c r="R13" s="257">
        <v>0</v>
      </c>
      <c r="S13" s="257">
        <v>1</v>
      </c>
      <c r="T13" s="257">
        <v>0</v>
      </c>
      <c r="U13" s="257">
        <v>0</v>
      </c>
      <c r="V13" s="257">
        <v>1</v>
      </c>
      <c r="W13" s="254">
        <v>2</v>
      </c>
      <c r="X13" s="259">
        <v>2</v>
      </c>
      <c r="Y13" s="253">
        <v>0</v>
      </c>
      <c r="Z13" s="257">
        <v>0</v>
      </c>
      <c r="AA13" s="254">
        <v>0</v>
      </c>
      <c r="AB13" s="256">
        <v>0</v>
      </c>
      <c r="AC13" s="257">
        <v>38</v>
      </c>
      <c r="AD13" s="257">
        <v>17</v>
      </c>
      <c r="AE13" s="257">
        <v>9</v>
      </c>
      <c r="AF13" s="257">
        <v>2</v>
      </c>
      <c r="AG13" s="257">
        <v>3</v>
      </c>
      <c r="AH13" s="254">
        <v>69</v>
      </c>
      <c r="AI13" s="259">
        <v>69</v>
      </c>
      <c r="AJ13" s="253">
        <v>0</v>
      </c>
      <c r="AK13" s="257">
        <v>0</v>
      </c>
      <c r="AL13" s="254">
        <v>0</v>
      </c>
      <c r="AM13" s="256">
        <v>0</v>
      </c>
      <c r="AN13" s="257">
        <v>3</v>
      </c>
      <c r="AO13" s="257">
        <v>0</v>
      </c>
      <c r="AP13" s="257">
        <v>3</v>
      </c>
      <c r="AQ13" s="257">
        <v>0</v>
      </c>
      <c r="AR13" s="257">
        <v>1</v>
      </c>
      <c r="AS13" s="254">
        <v>7</v>
      </c>
      <c r="AT13" s="259">
        <v>7</v>
      </c>
      <c r="AU13" s="253">
        <v>0</v>
      </c>
      <c r="AV13" s="257">
        <v>0</v>
      </c>
      <c r="AW13" s="254">
        <v>0</v>
      </c>
      <c r="AX13" s="256">
        <v>0</v>
      </c>
      <c r="AY13" s="257">
        <v>6</v>
      </c>
      <c r="AZ13" s="257">
        <v>2</v>
      </c>
      <c r="BA13" s="257">
        <v>5</v>
      </c>
      <c r="BB13" s="257">
        <v>1</v>
      </c>
      <c r="BC13" s="257">
        <v>1</v>
      </c>
      <c r="BD13" s="254">
        <v>15</v>
      </c>
      <c r="BE13" s="259">
        <v>15</v>
      </c>
      <c r="BF13" s="253">
        <v>0</v>
      </c>
      <c r="BG13" s="257">
        <v>0</v>
      </c>
      <c r="BH13" s="254">
        <v>0</v>
      </c>
      <c r="BI13" s="256">
        <v>0</v>
      </c>
      <c r="BJ13" s="257">
        <v>3</v>
      </c>
      <c r="BK13" s="257">
        <v>12</v>
      </c>
      <c r="BL13" s="257">
        <v>12</v>
      </c>
      <c r="BM13" s="257">
        <v>3</v>
      </c>
      <c r="BN13" s="257">
        <v>5</v>
      </c>
      <c r="BO13" s="258">
        <v>35</v>
      </c>
      <c r="BP13" s="259">
        <v>35</v>
      </c>
      <c r="BQ13" s="253">
        <v>0</v>
      </c>
      <c r="BR13" s="257">
        <v>0</v>
      </c>
      <c r="BS13" s="254">
        <v>0</v>
      </c>
      <c r="BT13" s="256">
        <v>0</v>
      </c>
      <c r="BU13" s="257">
        <v>4</v>
      </c>
      <c r="BV13" s="257">
        <v>1</v>
      </c>
      <c r="BW13" s="257">
        <v>1</v>
      </c>
      <c r="BX13" s="257">
        <v>1</v>
      </c>
      <c r="BY13" s="257">
        <v>0</v>
      </c>
      <c r="BZ13" s="254">
        <v>7</v>
      </c>
      <c r="CA13" s="259">
        <v>7</v>
      </c>
      <c r="CB13" s="253">
        <v>0</v>
      </c>
      <c r="CC13" s="257">
        <v>0</v>
      </c>
      <c r="CD13" s="254">
        <v>0</v>
      </c>
      <c r="CE13" s="256">
        <v>0</v>
      </c>
      <c r="CF13" s="257">
        <v>0</v>
      </c>
      <c r="CG13" s="257">
        <v>1</v>
      </c>
      <c r="CH13" s="257">
        <v>2</v>
      </c>
      <c r="CI13" s="257">
        <v>2</v>
      </c>
      <c r="CJ13" s="257">
        <v>4</v>
      </c>
      <c r="CK13" s="254">
        <v>9</v>
      </c>
      <c r="CL13" s="259">
        <v>9</v>
      </c>
      <c r="CM13" s="253">
        <v>0</v>
      </c>
      <c r="CN13" s="257">
        <v>0</v>
      </c>
      <c r="CO13" s="254">
        <v>0</v>
      </c>
      <c r="CP13" s="256">
        <v>0</v>
      </c>
      <c r="CQ13" s="257">
        <v>0</v>
      </c>
      <c r="CR13" s="257">
        <v>1</v>
      </c>
      <c r="CS13" s="257">
        <v>1</v>
      </c>
      <c r="CT13" s="257">
        <v>7</v>
      </c>
      <c r="CU13" s="257">
        <v>0</v>
      </c>
      <c r="CV13" s="254">
        <v>9</v>
      </c>
      <c r="CW13" s="259">
        <v>9</v>
      </c>
    </row>
    <row r="14" spans="1:101" ht="21" customHeight="1" x14ac:dyDescent="0.2">
      <c r="B14" s="437" t="s">
        <v>11</v>
      </c>
      <c r="C14" s="253">
        <v>0</v>
      </c>
      <c r="D14" s="254">
        <v>0</v>
      </c>
      <c r="E14" s="255">
        <v>0</v>
      </c>
      <c r="F14" s="256">
        <v>0</v>
      </c>
      <c r="G14" s="257">
        <v>1</v>
      </c>
      <c r="H14" s="257">
        <v>0</v>
      </c>
      <c r="I14" s="257">
        <v>1</v>
      </c>
      <c r="J14" s="257">
        <v>0</v>
      </c>
      <c r="K14" s="257">
        <v>0</v>
      </c>
      <c r="L14" s="258">
        <v>2</v>
      </c>
      <c r="M14" s="259">
        <v>2</v>
      </c>
      <c r="N14" s="253">
        <v>0</v>
      </c>
      <c r="O14" s="257">
        <v>0</v>
      </c>
      <c r="P14" s="254">
        <v>0</v>
      </c>
      <c r="Q14" s="256">
        <v>0</v>
      </c>
      <c r="R14" s="257">
        <v>0</v>
      </c>
      <c r="S14" s="257">
        <v>1</v>
      </c>
      <c r="T14" s="257">
        <v>0</v>
      </c>
      <c r="U14" s="257">
        <v>1</v>
      </c>
      <c r="V14" s="257">
        <v>0</v>
      </c>
      <c r="W14" s="254">
        <v>2</v>
      </c>
      <c r="X14" s="259">
        <v>2</v>
      </c>
      <c r="Y14" s="253">
        <v>0</v>
      </c>
      <c r="Z14" s="257">
        <v>0</v>
      </c>
      <c r="AA14" s="254">
        <v>0</v>
      </c>
      <c r="AB14" s="256">
        <v>0</v>
      </c>
      <c r="AC14" s="257">
        <v>11</v>
      </c>
      <c r="AD14" s="257">
        <v>7</v>
      </c>
      <c r="AE14" s="257">
        <v>4</v>
      </c>
      <c r="AF14" s="257">
        <v>3</v>
      </c>
      <c r="AG14" s="257">
        <v>2</v>
      </c>
      <c r="AH14" s="254">
        <v>27</v>
      </c>
      <c r="AI14" s="259">
        <v>27</v>
      </c>
      <c r="AJ14" s="253">
        <v>0</v>
      </c>
      <c r="AK14" s="257">
        <v>0</v>
      </c>
      <c r="AL14" s="254">
        <v>0</v>
      </c>
      <c r="AM14" s="256">
        <v>0</v>
      </c>
      <c r="AN14" s="257">
        <v>1</v>
      </c>
      <c r="AO14" s="257">
        <v>2</v>
      </c>
      <c r="AP14" s="257">
        <v>1</v>
      </c>
      <c r="AQ14" s="257">
        <v>0</v>
      </c>
      <c r="AR14" s="257">
        <v>0</v>
      </c>
      <c r="AS14" s="254">
        <v>4</v>
      </c>
      <c r="AT14" s="259">
        <v>4</v>
      </c>
      <c r="AU14" s="253">
        <v>0</v>
      </c>
      <c r="AV14" s="257">
        <v>0</v>
      </c>
      <c r="AW14" s="254">
        <v>0</v>
      </c>
      <c r="AX14" s="256">
        <v>0</v>
      </c>
      <c r="AY14" s="257">
        <v>2</v>
      </c>
      <c r="AZ14" s="257">
        <v>2</v>
      </c>
      <c r="BA14" s="257">
        <v>3</v>
      </c>
      <c r="BB14" s="257">
        <v>0</v>
      </c>
      <c r="BC14" s="257">
        <v>0</v>
      </c>
      <c r="BD14" s="254">
        <v>7</v>
      </c>
      <c r="BE14" s="259">
        <v>7</v>
      </c>
      <c r="BF14" s="253">
        <v>0</v>
      </c>
      <c r="BG14" s="257">
        <v>0</v>
      </c>
      <c r="BH14" s="254">
        <v>0</v>
      </c>
      <c r="BI14" s="256">
        <v>0</v>
      </c>
      <c r="BJ14" s="257">
        <v>2</v>
      </c>
      <c r="BK14" s="257">
        <v>3</v>
      </c>
      <c r="BL14" s="257">
        <v>2</v>
      </c>
      <c r="BM14" s="257">
        <v>3</v>
      </c>
      <c r="BN14" s="257">
        <v>0</v>
      </c>
      <c r="BO14" s="258">
        <v>10</v>
      </c>
      <c r="BP14" s="259">
        <v>10</v>
      </c>
      <c r="BQ14" s="253">
        <v>0</v>
      </c>
      <c r="BR14" s="257">
        <v>0</v>
      </c>
      <c r="BS14" s="254">
        <v>0</v>
      </c>
      <c r="BT14" s="256">
        <v>0</v>
      </c>
      <c r="BU14" s="257">
        <v>0</v>
      </c>
      <c r="BV14" s="257">
        <v>0</v>
      </c>
      <c r="BW14" s="257">
        <v>0</v>
      </c>
      <c r="BX14" s="257">
        <v>0</v>
      </c>
      <c r="BY14" s="257">
        <v>0</v>
      </c>
      <c r="BZ14" s="254">
        <v>0</v>
      </c>
      <c r="CA14" s="259">
        <v>0</v>
      </c>
      <c r="CB14" s="253">
        <v>0</v>
      </c>
      <c r="CC14" s="257">
        <v>0</v>
      </c>
      <c r="CD14" s="254">
        <v>0</v>
      </c>
      <c r="CE14" s="256">
        <v>0</v>
      </c>
      <c r="CF14" s="257">
        <v>0</v>
      </c>
      <c r="CG14" s="257">
        <v>0</v>
      </c>
      <c r="CH14" s="257">
        <v>0</v>
      </c>
      <c r="CI14" s="257">
        <v>0</v>
      </c>
      <c r="CJ14" s="257">
        <v>0</v>
      </c>
      <c r="CK14" s="254">
        <v>0</v>
      </c>
      <c r="CL14" s="259">
        <v>0</v>
      </c>
      <c r="CM14" s="253">
        <v>0</v>
      </c>
      <c r="CN14" s="257">
        <v>0</v>
      </c>
      <c r="CO14" s="254">
        <v>0</v>
      </c>
      <c r="CP14" s="256">
        <v>0</v>
      </c>
      <c r="CQ14" s="257">
        <v>2</v>
      </c>
      <c r="CR14" s="257">
        <v>1</v>
      </c>
      <c r="CS14" s="257">
        <v>0</v>
      </c>
      <c r="CT14" s="257">
        <v>1</v>
      </c>
      <c r="CU14" s="257">
        <v>0</v>
      </c>
      <c r="CV14" s="254">
        <v>4</v>
      </c>
      <c r="CW14" s="259">
        <v>4</v>
      </c>
    </row>
    <row r="15" spans="1:101" ht="21" customHeight="1" x14ac:dyDescent="0.2">
      <c r="B15" s="437" t="s">
        <v>12</v>
      </c>
      <c r="C15" s="253">
        <v>0</v>
      </c>
      <c r="D15" s="254">
        <v>0</v>
      </c>
      <c r="E15" s="255">
        <v>0</v>
      </c>
      <c r="F15" s="256">
        <v>0</v>
      </c>
      <c r="G15" s="257">
        <v>1</v>
      </c>
      <c r="H15" s="257">
        <v>0</v>
      </c>
      <c r="I15" s="257">
        <v>0</v>
      </c>
      <c r="J15" s="257">
        <v>0</v>
      </c>
      <c r="K15" s="257">
        <v>0</v>
      </c>
      <c r="L15" s="258">
        <v>1</v>
      </c>
      <c r="M15" s="259">
        <v>1</v>
      </c>
      <c r="N15" s="253">
        <v>0</v>
      </c>
      <c r="O15" s="257">
        <v>0</v>
      </c>
      <c r="P15" s="254">
        <v>0</v>
      </c>
      <c r="Q15" s="256">
        <v>0</v>
      </c>
      <c r="R15" s="257">
        <v>0</v>
      </c>
      <c r="S15" s="257">
        <v>0</v>
      </c>
      <c r="T15" s="257">
        <v>0</v>
      </c>
      <c r="U15" s="257">
        <v>0</v>
      </c>
      <c r="V15" s="257">
        <v>0</v>
      </c>
      <c r="W15" s="254">
        <v>0</v>
      </c>
      <c r="X15" s="259">
        <v>0</v>
      </c>
      <c r="Y15" s="253">
        <v>0</v>
      </c>
      <c r="Z15" s="257">
        <v>0</v>
      </c>
      <c r="AA15" s="254">
        <v>0</v>
      </c>
      <c r="AB15" s="256">
        <v>0</v>
      </c>
      <c r="AC15" s="257">
        <v>21</v>
      </c>
      <c r="AD15" s="257">
        <v>20</v>
      </c>
      <c r="AE15" s="257">
        <v>8</v>
      </c>
      <c r="AF15" s="257">
        <v>6</v>
      </c>
      <c r="AG15" s="257">
        <v>1</v>
      </c>
      <c r="AH15" s="254">
        <v>56</v>
      </c>
      <c r="AI15" s="259">
        <v>56</v>
      </c>
      <c r="AJ15" s="253">
        <v>0</v>
      </c>
      <c r="AK15" s="257">
        <v>0</v>
      </c>
      <c r="AL15" s="254">
        <v>0</v>
      </c>
      <c r="AM15" s="256">
        <v>0</v>
      </c>
      <c r="AN15" s="257">
        <v>0</v>
      </c>
      <c r="AO15" s="257">
        <v>0</v>
      </c>
      <c r="AP15" s="257">
        <v>0</v>
      </c>
      <c r="AQ15" s="257">
        <v>0</v>
      </c>
      <c r="AR15" s="257">
        <v>0</v>
      </c>
      <c r="AS15" s="254">
        <v>0</v>
      </c>
      <c r="AT15" s="259">
        <v>0</v>
      </c>
      <c r="AU15" s="253">
        <v>0</v>
      </c>
      <c r="AV15" s="257">
        <v>0</v>
      </c>
      <c r="AW15" s="254">
        <v>0</v>
      </c>
      <c r="AX15" s="256">
        <v>0</v>
      </c>
      <c r="AY15" s="257">
        <v>3</v>
      </c>
      <c r="AZ15" s="257">
        <v>3</v>
      </c>
      <c r="BA15" s="257">
        <v>2</v>
      </c>
      <c r="BB15" s="257">
        <v>3</v>
      </c>
      <c r="BC15" s="257">
        <v>3</v>
      </c>
      <c r="BD15" s="254">
        <v>14</v>
      </c>
      <c r="BE15" s="259">
        <v>14</v>
      </c>
      <c r="BF15" s="253">
        <v>0</v>
      </c>
      <c r="BG15" s="257">
        <v>0</v>
      </c>
      <c r="BH15" s="254">
        <v>0</v>
      </c>
      <c r="BI15" s="256">
        <v>0</v>
      </c>
      <c r="BJ15" s="257">
        <v>2</v>
      </c>
      <c r="BK15" s="257">
        <v>1</v>
      </c>
      <c r="BL15" s="257">
        <v>1</v>
      </c>
      <c r="BM15" s="257">
        <v>3</v>
      </c>
      <c r="BN15" s="257">
        <v>2</v>
      </c>
      <c r="BO15" s="258">
        <v>9</v>
      </c>
      <c r="BP15" s="259">
        <v>9</v>
      </c>
      <c r="BQ15" s="253">
        <v>0</v>
      </c>
      <c r="BR15" s="257">
        <v>0</v>
      </c>
      <c r="BS15" s="254">
        <v>0</v>
      </c>
      <c r="BT15" s="256">
        <v>0</v>
      </c>
      <c r="BU15" s="257">
        <v>0</v>
      </c>
      <c r="BV15" s="257">
        <v>3</v>
      </c>
      <c r="BW15" s="257">
        <v>1</v>
      </c>
      <c r="BX15" s="257">
        <v>2</v>
      </c>
      <c r="BY15" s="257">
        <v>0</v>
      </c>
      <c r="BZ15" s="254">
        <v>6</v>
      </c>
      <c r="CA15" s="259">
        <v>6</v>
      </c>
      <c r="CB15" s="253">
        <v>0</v>
      </c>
      <c r="CC15" s="257">
        <v>0</v>
      </c>
      <c r="CD15" s="254">
        <v>0</v>
      </c>
      <c r="CE15" s="256">
        <v>0</v>
      </c>
      <c r="CF15" s="257">
        <v>0</v>
      </c>
      <c r="CG15" s="257">
        <v>0</v>
      </c>
      <c r="CH15" s="257">
        <v>1</v>
      </c>
      <c r="CI15" s="257">
        <v>0</v>
      </c>
      <c r="CJ15" s="257">
        <v>2</v>
      </c>
      <c r="CK15" s="254">
        <v>3</v>
      </c>
      <c r="CL15" s="259">
        <v>3</v>
      </c>
      <c r="CM15" s="253">
        <v>0</v>
      </c>
      <c r="CN15" s="257">
        <v>0</v>
      </c>
      <c r="CO15" s="254">
        <v>0</v>
      </c>
      <c r="CP15" s="256">
        <v>0</v>
      </c>
      <c r="CQ15" s="257">
        <v>0</v>
      </c>
      <c r="CR15" s="257">
        <v>1</v>
      </c>
      <c r="CS15" s="257">
        <v>0</v>
      </c>
      <c r="CT15" s="257">
        <v>2</v>
      </c>
      <c r="CU15" s="257">
        <v>0</v>
      </c>
      <c r="CV15" s="254">
        <v>3</v>
      </c>
      <c r="CW15" s="259">
        <v>3</v>
      </c>
    </row>
    <row r="16" spans="1:101" ht="21" customHeight="1" x14ac:dyDescent="0.2">
      <c r="B16" s="437" t="s">
        <v>13</v>
      </c>
      <c r="C16" s="253">
        <v>0</v>
      </c>
      <c r="D16" s="254">
        <v>0</v>
      </c>
      <c r="E16" s="255">
        <v>0</v>
      </c>
      <c r="F16" s="256">
        <v>0</v>
      </c>
      <c r="G16" s="257">
        <v>0</v>
      </c>
      <c r="H16" s="257">
        <v>0</v>
      </c>
      <c r="I16" s="257">
        <v>0</v>
      </c>
      <c r="J16" s="257">
        <v>0</v>
      </c>
      <c r="K16" s="257">
        <v>0</v>
      </c>
      <c r="L16" s="258">
        <v>0</v>
      </c>
      <c r="M16" s="259">
        <v>0</v>
      </c>
      <c r="N16" s="253">
        <v>0</v>
      </c>
      <c r="O16" s="257">
        <v>0</v>
      </c>
      <c r="P16" s="254">
        <v>0</v>
      </c>
      <c r="Q16" s="256">
        <v>0</v>
      </c>
      <c r="R16" s="257">
        <v>0</v>
      </c>
      <c r="S16" s="257">
        <v>0</v>
      </c>
      <c r="T16" s="257">
        <v>0</v>
      </c>
      <c r="U16" s="257">
        <v>0</v>
      </c>
      <c r="V16" s="257">
        <v>0</v>
      </c>
      <c r="W16" s="254">
        <v>0</v>
      </c>
      <c r="X16" s="259">
        <v>0</v>
      </c>
      <c r="Y16" s="253">
        <v>0</v>
      </c>
      <c r="Z16" s="257">
        <v>0</v>
      </c>
      <c r="AA16" s="254">
        <v>0</v>
      </c>
      <c r="AB16" s="256">
        <v>0</v>
      </c>
      <c r="AC16" s="257">
        <v>18</v>
      </c>
      <c r="AD16" s="257">
        <v>14</v>
      </c>
      <c r="AE16" s="257">
        <v>6</v>
      </c>
      <c r="AF16" s="257">
        <v>5</v>
      </c>
      <c r="AG16" s="257">
        <v>0</v>
      </c>
      <c r="AH16" s="254">
        <v>43</v>
      </c>
      <c r="AI16" s="259">
        <v>43</v>
      </c>
      <c r="AJ16" s="253">
        <v>0</v>
      </c>
      <c r="AK16" s="257">
        <v>0</v>
      </c>
      <c r="AL16" s="254">
        <v>0</v>
      </c>
      <c r="AM16" s="256">
        <v>0</v>
      </c>
      <c r="AN16" s="257">
        <v>0</v>
      </c>
      <c r="AO16" s="257">
        <v>2</v>
      </c>
      <c r="AP16" s="257">
        <v>2</v>
      </c>
      <c r="AQ16" s="257">
        <v>1</v>
      </c>
      <c r="AR16" s="257">
        <v>1</v>
      </c>
      <c r="AS16" s="254">
        <v>6</v>
      </c>
      <c r="AT16" s="259">
        <v>6</v>
      </c>
      <c r="AU16" s="253">
        <v>0</v>
      </c>
      <c r="AV16" s="257">
        <v>1</v>
      </c>
      <c r="AW16" s="254">
        <v>1</v>
      </c>
      <c r="AX16" s="256">
        <v>0</v>
      </c>
      <c r="AY16" s="257">
        <v>1</v>
      </c>
      <c r="AZ16" s="257">
        <v>1</v>
      </c>
      <c r="BA16" s="257">
        <v>2</v>
      </c>
      <c r="BB16" s="257">
        <v>0</v>
      </c>
      <c r="BC16" s="257">
        <v>0</v>
      </c>
      <c r="BD16" s="254">
        <v>4</v>
      </c>
      <c r="BE16" s="259">
        <v>5</v>
      </c>
      <c r="BF16" s="253">
        <v>0</v>
      </c>
      <c r="BG16" s="257">
        <v>0</v>
      </c>
      <c r="BH16" s="254">
        <v>0</v>
      </c>
      <c r="BI16" s="256">
        <v>0</v>
      </c>
      <c r="BJ16" s="257">
        <v>1</v>
      </c>
      <c r="BK16" s="257">
        <v>1</v>
      </c>
      <c r="BL16" s="257">
        <v>0</v>
      </c>
      <c r="BM16" s="257">
        <v>0</v>
      </c>
      <c r="BN16" s="257">
        <v>0</v>
      </c>
      <c r="BO16" s="258">
        <v>2</v>
      </c>
      <c r="BP16" s="259">
        <v>2</v>
      </c>
      <c r="BQ16" s="253">
        <v>0</v>
      </c>
      <c r="BR16" s="257">
        <v>0</v>
      </c>
      <c r="BS16" s="254">
        <v>0</v>
      </c>
      <c r="BT16" s="256">
        <v>0</v>
      </c>
      <c r="BU16" s="257">
        <v>0</v>
      </c>
      <c r="BV16" s="257">
        <v>0</v>
      </c>
      <c r="BW16" s="257">
        <v>0</v>
      </c>
      <c r="BX16" s="257">
        <v>0</v>
      </c>
      <c r="BY16" s="257">
        <v>0</v>
      </c>
      <c r="BZ16" s="254">
        <v>0</v>
      </c>
      <c r="CA16" s="259">
        <v>0</v>
      </c>
      <c r="CB16" s="253">
        <v>0</v>
      </c>
      <c r="CC16" s="257">
        <v>0</v>
      </c>
      <c r="CD16" s="254">
        <v>0</v>
      </c>
      <c r="CE16" s="256">
        <v>0</v>
      </c>
      <c r="CF16" s="257">
        <v>0</v>
      </c>
      <c r="CG16" s="257">
        <v>0</v>
      </c>
      <c r="CH16" s="257">
        <v>0</v>
      </c>
      <c r="CI16" s="257">
        <v>0</v>
      </c>
      <c r="CJ16" s="257">
        <v>0</v>
      </c>
      <c r="CK16" s="254">
        <v>0</v>
      </c>
      <c r="CL16" s="259">
        <v>0</v>
      </c>
      <c r="CM16" s="253">
        <v>0</v>
      </c>
      <c r="CN16" s="257">
        <v>0</v>
      </c>
      <c r="CO16" s="254">
        <v>0</v>
      </c>
      <c r="CP16" s="256">
        <v>0</v>
      </c>
      <c r="CQ16" s="257">
        <v>0</v>
      </c>
      <c r="CR16" s="257">
        <v>0</v>
      </c>
      <c r="CS16" s="257">
        <v>0</v>
      </c>
      <c r="CT16" s="257">
        <v>0</v>
      </c>
      <c r="CU16" s="257">
        <v>0</v>
      </c>
      <c r="CV16" s="254">
        <v>0</v>
      </c>
      <c r="CW16" s="259">
        <v>0</v>
      </c>
    </row>
    <row r="17" spans="2:101" ht="21" customHeight="1" x14ac:dyDescent="0.2">
      <c r="B17" s="437" t="s">
        <v>15</v>
      </c>
      <c r="C17" s="253">
        <v>0</v>
      </c>
      <c r="D17" s="254">
        <v>0</v>
      </c>
      <c r="E17" s="255">
        <v>0</v>
      </c>
      <c r="F17" s="256">
        <v>0</v>
      </c>
      <c r="G17" s="257">
        <v>2</v>
      </c>
      <c r="H17" s="257">
        <v>0</v>
      </c>
      <c r="I17" s="257">
        <v>0</v>
      </c>
      <c r="J17" s="257">
        <v>1</v>
      </c>
      <c r="K17" s="257">
        <v>0</v>
      </c>
      <c r="L17" s="258">
        <v>3</v>
      </c>
      <c r="M17" s="259">
        <v>3</v>
      </c>
      <c r="N17" s="253">
        <v>0</v>
      </c>
      <c r="O17" s="257">
        <v>0</v>
      </c>
      <c r="P17" s="254">
        <v>0</v>
      </c>
      <c r="Q17" s="256">
        <v>0</v>
      </c>
      <c r="R17" s="257">
        <v>0</v>
      </c>
      <c r="S17" s="257">
        <v>0</v>
      </c>
      <c r="T17" s="257">
        <v>0</v>
      </c>
      <c r="U17" s="257">
        <v>0</v>
      </c>
      <c r="V17" s="257">
        <v>0</v>
      </c>
      <c r="W17" s="254">
        <v>0</v>
      </c>
      <c r="X17" s="259">
        <v>0</v>
      </c>
      <c r="Y17" s="253">
        <v>0</v>
      </c>
      <c r="Z17" s="257">
        <v>0</v>
      </c>
      <c r="AA17" s="254">
        <v>0</v>
      </c>
      <c r="AB17" s="256">
        <v>0</v>
      </c>
      <c r="AC17" s="257">
        <v>9</v>
      </c>
      <c r="AD17" s="257">
        <v>8</v>
      </c>
      <c r="AE17" s="257">
        <v>4</v>
      </c>
      <c r="AF17" s="257">
        <v>2</v>
      </c>
      <c r="AG17" s="257">
        <v>0</v>
      </c>
      <c r="AH17" s="254">
        <v>23</v>
      </c>
      <c r="AI17" s="259">
        <v>23</v>
      </c>
      <c r="AJ17" s="253">
        <v>0</v>
      </c>
      <c r="AK17" s="257">
        <v>0</v>
      </c>
      <c r="AL17" s="254">
        <v>0</v>
      </c>
      <c r="AM17" s="256">
        <v>0</v>
      </c>
      <c r="AN17" s="257">
        <v>1</v>
      </c>
      <c r="AO17" s="257">
        <v>0</v>
      </c>
      <c r="AP17" s="257">
        <v>0</v>
      </c>
      <c r="AQ17" s="257">
        <v>1</v>
      </c>
      <c r="AR17" s="257">
        <v>0</v>
      </c>
      <c r="AS17" s="254">
        <v>2</v>
      </c>
      <c r="AT17" s="259">
        <v>2</v>
      </c>
      <c r="AU17" s="253">
        <v>0</v>
      </c>
      <c r="AV17" s="257">
        <v>0</v>
      </c>
      <c r="AW17" s="254">
        <v>0</v>
      </c>
      <c r="AX17" s="256">
        <v>0</v>
      </c>
      <c r="AY17" s="257">
        <v>1</v>
      </c>
      <c r="AZ17" s="257">
        <v>0</v>
      </c>
      <c r="BA17" s="257">
        <v>0</v>
      </c>
      <c r="BB17" s="257">
        <v>1</v>
      </c>
      <c r="BC17" s="257">
        <v>1</v>
      </c>
      <c r="BD17" s="254">
        <v>3</v>
      </c>
      <c r="BE17" s="259">
        <v>3</v>
      </c>
      <c r="BF17" s="253">
        <v>0</v>
      </c>
      <c r="BG17" s="257">
        <v>0</v>
      </c>
      <c r="BH17" s="254">
        <v>0</v>
      </c>
      <c r="BI17" s="256">
        <v>0</v>
      </c>
      <c r="BJ17" s="257">
        <v>1</v>
      </c>
      <c r="BK17" s="257">
        <v>3</v>
      </c>
      <c r="BL17" s="257">
        <v>0</v>
      </c>
      <c r="BM17" s="257">
        <v>0</v>
      </c>
      <c r="BN17" s="257">
        <v>0</v>
      </c>
      <c r="BO17" s="258">
        <v>4</v>
      </c>
      <c r="BP17" s="259">
        <v>4</v>
      </c>
      <c r="BQ17" s="253">
        <v>0</v>
      </c>
      <c r="BR17" s="257">
        <v>0</v>
      </c>
      <c r="BS17" s="254">
        <v>0</v>
      </c>
      <c r="BT17" s="256">
        <v>0</v>
      </c>
      <c r="BU17" s="257">
        <v>0</v>
      </c>
      <c r="BV17" s="257">
        <v>0</v>
      </c>
      <c r="BW17" s="257">
        <v>0</v>
      </c>
      <c r="BX17" s="257">
        <v>0</v>
      </c>
      <c r="BY17" s="257">
        <v>0</v>
      </c>
      <c r="BZ17" s="254">
        <v>0</v>
      </c>
      <c r="CA17" s="259">
        <v>0</v>
      </c>
      <c r="CB17" s="253">
        <v>0</v>
      </c>
      <c r="CC17" s="257">
        <v>0</v>
      </c>
      <c r="CD17" s="254">
        <v>0</v>
      </c>
      <c r="CE17" s="256">
        <v>0</v>
      </c>
      <c r="CF17" s="257">
        <v>0</v>
      </c>
      <c r="CG17" s="257">
        <v>0</v>
      </c>
      <c r="CH17" s="257">
        <v>0</v>
      </c>
      <c r="CI17" s="257">
        <v>0</v>
      </c>
      <c r="CJ17" s="257">
        <v>0</v>
      </c>
      <c r="CK17" s="254">
        <v>0</v>
      </c>
      <c r="CL17" s="259">
        <v>0</v>
      </c>
      <c r="CM17" s="253">
        <v>0</v>
      </c>
      <c r="CN17" s="257">
        <v>0</v>
      </c>
      <c r="CO17" s="254">
        <v>0</v>
      </c>
      <c r="CP17" s="256">
        <v>0</v>
      </c>
      <c r="CQ17" s="257">
        <v>0</v>
      </c>
      <c r="CR17" s="257">
        <v>1</v>
      </c>
      <c r="CS17" s="257">
        <v>1</v>
      </c>
      <c r="CT17" s="257">
        <v>0</v>
      </c>
      <c r="CU17" s="257">
        <v>0</v>
      </c>
      <c r="CV17" s="254">
        <v>2</v>
      </c>
      <c r="CW17" s="259">
        <v>2</v>
      </c>
    </row>
    <row r="18" spans="2:101" ht="21" customHeight="1" x14ac:dyDescent="0.2">
      <c r="B18" s="437" t="s">
        <v>16</v>
      </c>
      <c r="C18" s="253">
        <v>0</v>
      </c>
      <c r="D18" s="254">
        <v>0</v>
      </c>
      <c r="E18" s="255">
        <v>0</v>
      </c>
      <c r="F18" s="256">
        <v>0</v>
      </c>
      <c r="G18" s="257">
        <v>0</v>
      </c>
      <c r="H18" s="257">
        <v>0</v>
      </c>
      <c r="I18" s="257">
        <v>1</v>
      </c>
      <c r="J18" s="257">
        <v>1</v>
      </c>
      <c r="K18" s="257">
        <v>0</v>
      </c>
      <c r="L18" s="258">
        <v>2</v>
      </c>
      <c r="M18" s="259">
        <v>2</v>
      </c>
      <c r="N18" s="253">
        <v>0</v>
      </c>
      <c r="O18" s="257">
        <v>0</v>
      </c>
      <c r="P18" s="254">
        <v>0</v>
      </c>
      <c r="Q18" s="256">
        <v>0</v>
      </c>
      <c r="R18" s="257">
        <v>0</v>
      </c>
      <c r="S18" s="257">
        <v>0</v>
      </c>
      <c r="T18" s="257">
        <v>0</v>
      </c>
      <c r="U18" s="257">
        <v>1</v>
      </c>
      <c r="V18" s="257">
        <v>0</v>
      </c>
      <c r="W18" s="254">
        <v>1</v>
      </c>
      <c r="X18" s="259">
        <v>1</v>
      </c>
      <c r="Y18" s="253">
        <v>0</v>
      </c>
      <c r="Z18" s="257">
        <v>0</v>
      </c>
      <c r="AA18" s="254">
        <v>0</v>
      </c>
      <c r="AB18" s="256">
        <v>0</v>
      </c>
      <c r="AC18" s="257">
        <v>8</v>
      </c>
      <c r="AD18" s="257">
        <v>8</v>
      </c>
      <c r="AE18" s="257">
        <v>6</v>
      </c>
      <c r="AF18" s="257">
        <v>3</v>
      </c>
      <c r="AG18" s="257">
        <v>3</v>
      </c>
      <c r="AH18" s="254">
        <v>28</v>
      </c>
      <c r="AI18" s="259">
        <v>28</v>
      </c>
      <c r="AJ18" s="253">
        <v>0</v>
      </c>
      <c r="AK18" s="257">
        <v>0</v>
      </c>
      <c r="AL18" s="254">
        <v>0</v>
      </c>
      <c r="AM18" s="256">
        <v>0</v>
      </c>
      <c r="AN18" s="257">
        <v>1</v>
      </c>
      <c r="AO18" s="257">
        <v>1</v>
      </c>
      <c r="AP18" s="257">
        <v>1</v>
      </c>
      <c r="AQ18" s="257">
        <v>0</v>
      </c>
      <c r="AR18" s="257">
        <v>0</v>
      </c>
      <c r="AS18" s="254">
        <v>3</v>
      </c>
      <c r="AT18" s="259">
        <v>3</v>
      </c>
      <c r="AU18" s="253">
        <v>0</v>
      </c>
      <c r="AV18" s="257">
        <v>0</v>
      </c>
      <c r="AW18" s="254">
        <v>0</v>
      </c>
      <c r="AX18" s="256">
        <v>0</v>
      </c>
      <c r="AY18" s="257">
        <v>0</v>
      </c>
      <c r="AZ18" s="257">
        <v>0</v>
      </c>
      <c r="BA18" s="257">
        <v>2</v>
      </c>
      <c r="BB18" s="257">
        <v>2</v>
      </c>
      <c r="BC18" s="257">
        <v>0</v>
      </c>
      <c r="BD18" s="254">
        <v>4</v>
      </c>
      <c r="BE18" s="259">
        <v>4</v>
      </c>
      <c r="BF18" s="253">
        <v>0</v>
      </c>
      <c r="BG18" s="257">
        <v>0</v>
      </c>
      <c r="BH18" s="254">
        <v>0</v>
      </c>
      <c r="BI18" s="256">
        <v>0</v>
      </c>
      <c r="BJ18" s="257">
        <v>0</v>
      </c>
      <c r="BK18" s="257">
        <v>2</v>
      </c>
      <c r="BL18" s="257">
        <v>1</v>
      </c>
      <c r="BM18" s="257">
        <v>1</v>
      </c>
      <c r="BN18" s="257">
        <v>3</v>
      </c>
      <c r="BO18" s="258">
        <v>7</v>
      </c>
      <c r="BP18" s="259">
        <v>7</v>
      </c>
      <c r="BQ18" s="253">
        <v>0</v>
      </c>
      <c r="BR18" s="257">
        <v>0</v>
      </c>
      <c r="BS18" s="254">
        <v>0</v>
      </c>
      <c r="BT18" s="256">
        <v>0</v>
      </c>
      <c r="BU18" s="257">
        <v>0</v>
      </c>
      <c r="BV18" s="257">
        <v>0</v>
      </c>
      <c r="BW18" s="257">
        <v>0</v>
      </c>
      <c r="BX18" s="257">
        <v>0</v>
      </c>
      <c r="BY18" s="257">
        <v>0</v>
      </c>
      <c r="BZ18" s="254">
        <v>0</v>
      </c>
      <c r="CA18" s="259">
        <v>0</v>
      </c>
      <c r="CB18" s="253">
        <v>0</v>
      </c>
      <c r="CC18" s="257">
        <v>0</v>
      </c>
      <c r="CD18" s="254">
        <v>0</v>
      </c>
      <c r="CE18" s="256">
        <v>0</v>
      </c>
      <c r="CF18" s="257">
        <v>0</v>
      </c>
      <c r="CG18" s="257">
        <v>0</v>
      </c>
      <c r="CH18" s="257">
        <v>0</v>
      </c>
      <c r="CI18" s="257">
        <v>0</v>
      </c>
      <c r="CJ18" s="257">
        <v>0</v>
      </c>
      <c r="CK18" s="254">
        <v>0</v>
      </c>
      <c r="CL18" s="259">
        <v>0</v>
      </c>
      <c r="CM18" s="253">
        <v>0</v>
      </c>
      <c r="CN18" s="257">
        <v>0</v>
      </c>
      <c r="CO18" s="254">
        <v>0</v>
      </c>
      <c r="CP18" s="256">
        <v>0</v>
      </c>
      <c r="CQ18" s="257">
        <v>0</v>
      </c>
      <c r="CR18" s="257">
        <v>1</v>
      </c>
      <c r="CS18" s="257">
        <v>0</v>
      </c>
      <c r="CT18" s="257">
        <v>0</v>
      </c>
      <c r="CU18" s="257">
        <v>0</v>
      </c>
      <c r="CV18" s="254">
        <v>1</v>
      </c>
      <c r="CW18" s="259">
        <v>1</v>
      </c>
    </row>
    <row r="19" spans="2:101" ht="21" customHeight="1" x14ac:dyDescent="0.2">
      <c r="B19" s="437" t="s">
        <v>17</v>
      </c>
      <c r="C19" s="253">
        <v>0</v>
      </c>
      <c r="D19" s="254">
        <v>0</v>
      </c>
      <c r="E19" s="255">
        <v>0</v>
      </c>
      <c r="F19" s="256">
        <v>0</v>
      </c>
      <c r="G19" s="257">
        <v>0</v>
      </c>
      <c r="H19" s="257">
        <v>0</v>
      </c>
      <c r="I19" s="257">
        <v>0</v>
      </c>
      <c r="J19" s="257">
        <v>0</v>
      </c>
      <c r="K19" s="257">
        <v>1</v>
      </c>
      <c r="L19" s="258">
        <v>1</v>
      </c>
      <c r="M19" s="259">
        <v>1</v>
      </c>
      <c r="N19" s="253">
        <v>0</v>
      </c>
      <c r="O19" s="257">
        <v>0</v>
      </c>
      <c r="P19" s="254">
        <v>0</v>
      </c>
      <c r="Q19" s="256">
        <v>0</v>
      </c>
      <c r="R19" s="257">
        <v>0</v>
      </c>
      <c r="S19" s="257">
        <v>0</v>
      </c>
      <c r="T19" s="257">
        <v>0</v>
      </c>
      <c r="U19" s="257">
        <v>0</v>
      </c>
      <c r="V19" s="257">
        <v>0</v>
      </c>
      <c r="W19" s="254">
        <v>0</v>
      </c>
      <c r="X19" s="259">
        <v>0</v>
      </c>
      <c r="Y19" s="253">
        <v>0</v>
      </c>
      <c r="Z19" s="257">
        <v>0</v>
      </c>
      <c r="AA19" s="254">
        <v>0</v>
      </c>
      <c r="AB19" s="256">
        <v>0</v>
      </c>
      <c r="AC19" s="257">
        <v>24</v>
      </c>
      <c r="AD19" s="257">
        <v>22</v>
      </c>
      <c r="AE19" s="257">
        <v>7</v>
      </c>
      <c r="AF19" s="257">
        <v>1</v>
      </c>
      <c r="AG19" s="257">
        <v>0</v>
      </c>
      <c r="AH19" s="254">
        <v>54</v>
      </c>
      <c r="AI19" s="259">
        <v>54</v>
      </c>
      <c r="AJ19" s="253">
        <v>0</v>
      </c>
      <c r="AK19" s="257">
        <v>0</v>
      </c>
      <c r="AL19" s="254">
        <v>0</v>
      </c>
      <c r="AM19" s="256">
        <v>0</v>
      </c>
      <c r="AN19" s="257">
        <v>2</v>
      </c>
      <c r="AO19" s="257">
        <v>2</v>
      </c>
      <c r="AP19" s="257">
        <v>1</v>
      </c>
      <c r="AQ19" s="257">
        <v>0</v>
      </c>
      <c r="AR19" s="257">
        <v>0</v>
      </c>
      <c r="AS19" s="254">
        <v>5</v>
      </c>
      <c r="AT19" s="259">
        <v>5</v>
      </c>
      <c r="AU19" s="253">
        <v>0</v>
      </c>
      <c r="AV19" s="257">
        <v>0</v>
      </c>
      <c r="AW19" s="254">
        <v>0</v>
      </c>
      <c r="AX19" s="256">
        <v>0</v>
      </c>
      <c r="AY19" s="257">
        <v>1</v>
      </c>
      <c r="AZ19" s="257">
        <v>2</v>
      </c>
      <c r="BA19" s="257">
        <v>1</v>
      </c>
      <c r="BB19" s="257">
        <v>1</v>
      </c>
      <c r="BC19" s="257">
        <v>1</v>
      </c>
      <c r="BD19" s="254">
        <v>6</v>
      </c>
      <c r="BE19" s="259">
        <v>6</v>
      </c>
      <c r="BF19" s="253">
        <v>0</v>
      </c>
      <c r="BG19" s="257">
        <v>0</v>
      </c>
      <c r="BH19" s="254">
        <v>0</v>
      </c>
      <c r="BI19" s="256">
        <v>0</v>
      </c>
      <c r="BJ19" s="257">
        <v>2</v>
      </c>
      <c r="BK19" s="257">
        <v>3</v>
      </c>
      <c r="BL19" s="257">
        <v>5</v>
      </c>
      <c r="BM19" s="257">
        <v>1</v>
      </c>
      <c r="BN19" s="257">
        <v>0</v>
      </c>
      <c r="BO19" s="258">
        <v>11</v>
      </c>
      <c r="BP19" s="259">
        <v>11</v>
      </c>
      <c r="BQ19" s="253">
        <v>0</v>
      </c>
      <c r="BR19" s="257">
        <v>0</v>
      </c>
      <c r="BS19" s="254">
        <v>0</v>
      </c>
      <c r="BT19" s="256">
        <v>0</v>
      </c>
      <c r="BU19" s="257">
        <v>0</v>
      </c>
      <c r="BV19" s="257">
        <v>0</v>
      </c>
      <c r="BW19" s="257">
        <v>0</v>
      </c>
      <c r="BX19" s="257">
        <v>0</v>
      </c>
      <c r="BY19" s="257">
        <v>0</v>
      </c>
      <c r="BZ19" s="254">
        <v>0</v>
      </c>
      <c r="CA19" s="259">
        <v>0</v>
      </c>
      <c r="CB19" s="253">
        <v>0</v>
      </c>
      <c r="CC19" s="257">
        <v>0</v>
      </c>
      <c r="CD19" s="254">
        <v>0</v>
      </c>
      <c r="CE19" s="256">
        <v>0</v>
      </c>
      <c r="CF19" s="257">
        <v>0</v>
      </c>
      <c r="CG19" s="257">
        <v>0</v>
      </c>
      <c r="CH19" s="257">
        <v>1</v>
      </c>
      <c r="CI19" s="257">
        <v>2</v>
      </c>
      <c r="CJ19" s="257">
        <v>0</v>
      </c>
      <c r="CK19" s="254">
        <v>3</v>
      </c>
      <c r="CL19" s="259">
        <v>3</v>
      </c>
      <c r="CM19" s="253">
        <v>0</v>
      </c>
      <c r="CN19" s="257">
        <v>0</v>
      </c>
      <c r="CO19" s="254">
        <v>0</v>
      </c>
      <c r="CP19" s="256">
        <v>0</v>
      </c>
      <c r="CQ19" s="257">
        <v>0</v>
      </c>
      <c r="CR19" s="257">
        <v>0</v>
      </c>
      <c r="CS19" s="257">
        <v>1</v>
      </c>
      <c r="CT19" s="257">
        <v>0</v>
      </c>
      <c r="CU19" s="257">
        <v>0</v>
      </c>
      <c r="CV19" s="254">
        <v>1</v>
      </c>
      <c r="CW19" s="259">
        <v>1</v>
      </c>
    </row>
    <row r="20" spans="2:101" ht="21" customHeight="1" x14ac:dyDescent="0.2">
      <c r="B20" s="437" t="s">
        <v>18</v>
      </c>
      <c r="C20" s="253">
        <v>0</v>
      </c>
      <c r="D20" s="254">
        <v>0</v>
      </c>
      <c r="E20" s="255">
        <v>0</v>
      </c>
      <c r="F20" s="256">
        <v>0</v>
      </c>
      <c r="G20" s="257">
        <v>0</v>
      </c>
      <c r="H20" s="257">
        <v>0</v>
      </c>
      <c r="I20" s="257">
        <v>0</v>
      </c>
      <c r="J20" s="257">
        <v>0</v>
      </c>
      <c r="K20" s="257">
        <v>1</v>
      </c>
      <c r="L20" s="258">
        <v>1</v>
      </c>
      <c r="M20" s="259">
        <v>1</v>
      </c>
      <c r="N20" s="253">
        <v>0</v>
      </c>
      <c r="O20" s="257">
        <v>0</v>
      </c>
      <c r="P20" s="254">
        <v>0</v>
      </c>
      <c r="Q20" s="256">
        <v>0</v>
      </c>
      <c r="R20" s="257">
        <v>0</v>
      </c>
      <c r="S20" s="257">
        <v>0</v>
      </c>
      <c r="T20" s="257">
        <v>0</v>
      </c>
      <c r="U20" s="257">
        <v>0</v>
      </c>
      <c r="V20" s="257">
        <v>0</v>
      </c>
      <c r="W20" s="254">
        <v>0</v>
      </c>
      <c r="X20" s="259">
        <v>0</v>
      </c>
      <c r="Y20" s="253">
        <v>0</v>
      </c>
      <c r="Z20" s="257">
        <v>0</v>
      </c>
      <c r="AA20" s="254">
        <v>0</v>
      </c>
      <c r="AB20" s="256">
        <v>0</v>
      </c>
      <c r="AC20" s="257">
        <v>19</v>
      </c>
      <c r="AD20" s="257">
        <v>12</v>
      </c>
      <c r="AE20" s="257">
        <v>4</v>
      </c>
      <c r="AF20" s="257">
        <v>0</v>
      </c>
      <c r="AG20" s="257">
        <v>0</v>
      </c>
      <c r="AH20" s="254">
        <v>35</v>
      </c>
      <c r="AI20" s="259">
        <v>35</v>
      </c>
      <c r="AJ20" s="253">
        <v>0</v>
      </c>
      <c r="AK20" s="257">
        <v>0</v>
      </c>
      <c r="AL20" s="254">
        <v>0</v>
      </c>
      <c r="AM20" s="256">
        <v>0</v>
      </c>
      <c r="AN20" s="257">
        <v>0</v>
      </c>
      <c r="AO20" s="257">
        <v>2</v>
      </c>
      <c r="AP20" s="257">
        <v>4</v>
      </c>
      <c r="AQ20" s="257">
        <v>1</v>
      </c>
      <c r="AR20" s="257">
        <v>0</v>
      </c>
      <c r="AS20" s="254">
        <v>7</v>
      </c>
      <c r="AT20" s="259">
        <v>7</v>
      </c>
      <c r="AU20" s="253">
        <v>1</v>
      </c>
      <c r="AV20" s="257">
        <v>0</v>
      </c>
      <c r="AW20" s="254">
        <v>1</v>
      </c>
      <c r="AX20" s="256">
        <v>0</v>
      </c>
      <c r="AY20" s="257">
        <v>4</v>
      </c>
      <c r="AZ20" s="257">
        <v>3</v>
      </c>
      <c r="BA20" s="257">
        <v>7</v>
      </c>
      <c r="BB20" s="257">
        <v>1</v>
      </c>
      <c r="BC20" s="257">
        <v>0</v>
      </c>
      <c r="BD20" s="254">
        <v>15</v>
      </c>
      <c r="BE20" s="259">
        <v>16</v>
      </c>
      <c r="BF20" s="253">
        <v>0</v>
      </c>
      <c r="BG20" s="257">
        <v>0</v>
      </c>
      <c r="BH20" s="254">
        <v>0</v>
      </c>
      <c r="BI20" s="256">
        <v>0</v>
      </c>
      <c r="BJ20" s="257">
        <v>2</v>
      </c>
      <c r="BK20" s="257">
        <v>3</v>
      </c>
      <c r="BL20" s="257">
        <v>5</v>
      </c>
      <c r="BM20" s="257">
        <v>3</v>
      </c>
      <c r="BN20" s="257">
        <v>2</v>
      </c>
      <c r="BO20" s="258">
        <v>15</v>
      </c>
      <c r="BP20" s="259">
        <v>15</v>
      </c>
      <c r="BQ20" s="253">
        <v>0</v>
      </c>
      <c r="BR20" s="257">
        <v>0</v>
      </c>
      <c r="BS20" s="254">
        <v>0</v>
      </c>
      <c r="BT20" s="256">
        <v>0</v>
      </c>
      <c r="BU20" s="257">
        <v>0</v>
      </c>
      <c r="BV20" s="257">
        <v>0</v>
      </c>
      <c r="BW20" s="257">
        <v>0</v>
      </c>
      <c r="BX20" s="257">
        <v>0</v>
      </c>
      <c r="BY20" s="257">
        <v>0</v>
      </c>
      <c r="BZ20" s="254">
        <v>0</v>
      </c>
      <c r="CA20" s="259">
        <v>0</v>
      </c>
      <c r="CB20" s="253">
        <v>0</v>
      </c>
      <c r="CC20" s="257">
        <v>0</v>
      </c>
      <c r="CD20" s="254">
        <v>0</v>
      </c>
      <c r="CE20" s="256">
        <v>0</v>
      </c>
      <c r="CF20" s="257">
        <v>0</v>
      </c>
      <c r="CG20" s="257">
        <v>0</v>
      </c>
      <c r="CH20" s="257">
        <v>1</v>
      </c>
      <c r="CI20" s="257">
        <v>1</v>
      </c>
      <c r="CJ20" s="257">
        <v>0</v>
      </c>
      <c r="CK20" s="254">
        <v>2</v>
      </c>
      <c r="CL20" s="259">
        <v>2</v>
      </c>
      <c r="CM20" s="253">
        <v>0</v>
      </c>
      <c r="CN20" s="257">
        <v>0</v>
      </c>
      <c r="CO20" s="254">
        <v>0</v>
      </c>
      <c r="CP20" s="256">
        <v>0</v>
      </c>
      <c r="CQ20" s="257">
        <v>0</v>
      </c>
      <c r="CR20" s="257">
        <v>0</v>
      </c>
      <c r="CS20" s="257">
        <v>3</v>
      </c>
      <c r="CT20" s="257">
        <v>2</v>
      </c>
      <c r="CU20" s="257">
        <v>0</v>
      </c>
      <c r="CV20" s="254">
        <v>5</v>
      </c>
      <c r="CW20" s="259">
        <v>5</v>
      </c>
    </row>
    <row r="21" spans="2:101" ht="21" customHeight="1" x14ac:dyDescent="0.2">
      <c r="B21" s="437" t="s">
        <v>19</v>
      </c>
      <c r="C21" s="253">
        <v>0</v>
      </c>
      <c r="D21" s="254">
        <v>0</v>
      </c>
      <c r="E21" s="255">
        <v>0</v>
      </c>
      <c r="F21" s="256">
        <v>0</v>
      </c>
      <c r="G21" s="257">
        <v>0</v>
      </c>
      <c r="H21" s="257">
        <v>0</v>
      </c>
      <c r="I21" s="257">
        <v>0</v>
      </c>
      <c r="J21" s="257">
        <v>0</v>
      </c>
      <c r="K21" s="257">
        <v>1</v>
      </c>
      <c r="L21" s="258">
        <v>1</v>
      </c>
      <c r="M21" s="259">
        <v>1</v>
      </c>
      <c r="N21" s="253">
        <v>0</v>
      </c>
      <c r="O21" s="257">
        <v>0</v>
      </c>
      <c r="P21" s="254">
        <v>0</v>
      </c>
      <c r="Q21" s="256">
        <v>0</v>
      </c>
      <c r="R21" s="257">
        <v>0</v>
      </c>
      <c r="S21" s="257">
        <v>0</v>
      </c>
      <c r="T21" s="257">
        <v>0</v>
      </c>
      <c r="U21" s="257">
        <v>0</v>
      </c>
      <c r="V21" s="257">
        <v>0</v>
      </c>
      <c r="W21" s="254">
        <v>0</v>
      </c>
      <c r="X21" s="259">
        <v>0</v>
      </c>
      <c r="Y21" s="253">
        <v>0</v>
      </c>
      <c r="Z21" s="257">
        <v>0</v>
      </c>
      <c r="AA21" s="254">
        <v>0</v>
      </c>
      <c r="AB21" s="256">
        <v>0</v>
      </c>
      <c r="AC21" s="257">
        <v>7</v>
      </c>
      <c r="AD21" s="257">
        <v>5</v>
      </c>
      <c r="AE21" s="257">
        <v>2</v>
      </c>
      <c r="AF21" s="257">
        <v>0</v>
      </c>
      <c r="AG21" s="257">
        <v>0</v>
      </c>
      <c r="AH21" s="254">
        <v>14</v>
      </c>
      <c r="AI21" s="259">
        <v>14</v>
      </c>
      <c r="AJ21" s="253">
        <v>0</v>
      </c>
      <c r="AK21" s="257">
        <v>0</v>
      </c>
      <c r="AL21" s="254">
        <v>0</v>
      </c>
      <c r="AM21" s="256">
        <v>0</v>
      </c>
      <c r="AN21" s="257">
        <v>2</v>
      </c>
      <c r="AO21" s="257">
        <v>2</v>
      </c>
      <c r="AP21" s="257">
        <v>4</v>
      </c>
      <c r="AQ21" s="257">
        <v>0</v>
      </c>
      <c r="AR21" s="257">
        <v>0</v>
      </c>
      <c r="AS21" s="254">
        <v>8</v>
      </c>
      <c r="AT21" s="259">
        <v>8</v>
      </c>
      <c r="AU21" s="253">
        <v>0</v>
      </c>
      <c r="AV21" s="257">
        <v>0</v>
      </c>
      <c r="AW21" s="254">
        <v>0</v>
      </c>
      <c r="AX21" s="256">
        <v>0</v>
      </c>
      <c r="AY21" s="257">
        <v>2</v>
      </c>
      <c r="AZ21" s="257">
        <v>2</v>
      </c>
      <c r="BA21" s="257">
        <v>2</v>
      </c>
      <c r="BB21" s="257">
        <v>0</v>
      </c>
      <c r="BC21" s="257">
        <v>0</v>
      </c>
      <c r="BD21" s="254">
        <v>6</v>
      </c>
      <c r="BE21" s="259">
        <v>6</v>
      </c>
      <c r="BF21" s="253">
        <v>0</v>
      </c>
      <c r="BG21" s="257">
        <v>0</v>
      </c>
      <c r="BH21" s="254">
        <v>0</v>
      </c>
      <c r="BI21" s="256">
        <v>0</v>
      </c>
      <c r="BJ21" s="257">
        <v>1</v>
      </c>
      <c r="BK21" s="257">
        <v>2</v>
      </c>
      <c r="BL21" s="257">
        <v>1</v>
      </c>
      <c r="BM21" s="257">
        <v>0</v>
      </c>
      <c r="BN21" s="257">
        <v>0</v>
      </c>
      <c r="BO21" s="258">
        <v>4</v>
      </c>
      <c r="BP21" s="259">
        <v>4</v>
      </c>
      <c r="BQ21" s="253">
        <v>0</v>
      </c>
      <c r="BR21" s="257">
        <v>0</v>
      </c>
      <c r="BS21" s="254">
        <v>0</v>
      </c>
      <c r="BT21" s="256">
        <v>0</v>
      </c>
      <c r="BU21" s="257">
        <v>0</v>
      </c>
      <c r="BV21" s="257">
        <v>0</v>
      </c>
      <c r="BW21" s="257">
        <v>0</v>
      </c>
      <c r="BX21" s="257">
        <v>0</v>
      </c>
      <c r="BY21" s="257">
        <v>0</v>
      </c>
      <c r="BZ21" s="254">
        <v>0</v>
      </c>
      <c r="CA21" s="259">
        <v>0</v>
      </c>
      <c r="CB21" s="253">
        <v>0</v>
      </c>
      <c r="CC21" s="257">
        <v>0</v>
      </c>
      <c r="CD21" s="254">
        <v>0</v>
      </c>
      <c r="CE21" s="256">
        <v>0</v>
      </c>
      <c r="CF21" s="257">
        <v>0</v>
      </c>
      <c r="CG21" s="257">
        <v>0</v>
      </c>
      <c r="CH21" s="257">
        <v>0</v>
      </c>
      <c r="CI21" s="257">
        <v>0</v>
      </c>
      <c r="CJ21" s="257">
        <v>0</v>
      </c>
      <c r="CK21" s="254">
        <v>0</v>
      </c>
      <c r="CL21" s="259">
        <v>0</v>
      </c>
      <c r="CM21" s="253">
        <v>0</v>
      </c>
      <c r="CN21" s="257">
        <v>0</v>
      </c>
      <c r="CO21" s="254">
        <v>0</v>
      </c>
      <c r="CP21" s="256">
        <v>0</v>
      </c>
      <c r="CQ21" s="257">
        <v>0</v>
      </c>
      <c r="CR21" s="257">
        <v>0</v>
      </c>
      <c r="CS21" s="257">
        <v>0</v>
      </c>
      <c r="CT21" s="257">
        <v>0</v>
      </c>
      <c r="CU21" s="257">
        <v>3</v>
      </c>
      <c r="CV21" s="254">
        <v>3</v>
      </c>
      <c r="CW21" s="259">
        <v>3</v>
      </c>
    </row>
    <row r="22" spans="2:101" ht="21" customHeight="1" x14ac:dyDescent="0.2">
      <c r="B22" s="437" t="s">
        <v>20</v>
      </c>
      <c r="C22" s="253">
        <v>0</v>
      </c>
      <c r="D22" s="254">
        <v>0</v>
      </c>
      <c r="E22" s="255">
        <v>0</v>
      </c>
      <c r="F22" s="256">
        <v>0</v>
      </c>
      <c r="G22" s="257">
        <v>0</v>
      </c>
      <c r="H22" s="257">
        <v>0</v>
      </c>
      <c r="I22" s="257">
        <v>0</v>
      </c>
      <c r="J22" s="257">
        <v>0</v>
      </c>
      <c r="K22" s="257">
        <v>0</v>
      </c>
      <c r="L22" s="258">
        <v>0</v>
      </c>
      <c r="M22" s="259">
        <v>0</v>
      </c>
      <c r="N22" s="253">
        <v>0</v>
      </c>
      <c r="O22" s="257">
        <v>0</v>
      </c>
      <c r="P22" s="254">
        <v>0</v>
      </c>
      <c r="Q22" s="256">
        <v>0</v>
      </c>
      <c r="R22" s="257">
        <v>0</v>
      </c>
      <c r="S22" s="257">
        <v>0</v>
      </c>
      <c r="T22" s="257">
        <v>0</v>
      </c>
      <c r="U22" s="257">
        <v>0</v>
      </c>
      <c r="V22" s="257">
        <v>0</v>
      </c>
      <c r="W22" s="254">
        <v>0</v>
      </c>
      <c r="X22" s="259">
        <v>0</v>
      </c>
      <c r="Y22" s="253">
        <v>0</v>
      </c>
      <c r="Z22" s="257">
        <v>0</v>
      </c>
      <c r="AA22" s="254">
        <v>0</v>
      </c>
      <c r="AB22" s="256">
        <v>0</v>
      </c>
      <c r="AC22" s="257">
        <v>10</v>
      </c>
      <c r="AD22" s="257">
        <v>10</v>
      </c>
      <c r="AE22" s="257">
        <v>5</v>
      </c>
      <c r="AF22" s="257">
        <v>1</v>
      </c>
      <c r="AG22" s="257">
        <v>1</v>
      </c>
      <c r="AH22" s="254">
        <v>27</v>
      </c>
      <c r="AI22" s="259">
        <v>27</v>
      </c>
      <c r="AJ22" s="253">
        <v>0</v>
      </c>
      <c r="AK22" s="257">
        <v>0</v>
      </c>
      <c r="AL22" s="254">
        <v>0</v>
      </c>
      <c r="AM22" s="256">
        <v>0</v>
      </c>
      <c r="AN22" s="257">
        <v>0</v>
      </c>
      <c r="AO22" s="257">
        <v>0</v>
      </c>
      <c r="AP22" s="257">
        <v>0</v>
      </c>
      <c r="AQ22" s="257">
        <v>0</v>
      </c>
      <c r="AR22" s="257">
        <v>0</v>
      </c>
      <c r="AS22" s="254">
        <v>0</v>
      </c>
      <c r="AT22" s="259">
        <v>0</v>
      </c>
      <c r="AU22" s="253">
        <v>0</v>
      </c>
      <c r="AV22" s="257">
        <v>0</v>
      </c>
      <c r="AW22" s="254">
        <v>0</v>
      </c>
      <c r="AX22" s="256">
        <v>0</v>
      </c>
      <c r="AY22" s="257">
        <v>0</v>
      </c>
      <c r="AZ22" s="257">
        <v>0</v>
      </c>
      <c r="BA22" s="257">
        <v>1</v>
      </c>
      <c r="BB22" s="257">
        <v>0</v>
      </c>
      <c r="BC22" s="257">
        <v>0</v>
      </c>
      <c r="BD22" s="254">
        <v>1</v>
      </c>
      <c r="BE22" s="259">
        <v>1</v>
      </c>
      <c r="BF22" s="253">
        <v>0</v>
      </c>
      <c r="BG22" s="257">
        <v>0</v>
      </c>
      <c r="BH22" s="254">
        <v>0</v>
      </c>
      <c r="BI22" s="256">
        <v>0</v>
      </c>
      <c r="BJ22" s="257">
        <v>1</v>
      </c>
      <c r="BK22" s="257">
        <v>2</v>
      </c>
      <c r="BL22" s="257">
        <v>3</v>
      </c>
      <c r="BM22" s="257">
        <v>0</v>
      </c>
      <c r="BN22" s="257">
        <v>1</v>
      </c>
      <c r="BO22" s="258">
        <v>7</v>
      </c>
      <c r="BP22" s="259">
        <v>7</v>
      </c>
      <c r="BQ22" s="253">
        <v>0</v>
      </c>
      <c r="BR22" s="257">
        <v>0</v>
      </c>
      <c r="BS22" s="254">
        <v>0</v>
      </c>
      <c r="BT22" s="256">
        <v>0</v>
      </c>
      <c r="BU22" s="257">
        <v>0</v>
      </c>
      <c r="BV22" s="257">
        <v>0</v>
      </c>
      <c r="BW22" s="257">
        <v>0</v>
      </c>
      <c r="BX22" s="257">
        <v>0</v>
      </c>
      <c r="BY22" s="257">
        <v>0</v>
      </c>
      <c r="BZ22" s="254">
        <v>0</v>
      </c>
      <c r="CA22" s="259">
        <v>0</v>
      </c>
      <c r="CB22" s="253">
        <v>0</v>
      </c>
      <c r="CC22" s="257">
        <v>0</v>
      </c>
      <c r="CD22" s="254">
        <v>0</v>
      </c>
      <c r="CE22" s="256">
        <v>0</v>
      </c>
      <c r="CF22" s="257">
        <v>0</v>
      </c>
      <c r="CG22" s="257">
        <v>0</v>
      </c>
      <c r="CH22" s="257">
        <v>0</v>
      </c>
      <c r="CI22" s="257">
        <v>0</v>
      </c>
      <c r="CJ22" s="257">
        <v>0</v>
      </c>
      <c r="CK22" s="254">
        <v>0</v>
      </c>
      <c r="CL22" s="259">
        <v>0</v>
      </c>
      <c r="CM22" s="253">
        <v>0</v>
      </c>
      <c r="CN22" s="257">
        <v>0</v>
      </c>
      <c r="CO22" s="254">
        <v>0</v>
      </c>
      <c r="CP22" s="256">
        <v>0</v>
      </c>
      <c r="CQ22" s="257">
        <v>0</v>
      </c>
      <c r="CR22" s="257">
        <v>0</v>
      </c>
      <c r="CS22" s="257">
        <v>0</v>
      </c>
      <c r="CT22" s="257">
        <v>0</v>
      </c>
      <c r="CU22" s="257">
        <v>0</v>
      </c>
      <c r="CV22" s="254">
        <v>0</v>
      </c>
      <c r="CW22" s="259">
        <v>0</v>
      </c>
    </row>
    <row r="23" spans="2:101" ht="21" customHeight="1" x14ac:dyDescent="0.2">
      <c r="B23" s="437" t="s">
        <v>21</v>
      </c>
      <c r="C23" s="253">
        <v>0</v>
      </c>
      <c r="D23" s="254">
        <v>0</v>
      </c>
      <c r="E23" s="255">
        <v>0</v>
      </c>
      <c r="F23" s="256">
        <v>0</v>
      </c>
      <c r="G23" s="257">
        <v>0</v>
      </c>
      <c r="H23" s="257">
        <v>0</v>
      </c>
      <c r="I23" s="257">
        <v>0</v>
      </c>
      <c r="J23" s="257">
        <v>0</v>
      </c>
      <c r="K23" s="257">
        <v>0</v>
      </c>
      <c r="L23" s="258">
        <v>0</v>
      </c>
      <c r="M23" s="259">
        <v>0</v>
      </c>
      <c r="N23" s="253">
        <v>0</v>
      </c>
      <c r="O23" s="257">
        <v>0</v>
      </c>
      <c r="P23" s="254">
        <v>0</v>
      </c>
      <c r="Q23" s="256">
        <v>0</v>
      </c>
      <c r="R23" s="257">
        <v>0</v>
      </c>
      <c r="S23" s="257">
        <v>0</v>
      </c>
      <c r="T23" s="257">
        <v>0</v>
      </c>
      <c r="U23" s="257">
        <v>0</v>
      </c>
      <c r="V23" s="257">
        <v>0</v>
      </c>
      <c r="W23" s="254">
        <v>0</v>
      </c>
      <c r="X23" s="259">
        <v>0</v>
      </c>
      <c r="Y23" s="253">
        <v>0</v>
      </c>
      <c r="Z23" s="257">
        <v>0</v>
      </c>
      <c r="AA23" s="254">
        <v>0</v>
      </c>
      <c r="AB23" s="256">
        <v>0</v>
      </c>
      <c r="AC23" s="257">
        <v>12</v>
      </c>
      <c r="AD23" s="257">
        <v>7</v>
      </c>
      <c r="AE23" s="257">
        <v>3</v>
      </c>
      <c r="AF23" s="257">
        <v>3</v>
      </c>
      <c r="AG23" s="257">
        <v>0</v>
      </c>
      <c r="AH23" s="254">
        <v>25</v>
      </c>
      <c r="AI23" s="259">
        <v>25</v>
      </c>
      <c r="AJ23" s="253">
        <v>0</v>
      </c>
      <c r="AK23" s="257">
        <v>0</v>
      </c>
      <c r="AL23" s="254">
        <v>0</v>
      </c>
      <c r="AM23" s="256">
        <v>0</v>
      </c>
      <c r="AN23" s="257">
        <v>0</v>
      </c>
      <c r="AO23" s="257">
        <v>0</v>
      </c>
      <c r="AP23" s="257">
        <v>0</v>
      </c>
      <c r="AQ23" s="257">
        <v>0</v>
      </c>
      <c r="AR23" s="257">
        <v>0</v>
      </c>
      <c r="AS23" s="254">
        <v>0</v>
      </c>
      <c r="AT23" s="259">
        <v>0</v>
      </c>
      <c r="AU23" s="253">
        <v>0</v>
      </c>
      <c r="AV23" s="257">
        <v>0</v>
      </c>
      <c r="AW23" s="254">
        <v>0</v>
      </c>
      <c r="AX23" s="256">
        <v>0</v>
      </c>
      <c r="AY23" s="257">
        <v>0</v>
      </c>
      <c r="AZ23" s="257">
        <v>0</v>
      </c>
      <c r="BA23" s="257">
        <v>1</v>
      </c>
      <c r="BB23" s="257">
        <v>0</v>
      </c>
      <c r="BC23" s="257">
        <v>0</v>
      </c>
      <c r="BD23" s="254">
        <v>1</v>
      </c>
      <c r="BE23" s="259">
        <v>1</v>
      </c>
      <c r="BF23" s="253">
        <v>0</v>
      </c>
      <c r="BG23" s="257">
        <v>0</v>
      </c>
      <c r="BH23" s="254">
        <v>0</v>
      </c>
      <c r="BI23" s="256">
        <v>0</v>
      </c>
      <c r="BJ23" s="257">
        <v>2</v>
      </c>
      <c r="BK23" s="257">
        <v>2</v>
      </c>
      <c r="BL23" s="257">
        <v>2</v>
      </c>
      <c r="BM23" s="257">
        <v>0</v>
      </c>
      <c r="BN23" s="257">
        <v>0</v>
      </c>
      <c r="BO23" s="258">
        <v>6</v>
      </c>
      <c r="BP23" s="259">
        <v>6</v>
      </c>
      <c r="BQ23" s="253">
        <v>0</v>
      </c>
      <c r="BR23" s="257">
        <v>0</v>
      </c>
      <c r="BS23" s="254">
        <v>0</v>
      </c>
      <c r="BT23" s="256">
        <v>0</v>
      </c>
      <c r="BU23" s="257">
        <v>0</v>
      </c>
      <c r="BV23" s="257">
        <v>0</v>
      </c>
      <c r="BW23" s="257">
        <v>0</v>
      </c>
      <c r="BX23" s="257">
        <v>0</v>
      </c>
      <c r="BY23" s="257">
        <v>0</v>
      </c>
      <c r="BZ23" s="254">
        <v>0</v>
      </c>
      <c r="CA23" s="259">
        <v>0</v>
      </c>
      <c r="CB23" s="253">
        <v>0</v>
      </c>
      <c r="CC23" s="257">
        <v>0</v>
      </c>
      <c r="CD23" s="254">
        <v>0</v>
      </c>
      <c r="CE23" s="256">
        <v>0</v>
      </c>
      <c r="CF23" s="257">
        <v>0</v>
      </c>
      <c r="CG23" s="257">
        <v>0</v>
      </c>
      <c r="CH23" s="257">
        <v>0</v>
      </c>
      <c r="CI23" s="257">
        <v>0</v>
      </c>
      <c r="CJ23" s="257">
        <v>0</v>
      </c>
      <c r="CK23" s="254">
        <v>0</v>
      </c>
      <c r="CL23" s="259">
        <v>0</v>
      </c>
      <c r="CM23" s="253">
        <v>0</v>
      </c>
      <c r="CN23" s="257">
        <v>0</v>
      </c>
      <c r="CO23" s="254">
        <v>0</v>
      </c>
      <c r="CP23" s="256">
        <v>0</v>
      </c>
      <c r="CQ23" s="257">
        <v>0</v>
      </c>
      <c r="CR23" s="257">
        <v>0</v>
      </c>
      <c r="CS23" s="257">
        <v>0</v>
      </c>
      <c r="CT23" s="257">
        <v>0</v>
      </c>
      <c r="CU23" s="257">
        <v>0</v>
      </c>
      <c r="CV23" s="254">
        <v>0</v>
      </c>
      <c r="CW23" s="259">
        <v>0</v>
      </c>
    </row>
    <row r="24" spans="2:101" ht="21" customHeight="1" x14ac:dyDescent="0.2">
      <c r="B24" s="437" t="s">
        <v>22</v>
      </c>
      <c r="C24" s="253">
        <v>0</v>
      </c>
      <c r="D24" s="254">
        <v>0</v>
      </c>
      <c r="E24" s="255">
        <v>0</v>
      </c>
      <c r="F24" s="256">
        <v>0</v>
      </c>
      <c r="G24" s="257">
        <v>0</v>
      </c>
      <c r="H24" s="257">
        <v>2</v>
      </c>
      <c r="I24" s="257">
        <v>0</v>
      </c>
      <c r="J24" s="257">
        <v>0</v>
      </c>
      <c r="K24" s="257">
        <v>0</v>
      </c>
      <c r="L24" s="258">
        <v>2</v>
      </c>
      <c r="M24" s="259">
        <v>2</v>
      </c>
      <c r="N24" s="253">
        <v>0</v>
      </c>
      <c r="O24" s="257">
        <v>0</v>
      </c>
      <c r="P24" s="254">
        <v>0</v>
      </c>
      <c r="Q24" s="256">
        <v>0</v>
      </c>
      <c r="R24" s="257">
        <v>0</v>
      </c>
      <c r="S24" s="257">
        <v>0</v>
      </c>
      <c r="T24" s="257">
        <v>0</v>
      </c>
      <c r="U24" s="257">
        <v>0</v>
      </c>
      <c r="V24" s="257">
        <v>0</v>
      </c>
      <c r="W24" s="254">
        <v>0</v>
      </c>
      <c r="X24" s="259">
        <v>0</v>
      </c>
      <c r="Y24" s="253">
        <v>0</v>
      </c>
      <c r="Z24" s="257">
        <v>0</v>
      </c>
      <c r="AA24" s="254">
        <v>0</v>
      </c>
      <c r="AB24" s="256">
        <v>0</v>
      </c>
      <c r="AC24" s="257">
        <v>6</v>
      </c>
      <c r="AD24" s="257">
        <v>3</v>
      </c>
      <c r="AE24" s="257">
        <v>2</v>
      </c>
      <c r="AF24" s="257">
        <v>1</v>
      </c>
      <c r="AG24" s="257">
        <v>0</v>
      </c>
      <c r="AH24" s="254">
        <v>12</v>
      </c>
      <c r="AI24" s="259">
        <v>12</v>
      </c>
      <c r="AJ24" s="253">
        <v>0</v>
      </c>
      <c r="AK24" s="257">
        <v>0</v>
      </c>
      <c r="AL24" s="254">
        <v>0</v>
      </c>
      <c r="AM24" s="256">
        <v>0</v>
      </c>
      <c r="AN24" s="257">
        <v>0</v>
      </c>
      <c r="AO24" s="257">
        <v>0</v>
      </c>
      <c r="AP24" s="257">
        <v>1</v>
      </c>
      <c r="AQ24" s="257">
        <v>0</v>
      </c>
      <c r="AR24" s="257">
        <v>0</v>
      </c>
      <c r="AS24" s="254">
        <v>1</v>
      </c>
      <c r="AT24" s="259">
        <v>1</v>
      </c>
      <c r="AU24" s="253">
        <v>0</v>
      </c>
      <c r="AV24" s="257">
        <v>0</v>
      </c>
      <c r="AW24" s="254">
        <v>0</v>
      </c>
      <c r="AX24" s="256">
        <v>0</v>
      </c>
      <c r="AY24" s="257">
        <v>1</v>
      </c>
      <c r="AZ24" s="257">
        <v>2</v>
      </c>
      <c r="BA24" s="257">
        <v>1</v>
      </c>
      <c r="BB24" s="257">
        <v>0</v>
      </c>
      <c r="BC24" s="257">
        <v>0</v>
      </c>
      <c r="BD24" s="254">
        <v>4</v>
      </c>
      <c r="BE24" s="259">
        <v>4</v>
      </c>
      <c r="BF24" s="253">
        <v>0</v>
      </c>
      <c r="BG24" s="257">
        <v>0</v>
      </c>
      <c r="BH24" s="254">
        <v>0</v>
      </c>
      <c r="BI24" s="256">
        <v>0</v>
      </c>
      <c r="BJ24" s="257">
        <v>1</v>
      </c>
      <c r="BK24" s="257">
        <v>1</v>
      </c>
      <c r="BL24" s="257">
        <v>1</v>
      </c>
      <c r="BM24" s="257">
        <v>1</v>
      </c>
      <c r="BN24" s="257">
        <v>0</v>
      </c>
      <c r="BO24" s="258">
        <v>4</v>
      </c>
      <c r="BP24" s="259">
        <v>4</v>
      </c>
      <c r="BQ24" s="253">
        <v>0</v>
      </c>
      <c r="BR24" s="257">
        <v>0</v>
      </c>
      <c r="BS24" s="254">
        <v>0</v>
      </c>
      <c r="BT24" s="256">
        <v>0</v>
      </c>
      <c r="BU24" s="257">
        <v>0</v>
      </c>
      <c r="BV24" s="257">
        <v>0</v>
      </c>
      <c r="BW24" s="257">
        <v>0</v>
      </c>
      <c r="BX24" s="257">
        <v>0</v>
      </c>
      <c r="BY24" s="257">
        <v>0</v>
      </c>
      <c r="BZ24" s="254">
        <v>0</v>
      </c>
      <c r="CA24" s="259">
        <v>0</v>
      </c>
      <c r="CB24" s="253">
        <v>0</v>
      </c>
      <c r="CC24" s="257">
        <v>0</v>
      </c>
      <c r="CD24" s="254">
        <v>0</v>
      </c>
      <c r="CE24" s="256">
        <v>0</v>
      </c>
      <c r="CF24" s="257">
        <v>0</v>
      </c>
      <c r="CG24" s="257">
        <v>0</v>
      </c>
      <c r="CH24" s="257">
        <v>1</v>
      </c>
      <c r="CI24" s="257">
        <v>2</v>
      </c>
      <c r="CJ24" s="257">
        <v>0</v>
      </c>
      <c r="CK24" s="254">
        <v>3</v>
      </c>
      <c r="CL24" s="259">
        <v>3</v>
      </c>
      <c r="CM24" s="253">
        <v>0</v>
      </c>
      <c r="CN24" s="257">
        <v>0</v>
      </c>
      <c r="CO24" s="254">
        <v>0</v>
      </c>
      <c r="CP24" s="256">
        <v>0</v>
      </c>
      <c r="CQ24" s="257">
        <v>0</v>
      </c>
      <c r="CR24" s="257">
        <v>0</v>
      </c>
      <c r="CS24" s="257">
        <v>0</v>
      </c>
      <c r="CT24" s="257">
        <v>0</v>
      </c>
      <c r="CU24" s="257">
        <v>0</v>
      </c>
      <c r="CV24" s="254">
        <v>0</v>
      </c>
      <c r="CW24" s="259">
        <v>0</v>
      </c>
    </row>
    <row r="25" spans="2:101" ht="21" customHeight="1" x14ac:dyDescent="0.2">
      <c r="B25" s="437" t="s">
        <v>23</v>
      </c>
      <c r="C25" s="253">
        <v>0</v>
      </c>
      <c r="D25" s="254">
        <v>0</v>
      </c>
      <c r="E25" s="255">
        <v>0</v>
      </c>
      <c r="F25" s="256">
        <v>0</v>
      </c>
      <c r="G25" s="257">
        <v>0</v>
      </c>
      <c r="H25" s="257">
        <v>0</v>
      </c>
      <c r="I25" s="257">
        <v>0</v>
      </c>
      <c r="J25" s="257">
        <v>0</v>
      </c>
      <c r="K25" s="257">
        <v>0</v>
      </c>
      <c r="L25" s="258">
        <v>0</v>
      </c>
      <c r="M25" s="259">
        <v>0</v>
      </c>
      <c r="N25" s="253">
        <v>0</v>
      </c>
      <c r="O25" s="257">
        <v>0</v>
      </c>
      <c r="P25" s="254">
        <v>0</v>
      </c>
      <c r="Q25" s="256">
        <v>0</v>
      </c>
      <c r="R25" s="257">
        <v>0</v>
      </c>
      <c r="S25" s="257">
        <v>0</v>
      </c>
      <c r="T25" s="257">
        <v>0</v>
      </c>
      <c r="U25" s="257">
        <v>0</v>
      </c>
      <c r="V25" s="257">
        <v>0</v>
      </c>
      <c r="W25" s="254">
        <v>0</v>
      </c>
      <c r="X25" s="259">
        <v>0</v>
      </c>
      <c r="Y25" s="253">
        <v>0</v>
      </c>
      <c r="Z25" s="257">
        <v>0</v>
      </c>
      <c r="AA25" s="254">
        <v>0</v>
      </c>
      <c r="AB25" s="256">
        <v>0</v>
      </c>
      <c r="AC25" s="257">
        <v>3</v>
      </c>
      <c r="AD25" s="257">
        <v>3</v>
      </c>
      <c r="AE25" s="257">
        <v>4</v>
      </c>
      <c r="AF25" s="257">
        <v>0</v>
      </c>
      <c r="AG25" s="257">
        <v>0</v>
      </c>
      <c r="AH25" s="254">
        <v>10</v>
      </c>
      <c r="AI25" s="259">
        <v>10</v>
      </c>
      <c r="AJ25" s="253">
        <v>0</v>
      </c>
      <c r="AK25" s="257">
        <v>0</v>
      </c>
      <c r="AL25" s="254">
        <v>0</v>
      </c>
      <c r="AM25" s="256">
        <v>0</v>
      </c>
      <c r="AN25" s="257">
        <v>0</v>
      </c>
      <c r="AO25" s="257">
        <v>0</v>
      </c>
      <c r="AP25" s="257">
        <v>0</v>
      </c>
      <c r="AQ25" s="257">
        <v>0</v>
      </c>
      <c r="AR25" s="257">
        <v>0</v>
      </c>
      <c r="AS25" s="254">
        <v>0</v>
      </c>
      <c r="AT25" s="259">
        <v>0</v>
      </c>
      <c r="AU25" s="253">
        <v>0</v>
      </c>
      <c r="AV25" s="257">
        <v>0</v>
      </c>
      <c r="AW25" s="254">
        <v>0</v>
      </c>
      <c r="AX25" s="256">
        <v>0</v>
      </c>
      <c r="AY25" s="257">
        <v>0</v>
      </c>
      <c r="AZ25" s="257">
        <v>0</v>
      </c>
      <c r="BA25" s="257">
        <v>1</v>
      </c>
      <c r="BB25" s="257">
        <v>0</v>
      </c>
      <c r="BC25" s="257">
        <v>0</v>
      </c>
      <c r="BD25" s="254">
        <v>1</v>
      </c>
      <c r="BE25" s="259">
        <v>1</v>
      </c>
      <c r="BF25" s="253">
        <v>0</v>
      </c>
      <c r="BG25" s="257">
        <v>0</v>
      </c>
      <c r="BH25" s="254">
        <v>0</v>
      </c>
      <c r="BI25" s="256">
        <v>0</v>
      </c>
      <c r="BJ25" s="257">
        <v>2</v>
      </c>
      <c r="BK25" s="257">
        <v>1</v>
      </c>
      <c r="BL25" s="257">
        <v>3</v>
      </c>
      <c r="BM25" s="257">
        <v>2</v>
      </c>
      <c r="BN25" s="257">
        <v>0</v>
      </c>
      <c r="BO25" s="258">
        <v>8</v>
      </c>
      <c r="BP25" s="259">
        <v>8</v>
      </c>
      <c r="BQ25" s="253">
        <v>0</v>
      </c>
      <c r="BR25" s="257">
        <v>0</v>
      </c>
      <c r="BS25" s="254">
        <v>0</v>
      </c>
      <c r="BT25" s="256">
        <v>0</v>
      </c>
      <c r="BU25" s="257">
        <v>0</v>
      </c>
      <c r="BV25" s="257">
        <v>0</v>
      </c>
      <c r="BW25" s="257">
        <v>0</v>
      </c>
      <c r="BX25" s="257">
        <v>0</v>
      </c>
      <c r="BY25" s="257">
        <v>0</v>
      </c>
      <c r="BZ25" s="254">
        <v>0</v>
      </c>
      <c r="CA25" s="259">
        <v>0</v>
      </c>
      <c r="CB25" s="253">
        <v>0</v>
      </c>
      <c r="CC25" s="257">
        <v>0</v>
      </c>
      <c r="CD25" s="254">
        <v>0</v>
      </c>
      <c r="CE25" s="256">
        <v>0</v>
      </c>
      <c r="CF25" s="257">
        <v>0</v>
      </c>
      <c r="CG25" s="257">
        <v>0</v>
      </c>
      <c r="CH25" s="257">
        <v>0</v>
      </c>
      <c r="CI25" s="257">
        <v>0</v>
      </c>
      <c r="CJ25" s="257">
        <v>0</v>
      </c>
      <c r="CK25" s="254">
        <v>0</v>
      </c>
      <c r="CL25" s="259">
        <v>0</v>
      </c>
      <c r="CM25" s="253">
        <v>0</v>
      </c>
      <c r="CN25" s="257">
        <v>0</v>
      </c>
      <c r="CO25" s="254">
        <v>0</v>
      </c>
      <c r="CP25" s="256">
        <v>0</v>
      </c>
      <c r="CQ25" s="257">
        <v>0</v>
      </c>
      <c r="CR25" s="257">
        <v>0</v>
      </c>
      <c r="CS25" s="257">
        <v>0</v>
      </c>
      <c r="CT25" s="257">
        <v>0</v>
      </c>
      <c r="CU25" s="257">
        <v>0</v>
      </c>
      <c r="CV25" s="254">
        <v>0</v>
      </c>
      <c r="CW25" s="259">
        <v>0</v>
      </c>
    </row>
    <row r="26" spans="2:101" ht="21" customHeight="1" x14ac:dyDescent="0.2">
      <c r="B26" s="437" t="s">
        <v>24</v>
      </c>
      <c r="C26" s="253">
        <v>0</v>
      </c>
      <c r="D26" s="254">
        <v>0</v>
      </c>
      <c r="E26" s="255">
        <v>0</v>
      </c>
      <c r="F26" s="256">
        <v>0</v>
      </c>
      <c r="G26" s="257">
        <v>0</v>
      </c>
      <c r="H26" s="257">
        <v>0</v>
      </c>
      <c r="I26" s="257">
        <v>0</v>
      </c>
      <c r="J26" s="257">
        <v>1</v>
      </c>
      <c r="K26" s="257">
        <v>0</v>
      </c>
      <c r="L26" s="258">
        <v>1</v>
      </c>
      <c r="M26" s="259">
        <v>1</v>
      </c>
      <c r="N26" s="253">
        <v>0</v>
      </c>
      <c r="O26" s="257">
        <v>0</v>
      </c>
      <c r="P26" s="254">
        <v>0</v>
      </c>
      <c r="Q26" s="256">
        <v>0</v>
      </c>
      <c r="R26" s="257">
        <v>0</v>
      </c>
      <c r="S26" s="257">
        <v>0</v>
      </c>
      <c r="T26" s="257">
        <v>0</v>
      </c>
      <c r="U26" s="257">
        <v>0</v>
      </c>
      <c r="V26" s="257">
        <v>0</v>
      </c>
      <c r="W26" s="254">
        <v>0</v>
      </c>
      <c r="X26" s="259">
        <v>0</v>
      </c>
      <c r="Y26" s="253">
        <v>0</v>
      </c>
      <c r="Z26" s="257">
        <v>0</v>
      </c>
      <c r="AA26" s="254">
        <v>0</v>
      </c>
      <c r="AB26" s="256">
        <v>0</v>
      </c>
      <c r="AC26" s="257">
        <v>1</v>
      </c>
      <c r="AD26" s="257">
        <v>2</v>
      </c>
      <c r="AE26" s="257">
        <v>1</v>
      </c>
      <c r="AF26" s="257">
        <v>0</v>
      </c>
      <c r="AG26" s="257">
        <v>0</v>
      </c>
      <c r="AH26" s="254">
        <v>4</v>
      </c>
      <c r="AI26" s="259">
        <v>4</v>
      </c>
      <c r="AJ26" s="253">
        <v>0</v>
      </c>
      <c r="AK26" s="257">
        <v>0</v>
      </c>
      <c r="AL26" s="254">
        <v>0</v>
      </c>
      <c r="AM26" s="256">
        <v>0</v>
      </c>
      <c r="AN26" s="257">
        <v>0</v>
      </c>
      <c r="AO26" s="257">
        <v>0</v>
      </c>
      <c r="AP26" s="257">
        <v>1</v>
      </c>
      <c r="AQ26" s="257">
        <v>0</v>
      </c>
      <c r="AR26" s="257">
        <v>0</v>
      </c>
      <c r="AS26" s="254">
        <v>1</v>
      </c>
      <c r="AT26" s="259">
        <v>1</v>
      </c>
      <c r="AU26" s="253">
        <v>1</v>
      </c>
      <c r="AV26" s="257">
        <v>0</v>
      </c>
      <c r="AW26" s="254">
        <v>1</v>
      </c>
      <c r="AX26" s="256">
        <v>0</v>
      </c>
      <c r="AY26" s="257">
        <v>0</v>
      </c>
      <c r="AZ26" s="257">
        <v>0</v>
      </c>
      <c r="BA26" s="257">
        <v>0</v>
      </c>
      <c r="BB26" s="257">
        <v>0</v>
      </c>
      <c r="BC26" s="257">
        <v>0</v>
      </c>
      <c r="BD26" s="254">
        <v>0</v>
      </c>
      <c r="BE26" s="259">
        <v>1</v>
      </c>
      <c r="BF26" s="253">
        <v>0</v>
      </c>
      <c r="BG26" s="257">
        <v>0</v>
      </c>
      <c r="BH26" s="254">
        <v>0</v>
      </c>
      <c r="BI26" s="256">
        <v>0</v>
      </c>
      <c r="BJ26" s="257">
        <v>0</v>
      </c>
      <c r="BK26" s="257">
        <v>1</v>
      </c>
      <c r="BL26" s="257">
        <v>2</v>
      </c>
      <c r="BM26" s="257">
        <v>0</v>
      </c>
      <c r="BN26" s="257">
        <v>1</v>
      </c>
      <c r="BO26" s="258">
        <v>4</v>
      </c>
      <c r="BP26" s="259">
        <v>4</v>
      </c>
      <c r="BQ26" s="253">
        <v>0</v>
      </c>
      <c r="BR26" s="257">
        <v>0</v>
      </c>
      <c r="BS26" s="254">
        <v>0</v>
      </c>
      <c r="BT26" s="256">
        <v>0</v>
      </c>
      <c r="BU26" s="257">
        <v>0</v>
      </c>
      <c r="BV26" s="257">
        <v>0</v>
      </c>
      <c r="BW26" s="257">
        <v>0</v>
      </c>
      <c r="BX26" s="257">
        <v>0</v>
      </c>
      <c r="BY26" s="257">
        <v>0</v>
      </c>
      <c r="BZ26" s="254">
        <v>0</v>
      </c>
      <c r="CA26" s="259">
        <v>0</v>
      </c>
      <c r="CB26" s="253">
        <v>0</v>
      </c>
      <c r="CC26" s="257">
        <v>0</v>
      </c>
      <c r="CD26" s="254">
        <v>0</v>
      </c>
      <c r="CE26" s="256">
        <v>0</v>
      </c>
      <c r="CF26" s="257">
        <v>0</v>
      </c>
      <c r="CG26" s="257">
        <v>0</v>
      </c>
      <c r="CH26" s="257">
        <v>0</v>
      </c>
      <c r="CI26" s="257">
        <v>0</v>
      </c>
      <c r="CJ26" s="257">
        <v>0</v>
      </c>
      <c r="CK26" s="254">
        <v>0</v>
      </c>
      <c r="CL26" s="259">
        <v>0</v>
      </c>
      <c r="CM26" s="253">
        <v>0</v>
      </c>
      <c r="CN26" s="257">
        <v>0</v>
      </c>
      <c r="CO26" s="254">
        <v>0</v>
      </c>
      <c r="CP26" s="256">
        <v>0</v>
      </c>
      <c r="CQ26" s="257">
        <v>0</v>
      </c>
      <c r="CR26" s="257">
        <v>0</v>
      </c>
      <c r="CS26" s="257">
        <v>0</v>
      </c>
      <c r="CT26" s="257">
        <v>0</v>
      </c>
      <c r="CU26" s="257">
        <v>0</v>
      </c>
      <c r="CV26" s="254">
        <v>0</v>
      </c>
      <c r="CW26" s="259">
        <v>0</v>
      </c>
    </row>
    <row r="27" spans="2:101" ht="21" customHeight="1" x14ac:dyDescent="0.2">
      <c r="B27" s="437" t="s">
        <v>25</v>
      </c>
      <c r="C27" s="253">
        <v>0</v>
      </c>
      <c r="D27" s="254">
        <v>0</v>
      </c>
      <c r="E27" s="255">
        <v>0</v>
      </c>
      <c r="F27" s="256">
        <v>0</v>
      </c>
      <c r="G27" s="257">
        <v>0</v>
      </c>
      <c r="H27" s="257">
        <v>0</v>
      </c>
      <c r="I27" s="257">
        <v>0</v>
      </c>
      <c r="J27" s="257">
        <v>0</v>
      </c>
      <c r="K27" s="257">
        <v>0</v>
      </c>
      <c r="L27" s="258">
        <v>0</v>
      </c>
      <c r="M27" s="259">
        <v>0</v>
      </c>
      <c r="N27" s="253">
        <v>0</v>
      </c>
      <c r="O27" s="257">
        <v>0</v>
      </c>
      <c r="P27" s="254">
        <v>0</v>
      </c>
      <c r="Q27" s="256">
        <v>0</v>
      </c>
      <c r="R27" s="257">
        <v>0</v>
      </c>
      <c r="S27" s="257">
        <v>0</v>
      </c>
      <c r="T27" s="257">
        <v>0</v>
      </c>
      <c r="U27" s="257">
        <v>0</v>
      </c>
      <c r="V27" s="257">
        <v>0</v>
      </c>
      <c r="W27" s="254">
        <v>0</v>
      </c>
      <c r="X27" s="259">
        <v>0</v>
      </c>
      <c r="Y27" s="253">
        <v>0</v>
      </c>
      <c r="Z27" s="257">
        <v>0</v>
      </c>
      <c r="AA27" s="254">
        <v>0</v>
      </c>
      <c r="AB27" s="256">
        <v>0</v>
      </c>
      <c r="AC27" s="257">
        <v>7</v>
      </c>
      <c r="AD27" s="257">
        <v>1</v>
      </c>
      <c r="AE27" s="257">
        <v>0</v>
      </c>
      <c r="AF27" s="257">
        <v>0</v>
      </c>
      <c r="AG27" s="257">
        <v>0</v>
      </c>
      <c r="AH27" s="254">
        <v>8</v>
      </c>
      <c r="AI27" s="259">
        <v>8</v>
      </c>
      <c r="AJ27" s="253">
        <v>0</v>
      </c>
      <c r="AK27" s="257">
        <v>0</v>
      </c>
      <c r="AL27" s="254">
        <v>0</v>
      </c>
      <c r="AM27" s="256">
        <v>0</v>
      </c>
      <c r="AN27" s="257">
        <v>0</v>
      </c>
      <c r="AO27" s="257">
        <v>0</v>
      </c>
      <c r="AP27" s="257">
        <v>0</v>
      </c>
      <c r="AQ27" s="257">
        <v>0</v>
      </c>
      <c r="AR27" s="257">
        <v>0</v>
      </c>
      <c r="AS27" s="254">
        <v>0</v>
      </c>
      <c r="AT27" s="259">
        <v>0</v>
      </c>
      <c r="AU27" s="253">
        <v>1</v>
      </c>
      <c r="AV27" s="257">
        <v>0</v>
      </c>
      <c r="AW27" s="254">
        <v>1</v>
      </c>
      <c r="AX27" s="256">
        <v>0</v>
      </c>
      <c r="AY27" s="257">
        <v>0</v>
      </c>
      <c r="AZ27" s="257">
        <v>0</v>
      </c>
      <c r="BA27" s="257">
        <v>0</v>
      </c>
      <c r="BB27" s="257">
        <v>0</v>
      </c>
      <c r="BC27" s="257">
        <v>0</v>
      </c>
      <c r="BD27" s="254">
        <v>0</v>
      </c>
      <c r="BE27" s="259">
        <v>1</v>
      </c>
      <c r="BF27" s="253">
        <v>0</v>
      </c>
      <c r="BG27" s="257">
        <v>0</v>
      </c>
      <c r="BH27" s="254">
        <v>0</v>
      </c>
      <c r="BI27" s="256">
        <v>0</v>
      </c>
      <c r="BJ27" s="257">
        <v>1</v>
      </c>
      <c r="BK27" s="257">
        <v>0</v>
      </c>
      <c r="BL27" s="257">
        <v>0</v>
      </c>
      <c r="BM27" s="257">
        <v>0</v>
      </c>
      <c r="BN27" s="257">
        <v>0</v>
      </c>
      <c r="BO27" s="258">
        <v>1</v>
      </c>
      <c r="BP27" s="259">
        <v>1</v>
      </c>
      <c r="BQ27" s="253">
        <v>0</v>
      </c>
      <c r="BR27" s="257">
        <v>0</v>
      </c>
      <c r="BS27" s="254">
        <v>0</v>
      </c>
      <c r="BT27" s="256">
        <v>0</v>
      </c>
      <c r="BU27" s="257">
        <v>0</v>
      </c>
      <c r="BV27" s="257">
        <v>0</v>
      </c>
      <c r="BW27" s="257">
        <v>0</v>
      </c>
      <c r="BX27" s="257">
        <v>0</v>
      </c>
      <c r="BY27" s="257">
        <v>0</v>
      </c>
      <c r="BZ27" s="254">
        <v>0</v>
      </c>
      <c r="CA27" s="259">
        <v>0</v>
      </c>
      <c r="CB27" s="253">
        <v>0</v>
      </c>
      <c r="CC27" s="257">
        <v>0</v>
      </c>
      <c r="CD27" s="254">
        <v>0</v>
      </c>
      <c r="CE27" s="256">
        <v>0</v>
      </c>
      <c r="CF27" s="257">
        <v>0</v>
      </c>
      <c r="CG27" s="257">
        <v>0</v>
      </c>
      <c r="CH27" s="257">
        <v>0</v>
      </c>
      <c r="CI27" s="257">
        <v>0</v>
      </c>
      <c r="CJ27" s="257">
        <v>0</v>
      </c>
      <c r="CK27" s="254">
        <v>0</v>
      </c>
      <c r="CL27" s="259">
        <v>0</v>
      </c>
      <c r="CM27" s="253">
        <v>0</v>
      </c>
      <c r="CN27" s="257">
        <v>0</v>
      </c>
      <c r="CO27" s="254">
        <v>0</v>
      </c>
      <c r="CP27" s="256">
        <v>0</v>
      </c>
      <c r="CQ27" s="257">
        <v>0</v>
      </c>
      <c r="CR27" s="257">
        <v>0</v>
      </c>
      <c r="CS27" s="257">
        <v>0</v>
      </c>
      <c r="CT27" s="257">
        <v>0</v>
      </c>
      <c r="CU27" s="257">
        <v>0</v>
      </c>
      <c r="CV27" s="254">
        <v>0</v>
      </c>
      <c r="CW27" s="259">
        <v>0</v>
      </c>
    </row>
    <row r="28" spans="2:101" ht="21" customHeight="1" x14ac:dyDescent="0.2">
      <c r="B28" s="437" t="s">
        <v>26</v>
      </c>
      <c r="C28" s="253">
        <v>0</v>
      </c>
      <c r="D28" s="254">
        <v>0</v>
      </c>
      <c r="E28" s="255">
        <v>0</v>
      </c>
      <c r="F28" s="256">
        <v>0</v>
      </c>
      <c r="G28" s="257">
        <v>0</v>
      </c>
      <c r="H28" s="257">
        <v>0</v>
      </c>
      <c r="I28" s="257">
        <v>0</v>
      </c>
      <c r="J28" s="257">
        <v>0</v>
      </c>
      <c r="K28" s="257">
        <v>0</v>
      </c>
      <c r="L28" s="258">
        <v>0</v>
      </c>
      <c r="M28" s="259">
        <v>0</v>
      </c>
      <c r="N28" s="253">
        <v>0</v>
      </c>
      <c r="O28" s="257">
        <v>0</v>
      </c>
      <c r="P28" s="254">
        <v>0</v>
      </c>
      <c r="Q28" s="256">
        <v>0</v>
      </c>
      <c r="R28" s="257">
        <v>0</v>
      </c>
      <c r="S28" s="257">
        <v>0</v>
      </c>
      <c r="T28" s="257">
        <v>0</v>
      </c>
      <c r="U28" s="257">
        <v>0</v>
      </c>
      <c r="V28" s="257">
        <v>0</v>
      </c>
      <c r="W28" s="254">
        <v>0</v>
      </c>
      <c r="X28" s="259">
        <v>0</v>
      </c>
      <c r="Y28" s="253">
        <v>0</v>
      </c>
      <c r="Z28" s="257">
        <v>0</v>
      </c>
      <c r="AA28" s="254">
        <v>0</v>
      </c>
      <c r="AB28" s="256">
        <v>0</v>
      </c>
      <c r="AC28" s="257">
        <v>3</v>
      </c>
      <c r="AD28" s="257">
        <v>2</v>
      </c>
      <c r="AE28" s="257">
        <v>1</v>
      </c>
      <c r="AF28" s="257">
        <v>1</v>
      </c>
      <c r="AG28" s="257">
        <v>1</v>
      </c>
      <c r="AH28" s="254">
        <v>8</v>
      </c>
      <c r="AI28" s="259">
        <v>8</v>
      </c>
      <c r="AJ28" s="253">
        <v>0</v>
      </c>
      <c r="AK28" s="257">
        <v>0</v>
      </c>
      <c r="AL28" s="254">
        <v>0</v>
      </c>
      <c r="AM28" s="256">
        <v>0</v>
      </c>
      <c r="AN28" s="257">
        <v>0</v>
      </c>
      <c r="AO28" s="257">
        <v>1</v>
      </c>
      <c r="AP28" s="257">
        <v>1</v>
      </c>
      <c r="AQ28" s="257">
        <v>0</v>
      </c>
      <c r="AR28" s="257">
        <v>0</v>
      </c>
      <c r="AS28" s="254">
        <v>2</v>
      </c>
      <c r="AT28" s="259">
        <v>2</v>
      </c>
      <c r="AU28" s="253">
        <v>0</v>
      </c>
      <c r="AV28" s="257">
        <v>0</v>
      </c>
      <c r="AW28" s="254">
        <v>0</v>
      </c>
      <c r="AX28" s="256">
        <v>0</v>
      </c>
      <c r="AY28" s="257">
        <v>0</v>
      </c>
      <c r="AZ28" s="257">
        <v>0</v>
      </c>
      <c r="BA28" s="257">
        <v>0</v>
      </c>
      <c r="BB28" s="257">
        <v>0</v>
      </c>
      <c r="BC28" s="257">
        <v>1</v>
      </c>
      <c r="BD28" s="254">
        <v>1</v>
      </c>
      <c r="BE28" s="259">
        <v>1</v>
      </c>
      <c r="BF28" s="253">
        <v>0</v>
      </c>
      <c r="BG28" s="257">
        <v>0</v>
      </c>
      <c r="BH28" s="254">
        <v>0</v>
      </c>
      <c r="BI28" s="256">
        <v>0</v>
      </c>
      <c r="BJ28" s="257">
        <v>0</v>
      </c>
      <c r="BK28" s="257">
        <v>0</v>
      </c>
      <c r="BL28" s="257">
        <v>1</v>
      </c>
      <c r="BM28" s="257">
        <v>2</v>
      </c>
      <c r="BN28" s="257">
        <v>0</v>
      </c>
      <c r="BO28" s="258">
        <v>3</v>
      </c>
      <c r="BP28" s="259">
        <v>3</v>
      </c>
      <c r="BQ28" s="253">
        <v>0</v>
      </c>
      <c r="BR28" s="257">
        <v>0</v>
      </c>
      <c r="BS28" s="254">
        <v>0</v>
      </c>
      <c r="BT28" s="256">
        <v>0</v>
      </c>
      <c r="BU28" s="257">
        <v>0</v>
      </c>
      <c r="BV28" s="257">
        <v>0</v>
      </c>
      <c r="BW28" s="257">
        <v>0</v>
      </c>
      <c r="BX28" s="257">
        <v>0</v>
      </c>
      <c r="BY28" s="257">
        <v>0</v>
      </c>
      <c r="BZ28" s="254">
        <v>0</v>
      </c>
      <c r="CA28" s="259">
        <v>0</v>
      </c>
      <c r="CB28" s="253">
        <v>0</v>
      </c>
      <c r="CC28" s="257">
        <v>0</v>
      </c>
      <c r="CD28" s="254">
        <v>0</v>
      </c>
      <c r="CE28" s="256">
        <v>0</v>
      </c>
      <c r="CF28" s="257">
        <v>0</v>
      </c>
      <c r="CG28" s="257">
        <v>0</v>
      </c>
      <c r="CH28" s="257">
        <v>0</v>
      </c>
      <c r="CI28" s="257">
        <v>0</v>
      </c>
      <c r="CJ28" s="257">
        <v>0</v>
      </c>
      <c r="CK28" s="254">
        <v>0</v>
      </c>
      <c r="CL28" s="259">
        <v>0</v>
      </c>
      <c r="CM28" s="253">
        <v>0</v>
      </c>
      <c r="CN28" s="257">
        <v>0</v>
      </c>
      <c r="CO28" s="254">
        <v>0</v>
      </c>
      <c r="CP28" s="256">
        <v>0</v>
      </c>
      <c r="CQ28" s="257">
        <v>0</v>
      </c>
      <c r="CR28" s="257">
        <v>0</v>
      </c>
      <c r="CS28" s="257">
        <v>0</v>
      </c>
      <c r="CT28" s="257">
        <v>0</v>
      </c>
      <c r="CU28" s="257">
        <v>0</v>
      </c>
      <c r="CV28" s="254">
        <v>0</v>
      </c>
      <c r="CW28" s="259">
        <v>0</v>
      </c>
    </row>
    <row r="29" spans="2:101" ht="21" customHeight="1" x14ac:dyDescent="0.2">
      <c r="B29" s="437" t="s">
        <v>27</v>
      </c>
      <c r="C29" s="253">
        <v>0</v>
      </c>
      <c r="D29" s="254">
        <v>0</v>
      </c>
      <c r="E29" s="255">
        <v>0</v>
      </c>
      <c r="F29" s="256">
        <v>0</v>
      </c>
      <c r="G29" s="257">
        <v>0</v>
      </c>
      <c r="H29" s="257">
        <v>0</v>
      </c>
      <c r="I29" s="257">
        <v>1</v>
      </c>
      <c r="J29" s="257">
        <v>0</v>
      </c>
      <c r="K29" s="257">
        <v>0</v>
      </c>
      <c r="L29" s="258">
        <v>1</v>
      </c>
      <c r="M29" s="259">
        <v>1</v>
      </c>
      <c r="N29" s="253">
        <v>0</v>
      </c>
      <c r="O29" s="257">
        <v>0</v>
      </c>
      <c r="P29" s="254">
        <v>0</v>
      </c>
      <c r="Q29" s="256">
        <v>0</v>
      </c>
      <c r="R29" s="257">
        <v>0</v>
      </c>
      <c r="S29" s="257">
        <v>0</v>
      </c>
      <c r="T29" s="257">
        <v>0</v>
      </c>
      <c r="U29" s="257">
        <v>0</v>
      </c>
      <c r="V29" s="257">
        <v>0</v>
      </c>
      <c r="W29" s="254">
        <v>0</v>
      </c>
      <c r="X29" s="259">
        <v>0</v>
      </c>
      <c r="Y29" s="253">
        <v>0</v>
      </c>
      <c r="Z29" s="257">
        <v>0</v>
      </c>
      <c r="AA29" s="254">
        <v>0</v>
      </c>
      <c r="AB29" s="256">
        <v>0</v>
      </c>
      <c r="AC29" s="257">
        <v>0</v>
      </c>
      <c r="AD29" s="257">
        <v>1</v>
      </c>
      <c r="AE29" s="257">
        <v>0</v>
      </c>
      <c r="AF29" s="257">
        <v>0</v>
      </c>
      <c r="AG29" s="257">
        <v>0</v>
      </c>
      <c r="AH29" s="254">
        <v>1</v>
      </c>
      <c r="AI29" s="259">
        <v>1</v>
      </c>
      <c r="AJ29" s="253">
        <v>0</v>
      </c>
      <c r="AK29" s="257">
        <v>0</v>
      </c>
      <c r="AL29" s="254">
        <v>0</v>
      </c>
      <c r="AM29" s="256">
        <v>0</v>
      </c>
      <c r="AN29" s="257">
        <v>0</v>
      </c>
      <c r="AO29" s="257">
        <v>0</v>
      </c>
      <c r="AP29" s="257">
        <v>0</v>
      </c>
      <c r="AQ29" s="257">
        <v>1</v>
      </c>
      <c r="AR29" s="257">
        <v>0</v>
      </c>
      <c r="AS29" s="254">
        <v>1</v>
      </c>
      <c r="AT29" s="259">
        <v>1</v>
      </c>
      <c r="AU29" s="253">
        <v>0</v>
      </c>
      <c r="AV29" s="257">
        <v>0</v>
      </c>
      <c r="AW29" s="254">
        <v>0</v>
      </c>
      <c r="AX29" s="256">
        <v>0</v>
      </c>
      <c r="AY29" s="257">
        <v>0</v>
      </c>
      <c r="AZ29" s="257">
        <v>1</v>
      </c>
      <c r="BA29" s="257">
        <v>0</v>
      </c>
      <c r="BB29" s="257">
        <v>0</v>
      </c>
      <c r="BC29" s="257">
        <v>0</v>
      </c>
      <c r="BD29" s="254">
        <v>1</v>
      </c>
      <c r="BE29" s="259">
        <v>1</v>
      </c>
      <c r="BF29" s="253">
        <v>0</v>
      </c>
      <c r="BG29" s="257">
        <v>0</v>
      </c>
      <c r="BH29" s="254">
        <v>0</v>
      </c>
      <c r="BI29" s="256">
        <v>0</v>
      </c>
      <c r="BJ29" s="257">
        <v>0</v>
      </c>
      <c r="BK29" s="257">
        <v>0</v>
      </c>
      <c r="BL29" s="257">
        <v>2</v>
      </c>
      <c r="BM29" s="257">
        <v>0</v>
      </c>
      <c r="BN29" s="257">
        <v>0</v>
      </c>
      <c r="BO29" s="258">
        <v>2</v>
      </c>
      <c r="BP29" s="259">
        <v>2</v>
      </c>
      <c r="BQ29" s="253">
        <v>0</v>
      </c>
      <c r="BR29" s="257">
        <v>0</v>
      </c>
      <c r="BS29" s="254">
        <v>0</v>
      </c>
      <c r="BT29" s="256">
        <v>0</v>
      </c>
      <c r="BU29" s="257">
        <v>0</v>
      </c>
      <c r="BV29" s="257">
        <v>0</v>
      </c>
      <c r="BW29" s="257">
        <v>0</v>
      </c>
      <c r="BX29" s="257">
        <v>0</v>
      </c>
      <c r="BY29" s="257">
        <v>0</v>
      </c>
      <c r="BZ29" s="254">
        <v>0</v>
      </c>
      <c r="CA29" s="259">
        <v>0</v>
      </c>
      <c r="CB29" s="253">
        <v>0</v>
      </c>
      <c r="CC29" s="257">
        <v>0</v>
      </c>
      <c r="CD29" s="254">
        <v>0</v>
      </c>
      <c r="CE29" s="256">
        <v>0</v>
      </c>
      <c r="CF29" s="257">
        <v>0</v>
      </c>
      <c r="CG29" s="257">
        <v>0</v>
      </c>
      <c r="CH29" s="257">
        <v>1</v>
      </c>
      <c r="CI29" s="257">
        <v>0</v>
      </c>
      <c r="CJ29" s="257">
        <v>0</v>
      </c>
      <c r="CK29" s="254">
        <v>1</v>
      </c>
      <c r="CL29" s="259">
        <v>1</v>
      </c>
      <c r="CM29" s="253">
        <v>0</v>
      </c>
      <c r="CN29" s="257">
        <v>0</v>
      </c>
      <c r="CO29" s="254">
        <v>0</v>
      </c>
      <c r="CP29" s="256">
        <v>0</v>
      </c>
      <c r="CQ29" s="257">
        <v>0</v>
      </c>
      <c r="CR29" s="257">
        <v>0</v>
      </c>
      <c r="CS29" s="257">
        <v>0</v>
      </c>
      <c r="CT29" s="257">
        <v>0</v>
      </c>
      <c r="CU29" s="257">
        <v>0</v>
      </c>
      <c r="CV29" s="254">
        <v>0</v>
      </c>
      <c r="CW29" s="259">
        <v>0</v>
      </c>
    </row>
    <row r="30" spans="2:101" ht="21" customHeight="1" x14ac:dyDescent="0.2">
      <c r="B30" s="437" t="s">
        <v>28</v>
      </c>
      <c r="C30" s="253">
        <v>0</v>
      </c>
      <c r="D30" s="254">
        <v>0</v>
      </c>
      <c r="E30" s="255">
        <v>0</v>
      </c>
      <c r="F30" s="256">
        <v>0</v>
      </c>
      <c r="G30" s="257">
        <v>0</v>
      </c>
      <c r="H30" s="257">
        <v>0</v>
      </c>
      <c r="I30" s="257">
        <v>0</v>
      </c>
      <c r="J30" s="257">
        <v>0</v>
      </c>
      <c r="K30" s="257">
        <v>0</v>
      </c>
      <c r="L30" s="258">
        <v>0</v>
      </c>
      <c r="M30" s="259">
        <v>0</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5</v>
      </c>
      <c r="AD30" s="257">
        <v>0</v>
      </c>
      <c r="AE30" s="257">
        <v>0</v>
      </c>
      <c r="AF30" s="257">
        <v>0</v>
      </c>
      <c r="AG30" s="257">
        <v>0</v>
      </c>
      <c r="AH30" s="254">
        <v>5</v>
      </c>
      <c r="AI30" s="259">
        <v>5</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0</v>
      </c>
      <c r="AZ30" s="257">
        <v>0</v>
      </c>
      <c r="BA30" s="257">
        <v>0</v>
      </c>
      <c r="BB30" s="257">
        <v>0</v>
      </c>
      <c r="BC30" s="257">
        <v>0</v>
      </c>
      <c r="BD30" s="254">
        <v>0</v>
      </c>
      <c r="BE30" s="259">
        <v>0</v>
      </c>
      <c r="BF30" s="253">
        <v>0</v>
      </c>
      <c r="BG30" s="257">
        <v>0</v>
      </c>
      <c r="BH30" s="254">
        <v>0</v>
      </c>
      <c r="BI30" s="256">
        <v>0</v>
      </c>
      <c r="BJ30" s="257">
        <v>0</v>
      </c>
      <c r="BK30" s="257">
        <v>0</v>
      </c>
      <c r="BL30" s="257">
        <v>0</v>
      </c>
      <c r="BM30" s="257">
        <v>0</v>
      </c>
      <c r="BN30" s="257">
        <v>1</v>
      </c>
      <c r="BO30" s="258">
        <v>1</v>
      </c>
      <c r="BP30" s="259">
        <v>1</v>
      </c>
      <c r="BQ30" s="253">
        <v>0</v>
      </c>
      <c r="BR30" s="257">
        <v>0</v>
      </c>
      <c r="BS30" s="254">
        <v>0</v>
      </c>
      <c r="BT30" s="256">
        <v>0</v>
      </c>
      <c r="BU30" s="257">
        <v>0</v>
      </c>
      <c r="BV30" s="257">
        <v>0</v>
      </c>
      <c r="BW30" s="257">
        <v>0</v>
      </c>
      <c r="BX30" s="257">
        <v>0</v>
      </c>
      <c r="BY30" s="257">
        <v>0</v>
      </c>
      <c r="BZ30" s="254">
        <v>0</v>
      </c>
      <c r="CA30" s="259">
        <v>0</v>
      </c>
      <c r="CB30" s="253">
        <v>0</v>
      </c>
      <c r="CC30" s="257">
        <v>0</v>
      </c>
      <c r="CD30" s="254">
        <v>0</v>
      </c>
      <c r="CE30" s="256">
        <v>0</v>
      </c>
      <c r="CF30" s="257">
        <v>0</v>
      </c>
      <c r="CG30" s="257">
        <v>0</v>
      </c>
      <c r="CH30" s="257">
        <v>0</v>
      </c>
      <c r="CI30" s="257">
        <v>0</v>
      </c>
      <c r="CJ30" s="257">
        <v>0</v>
      </c>
      <c r="CK30" s="254">
        <v>0</v>
      </c>
      <c r="CL30" s="259">
        <v>0</v>
      </c>
      <c r="CM30" s="253">
        <v>0</v>
      </c>
      <c r="CN30" s="257">
        <v>0</v>
      </c>
      <c r="CO30" s="254">
        <v>0</v>
      </c>
      <c r="CP30" s="256">
        <v>0</v>
      </c>
      <c r="CQ30" s="257">
        <v>0</v>
      </c>
      <c r="CR30" s="257">
        <v>0</v>
      </c>
      <c r="CS30" s="257">
        <v>0</v>
      </c>
      <c r="CT30" s="257">
        <v>0</v>
      </c>
      <c r="CU30" s="257">
        <v>0</v>
      </c>
      <c r="CV30" s="254">
        <v>0</v>
      </c>
      <c r="CW30" s="259">
        <v>0</v>
      </c>
    </row>
    <row r="31" spans="2:101" ht="21" customHeight="1" x14ac:dyDescent="0.2">
      <c r="B31" s="437" t="s">
        <v>29</v>
      </c>
      <c r="C31" s="253">
        <v>0</v>
      </c>
      <c r="D31" s="254">
        <v>0</v>
      </c>
      <c r="E31" s="255">
        <v>0</v>
      </c>
      <c r="F31" s="256">
        <v>0</v>
      </c>
      <c r="G31" s="257">
        <v>0</v>
      </c>
      <c r="H31" s="257">
        <v>0</v>
      </c>
      <c r="I31" s="257">
        <v>1</v>
      </c>
      <c r="J31" s="257">
        <v>0</v>
      </c>
      <c r="K31" s="257">
        <v>0</v>
      </c>
      <c r="L31" s="258">
        <v>1</v>
      </c>
      <c r="M31" s="259">
        <v>1</v>
      </c>
      <c r="N31" s="253">
        <v>0</v>
      </c>
      <c r="O31" s="257">
        <v>0</v>
      </c>
      <c r="P31" s="254">
        <v>0</v>
      </c>
      <c r="Q31" s="256">
        <v>0</v>
      </c>
      <c r="R31" s="257">
        <v>0</v>
      </c>
      <c r="S31" s="257">
        <v>0</v>
      </c>
      <c r="T31" s="257">
        <v>0</v>
      </c>
      <c r="U31" s="257">
        <v>0</v>
      </c>
      <c r="V31" s="257">
        <v>0</v>
      </c>
      <c r="W31" s="254">
        <v>0</v>
      </c>
      <c r="X31" s="259">
        <v>0</v>
      </c>
      <c r="Y31" s="253">
        <v>0</v>
      </c>
      <c r="Z31" s="257">
        <v>0</v>
      </c>
      <c r="AA31" s="254">
        <v>0</v>
      </c>
      <c r="AB31" s="256">
        <v>0</v>
      </c>
      <c r="AC31" s="257">
        <v>0</v>
      </c>
      <c r="AD31" s="257">
        <v>2</v>
      </c>
      <c r="AE31" s="257">
        <v>1</v>
      </c>
      <c r="AF31" s="257">
        <v>0</v>
      </c>
      <c r="AG31" s="257">
        <v>0</v>
      </c>
      <c r="AH31" s="254">
        <v>3</v>
      </c>
      <c r="AI31" s="259">
        <v>3</v>
      </c>
      <c r="AJ31" s="253">
        <v>0</v>
      </c>
      <c r="AK31" s="257">
        <v>0</v>
      </c>
      <c r="AL31" s="254">
        <v>0</v>
      </c>
      <c r="AM31" s="256">
        <v>0</v>
      </c>
      <c r="AN31" s="257">
        <v>0</v>
      </c>
      <c r="AO31" s="257">
        <v>0</v>
      </c>
      <c r="AP31" s="257">
        <v>0</v>
      </c>
      <c r="AQ31" s="257">
        <v>0</v>
      </c>
      <c r="AR31" s="257">
        <v>0</v>
      </c>
      <c r="AS31" s="254">
        <v>0</v>
      </c>
      <c r="AT31" s="259">
        <v>0</v>
      </c>
      <c r="AU31" s="253">
        <v>0</v>
      </c>
      <c r="AV31" s="257">
        <v>0</v>
      </c>
      <c r="AW31" s="254">
        <v>0</v>
      </c>
      <c r="AX31" s="256">
        <v>0</v>
      </c>
      <c r="AY31" s="257">
        <v>0</v>
      </c>
      <c r="AZ31" s="257">
        <v>0</v>
      </c>
      <c r="BA31" s="257">
        <v>0</v>
      </c>
      <c r="BB31" s="257">
        <v>0</v>
      </c>
      <c r="BC31" s="257">
        <v>0</v>
      </c>
      <c r="BD31" s="254">
        <v>0</v>
      </c>
      <c r="BE31" s="259">
        <v>0</v>
      </c>
      <c r="BF31" s="253">
        <v>0</v>
      </c>
      <c r="BG31" s="257">
        <v>0</v>
      </c>
      <c r="BH31" s="254">
        <v>0</v>
      </c>
      <c r="BI31" s="256">
        <v>0</v>
      </c>
      <c r="BJ31" s="257">
        <v>0</v>
      </c>
      <c r="BK31" s="257">
        <v>0</v>
      </c>
      <c r="BL31" s="257">
        <v>0</v>
      </c>
      <c r="BM31" s="257">
        <v>0</v>
      </c>
      <c r="BN31" s="257">
        <v>0</v>
      </c>
      <c r="BO31" s="258">
        <v>0</v>
      </c>
      <c r="BP31" s="259">
        <v>0</v>
      </c>
      <c r="BQ31" s="253">
        <v>0</v>
      </c>
      <c r="BR31" s="257">
        <v>0</v>
      </c>
      <c r="BS31" s="254">
        <v>0</v>
      </c>
      <c r="BT31" s="256">
        <v>0</v>
      </c>
      <c r="BU31" s="257">
        <v>0</v>
      </c>
      <c r="BV31" s="257">
        <v>0</v>
      </c>
      <c r="BW31" s="257">
        <v>0</v>
      </c>
      <c r="BX31" s="257">
        <v>0</v>
      </c>
      <c r="BY31" s="257">
        <v>0</v>
      </c>
      <c r="BZ31" s="254">
        <v>0</v>
      </c>
      <c r="CA31" s="259">
        <v>0</v>
      </c>
      <c r="CB31" s="253">
        <v>0</v>
      </c>
      <c r="CC31" s="257">
        <v>0</v>
      </c>
      <c r="CD31" s="254">
        <v>0</v>
      </c>
      <c r="CE31" s="256">
        <v>0</v>
      </c>
      <c r="CF31" s="257">
        <v>0</v>
      </c>
      <c r="CG31" s="257">
        <v>0</v>
      </c>
      <c r="CH31" s="257">
        <v>2</v>
      </c>
      <c r="CI31" s="257">
        <v>1</v>
      </c>
      <c r="CJ31" s="257">
        <v>0</v>
      </c>
      <c r="CK31" s="254">
        <v>3</v>
      </c>
      <c r="CL31" s="259">
        <v>3</v>
      </c>
      <c r="CM31" s="253">
        <v>0</v>
      </c>
      <c r="CN31" s="257">
        <v>0</v>
      </c>
      <c r="CO31" s="254">
        <v>0</v>
      </c>
      <c r="CP31" s="256">
        <v>0</v>
      </c>
      <c r="CQ31" s="257">
        <v>0</v>
      </c>
      <c r="CR31" s="257">
        <v>0</v>
      </c>
      <c r="CS31" s="257">
        <v>0</v>
      </c>
      <c r="CT31" s="257">
        <v>0</v>
      </c>
      <c r="CU31" s="257">
        <v>0</v>
      </c>
      <c r="CV31" s="254">
        <v>0</v>
      </c>
      <c r="CW31" s="259">
        <v>0</v>
      </c>
    </row>
    <row r="32" spans="2:101" ht="21" customHeight="1" x14ac:dyDescent="0.2">
      <c r="B32" s="437" t="s">
        <v>30</v>
      </c>
      <c r="C32" s="253">
        <v>0</v>
      </c>
      <c r="D32" s="254">
        <v>0</v>
      </c>
      <c r="E32" s="255">
        <v>0</v>
      </c>
      <c r="F32" s="256">
        <v>0</v>
      </c>
      <c r="G32" s="257">
        <v>0</v>
      </c>
      <c r="H32" s="257">
        <v>0</v>
      </c>
      <c r="I32" s="257">
        <v>0</v>
      </c>
      <c r="J32" s="257">
        <v>0</v>
      </c>
      <c r="K32" s="257">
        <v>0</v>
      </c>
      <c r="L32" s="258">
        <v>0</v>
      </c>
      <c r="M32" s="259">
        <v>0</v>
      </c>
      <c r="N32" s="253">
        <v>0</v>
      </c>
      <c r="O32" s="257">
        <v>0</v>
      </c>
      <c r="P32" s="254">
        <v>0</v>
      </c>
      <c r="Q32" s="256">
        <v>0</v>
      </c>
      <c r="R32" s="257">
        <v>0</v>
      </c>
      <c r="S32" s="257">
        <v>0</v>
      </c>
      <c r="T32" s="257">
        <v>0</v>
      </c>
      <c r="U32" s="257">
        <v>0</v>
      </c>
      <c r="V32" s="257">
        <v>0</v>
      </c>
      <c r="W32" s="254">
        <v>0</v>
      </c>
      <c r="X32" s="259">
        <v>0</v>
      </c>
      <c r="Y32" s="253">
        <v>0</v>
      </c>
      <c r="Z32" s="257">
        <v>0</v>
      </c>
      <c r="AA32" s="254">
        <v>0</v>
      </c>
      <c r="AB32" s="256">
        <v>0</v>
      </c>
      <c r="AC32" s="257">
        <v>1</v>
      </c>
      <c r="AD32" s="257">
        <v>0</v>
      </c>
      <c r="AE32" s="257">
        <v>1</v>
      </c>
      <c r="AF32" s="257">
        <v>0</v>
      </c>
      <c r="AG32" s="257">
        <v>0</v>
      </c>
      <c r="AH32" s="254">
        <v>2</v>
      </c>
      <c r="AI32" s="259">
        <v>2</v>
      </c>
      <c r="AJ32" s="253">
        <v>0</v>
      </c>
      <c r="AK32" s="257">
        <v>0</v>
      </c>
      <c r="AL32" s="254">
        <v>0</v>
      </c>
      <c r="AM32" s="256">
        <v>0</v>
      </c>
      <c r="AN32" s="257">
        <v>0</v>
      </c>
      <c r="AO32" s="257">
        <v>0</v>
      </c>
      <c r="AP32" s="257">
        <v>0</v>
      </c>
      <c r="AQ32" s="257">
        <v>0</v>
      </c>
      <c r="AR32" s="257">
        <v>0</v>
      </c>
      <c r="AS32" s="254">
        <v>0</v>
      </c>
      <c r="AT32" s="259">
        <v>0</v>
      </c>
      <c r="AU32" s="253">
        <v>0</v>
      </c>
      <c r="AV32" s="257">
        <v>0</v>
      </c>
      <c r="AW32" s="254">
        <v>0</v>
      </c>
      <c r="AX32" s="256">
        <v>0</v>
      </c>
      <c r="AY32" s="257">
        <v>0</v>
      </c>
      <c r="AZ32" s="257">
        <v>0</v>
      </c>
      <c r="BA32" s="257">
        <v>0</v>
      </c>
      <c r="BB32" s="257">
        <v>0</v>
      </c>
      <c r="BC32" s="257">
        <v>0</v>
      </c>
      <c r="BD32" s="254">
        <v>0</v>
      </c>
      <c r="BE32" s="259">
        <v>0</v>
      </c>
      <c r="BF32" s="253">
        <v>0</v>
      </c>
      <c r="BG32" s="257">
        <v>0</v>
      </c>
      <c r="BH32" s="254">
        <v>0</v>
      </c>
      <c r="BI32" s="256">
        <v>0</v>
      </c>
      <c r="BJ32" s="257">
        <v>0</v>
      </c>
      <c r="BK32" s="257">
        <v>0</v>
      </c>
      <c r="BL32" s="257">
        <v>0</v>
      </c>
      <c r="BM32" s="257">
        <v>1</v>
      </c>
      <c r="BN32" s="257">
        <v>0</v>
      </c>
      <c r="BO32" s="258">
        <v>1</v>
      </c>
      <c r="BP32" s="259">
        <v>1</v>
      </c>
      <c r="BQ32" s="253">
        <v>0</v>
      </c>
      <c r="BR32" s="257">
        <v>0</v>
      </c>
      <c r="BS32" s="254">
        <v>0</v>
      </c>
      <c r="BT32" s="256">
        <v>0</v>
      </c>
      <c r="BU32" s="257">
        <v>0</v>
      </c>
      <c r="BV32" s="257">
        <v>0</v>
      </c>
      <c r="BW32" s="257">
        <v>0</v>
      </c>
      <c r="BX32" s="257">
        <v>0</v>
      </c>
      <c r="BY32" s="257">
        <v>0</v>
      </c>
      <c r="BZ32" s="254">
        <v>0</v>
      </c>
      <c r="CA32" s="259">
        <v>0</v>
      </c>
      <c r="CB32" s="253">
        <v>0</v>
      </c>
      <c r="CC32" s="257">
        <v>0</v>
      </c>
      <c r="CD32" s="254">
        <v>0</v>
      </c>
      <c r="CE32" s="256">
        <v>0</v>
      </c>
      <c r="CF32" s="257">
        <v>0</v>
      </c>
      <c r="CG32" s="257">
        <v>0</v>
      </c>
      <c r="CH32" s="257">
        <v>0</v>
      </c>
      <c r="CI32" s="257">
        <v>0</v>
      </c>
      <c r="CJ32" s="257">
        <v>0</v>
      </c>
      <c r="CK32" s="254">
        <v>0</v>
      </c>
      <c r="CL32" s="259">
        <v>0</v>
      </c>
      <c r="CM32" s="253">
        <v>0</v>
      </c>
      <c r="CN32" s="257">
        <v>0</v>
      </c>
      <c r="CO32" s="254">
        <v>0</v>
      </c>
      <c r="CP32" s="256">
        <v>0</v>
      </c>
      <c r="CQ32" s="257">
        <v>0</v>
      </c>
      <c r="CR32" s="257">
        <v>0</v>
      </c>
      <c r="CS32" s="257">
        <v>0</v>
      </c>
      <c r="CT32" s="257">
        <v>0</v>
      </c>
      <c r="CU32" s="257">
        <v>0</v>
      </c>
      <c r="CV32" s="254">
        <v>0</v>
      </c>
      <c r="CW32" s="259">
        <v>0</v>
      </c>
    </row>
    <row r="33" spans="2:101" ht="21" customHeight="1" x14ac:dyDescent="0.2">
      <c r="B33" s="437" t="s">
        <v>31</v>
      </c>
      <c r="C33" s="253">
        <v>0</v>
      </c>
      <c r="D33" s="254">
        <v>0</v>
      </c>
      <c r="E33" s="255">
        <v>0</v>
      </c>
      <c r="F33" s="256">
        <v>0</v>
      </c>
      <c r="G33" s="257">
        <v>0</v>
      </c>
      <c r="H33" s="257">
        <v>0</v>
      </c>
      <c r="I33" s="257">
        <v>0</v>
      </c>
      <c r="J33" s="257">
        <v>0</v>
      </c>
      <c r="K33" s="257">
        <v>0</v>
      </c>
      <c r="L33" s="258">
        <v>0</v>
      </c>
      <c r="M33" s="259">
        <v>0</v>
      </c>
      <c r="N33" s="253">
        <v>0</v>
      </c>
      <c r="O33" s="257">
        <v>0</v>
      </c>
      <c r="P33" s="254">
        <v>0</v>
      </c>
      <c r="Q33" s="256">
        <v>0</v>
      </c>
      <c r="R33" s="257">
        <v>0</v>
      </c>
      <c r="S33" s="257">
        <v>0</v>
      </c>
      <c r="T33" s="257">
        <v>0</v>
      </c>
      <c r="U33" s="257">
        <v>0</v>
      </c>
      <c r="V33" s="257">
        <v>0</v>
      </c>
      <c r="W33" s="254">
        <v>0</v>
      </c>
      <c r="X33" s="259">
        <v>0</v>
      </c>
      <c r="Y33" s="253">
        <v>0</v>
      </c>
      <c r="Z33" s="257">
        <v>0</v>
      </c>
      <c r="AA33" s="254">
        <v>0</v>
      </c>
      <c r="AB33" s="256">
        <v>0</v>
      </c>
      <c r="AC33" s="257">
        <v>0</v>
      </c>
      <c r="AD33" s="257">
        <v>1</v>
      </c>
      <c r="AE33" s="257">
        <v>1</v>
      </c>
      <c r="AF33" s="257">
        <v>0</v>
      </c>
      <c r="AG33" s="257">
        <v>0</v>
      </c>
      <c r="AH33" s="254">
        <v>2</v>
      </c>
      <c r="AI33" s="259">
        <v>2</v>
      </c>
      <c r="AJ33" s="253">
        <v>0</v>
      </c>
      <c r="AK33" s="257">
        <v>0</v>
      </c>
      <c r="AL33" s="254">
        <v>0</v>
      </c>
      <c r="AM33" s="256">
        <v>0</v>
      </c>
      <c r="AN33" s="257">
        <v>0</v>
      </c>
      <c r="AO33" s="257">
        <v>0</v>
      </c>
      <c r="AP33" s="257">
        <v>0</v>
      </c>
      <c r="AQ33" s="257">
        <v>1</v>
      </c>
      <c r="AR33" s="257">
        <v>0</v>
      </c>
      <c r="AS33" s="254">
        <v>1</v>
      </c>
      <c r="AT33" s="259">
        <v>1</v>
      </c>
      <c r="AU33" s="253">
        <v>0</v>
      </c>
      <c r="AV33" s="257">
        <v>0</v>
      </c>
      <c r="AW33" s="254">
        <v>0</v>
      </c>
      <c r="AX33" s="256">
        <v>0</v>
      </c>
      <c r="AY33" s="257">
        <v>1</v>
      </c>
      <c r="AZ33" s="257">
        <v>0</v>
      </c>
      <c r="BA33" s="257">
        <v>0</v>
      </c>
      <c r="BB33" s="257">
        <v>0</v>
      </c>
      <c r="BC33" s="257">
        <v>0</v>
      </c>
      <c r="BD33" s="254">
        <v>1</v>
      </c>
      <c r="BE33" s="259">
        <v>1</v>
      </c>
      <c r="BF33" s="253">
        <v>0</v>
      </c>
      <c r="BG33" s="257">
        <v>0</v>
      </c>
      <c r="BH33" s="254">
        <v>0</v>
      </c>
      <c r="BI33" s="256">
        <v>0</v>
      </c>
      <c r="BJ33" s="257">
        <v>0</v>
      </c>
      <c r="BK33" s="257">
        <v>1</v>
      </c>
      <c r="BL33" s="257">
        <v>0</v>
      </c>
      <c r="BM33" s="257">
        <v>1</v>
      </c>
      <c r="BN33" s="257">
        <v>1</v>
      </c>
      <c r="BO33" s="258">
        <v>3</v>
      </c>
      <c r="BP33" s="259">
        <v>3</v>
      </c>
      <c r="BQ33" s="253">
        <v>0</v>
      </c>
      <c r="BR33" s="257">
        <v>0</v>
      </c>
      <c r="BS33" s="254">
        <v>0</v>
      </c>
      <c r="BT33" s="256">
        <v>0</v>
      </c>
      <c r="BU33" s="257">
        <v>0</v>
      </c>
      <c r="BV33" s="257">
        <v>0</v>
      </c>
      <c r="BW33" s="257">
        <v>0</v>
      </c>
      <c r="BX33" s="257">
        <v>0</v>
      </c>
      <c r="BY33" s="257">
        <v>0</v>
      </c>
      <c r="BZ33" s="254">
        <v>0</v>
      </c>
      <c r="CA33" s="259">
        <v>0</v>
      </c>
      <c r="CB33" s="253">
        <v>0</v>
      </c>
      <c r="CC33" s="257">
        <v>0</v>
      </c>
      <c r="CD33" s="254">
        <v>0</v>
      </c>
      <c r="CE33" s="256">
        <v>0</v>
      </c>
      <c r="CF33" s="257">
        <v>0</v>
      </c>
      <c r="CG33" s="257">
        <v>1</v>
      </c>
      <c r="CH33" s="257">
        <v>0</v>
      </c>
      <c r="CI33" s="257">
        <v>0</v>
      </c>
      <c r="CJ33" s="257">
        <v>0</v>
      </c>
      <c r="CK33" s="254">
        <v>1</v>
      </c>
      <c r="CL33" s="259">
        <v>1</v>
      </c>
      <c r="CM33" s="253">
        <v>0</v>
      </c>
      <c r="CN33" s="257">
        <v>0</v>
      </c>
      <c r="CO33" s="254">
        <v>0</v>
      </c>
      <c r="CP33" s="256">
        <v>0</v>
      </c>
      <c r="CQ33" s="257">
        <v>0</v>
      </c>
      <c r="CR33" s="257">
        <v>0</v>
      </c>
      <c r="CS33" s="257">
        <v>0</v>
      </c>
      <c r="CT33" s="257">
        <v>0</v>
      </c>
      <c r="CU33" s="257">
        <v>0</v>
      </c>
      <c r="CV33" s="254">
        <v>0</v>
      </c>
      <c r="CW33" s="259">
        <v>0</v>
      </c>
    </row>
    <row r="34" spans="2:101" ht="21" customHeight="1" x14ac:dyDescent="0.2">
      <c r="B34" s="437" t="s">
        <v>32</v>
      </c>
      <c r="C34" s="253">
        <v>0</v>
      </c>
      <c r="D34" s="254">
        <v>0</v>
      </c>
      <c r="E34" s="255">
        <v>0</v>
      </c>
      <c r="F34" s="256">
        <v>0</v>
      </c>
      <c r="G34" s="257">
        <v>0</v>
      </c>
      <c r="H34" s="257">
        <v>1</v>
      </c>
      <c r="I34" s="257">
        <v>0</v>
      </c>
      <c r="J34" s="257">
        <v>0</v>
      </c>
      <c r="K34" s="257">
        <v>0</v>
      </c>
      <c r="L34" s="258">
        <v>1</v>
      </c>
      <c r="M34" s="259">
        <v>1</v>
      </c>
      <c r="N34" s="253">
        <v>0</v>
      </c>
      <c r="O34" s="257">
        <v>0</v>
      </c>
      <c r="P34" s="254">
        <v>0</v>
      </c>
      <c r="Q34" s="256">
        <v>0</v>
      </c>
      <c r="R34" s="257">
        <v>0</v>
      </c>
      <c r="S34" s="257">
        <v>0</v>
      </c>
      <c r="T34" s="257">
        <v>0</v>
      </c>
      <c r="U34" s="257">
        <v>0</v>
      </c>
      <c r="V34" s="257">
        <v>0</v>
      </c>
      <c r="W34" s="254">
        <v>0</v>
      </c>
      <c r="X34" s="259">
        <v>0</v>
      </c>
      <c r="Y34" s="253">
        <v>0</v>
      </c>
      <c r="Z34" s="257">
        <v>0</v>
      </c>
      <c r="AA34" s="254">
        <v>0</v>
      </c>
      <c r="AB34" s="256">
        <v>0</v>
      </c>
      <c r="AC34" s="257">
        <v>3</v>
      </c>
      <c r="AD34" s="257">
        <v>5</v>
      </c>
      <c r="AE34" s="257">
        <v>0</v>
      </c>
      <c r="AF34" s="257">
        <v>0</v>
      </c>
      <c r="AG34" s="257">
        <v>1</v>
      </c>
      <c r="AH34" s="254">
        <v>9</v>
      </c>
      <c r="AI34" s="259">
        <v>9</v>
      </c>
      <c r="AJ34" s="253">
        <v>0</v>
      </c>
      <c r="AK34" s="257">
        <v>0</v>
      </c>
      <c r="AL34" s="254">
        <v>0</v>
      </c>
      <c r="AM34" s="256">
        <v>0</v>
      </c>
      <c r="AN34" s="257">
        <v>0</v>
      </c>
      <c r="AO34" s="257">
        <v>0</v>
      </c>
      <c r="AP34" s="257">
        <v>0</v>
      </c>
      <c r="AQ34" s="257">
        <v>0</v>
      </c>
      <c r="AR34" s="257">
        <v>0</v>
      </c>
      <c r="AS34" s="254">
        <v>0</v>
      </c>
      <c r="AT34" s="259">
        <v>0</v>
      </c>
      <c r="AU34" s="253">
        <v>0</v>
      </c>
      <c r="AV34" s="257">
        <v>0</v>
      </c>
      <c r="AW34" s="254">
        <v>0</v>
      </c>
      <c r="AX34" s="256">
        <v>0</v>
      </c>
      <c r="AY34" s="257">
        <v>0</v>
      </c>
      <c r="AZ34" s="257">
        <v>0</v>
      </c>
      <c r="BA34" s="257">
        <v>0</v>
      </c>
      <c r="BB34" s="257">
        <v>0</v>
      </c>
      <c r="BC34" s="257">
        <v>0</v>
      </c>
      <c r="BD34" s="254">
        <v>0</v>
      </c>
      <c r="BE34" s="259">
        <v>0</v>
      </c>
      <c r="BF34" s="253">
        <v>0</v>
      </c>
      <c r="BG34" s="257">
        <v>0</v>
      </c>
      <c r="BH34" s="254">
        <v>0</v>
      </c>
      <c r="BI34" s="256">
        <v>0</v>
      </c>
      <c r="BJ34" s="257">
        <v>0</v>
      </c>
      <c r="BK34" s="257">
        <v>0</v>
      </c>
      <c r="BL34" s="257">
        <v>1</v>
      </c>
      <c r="BM34" s="257">
        <v>0</v>
      </c>
      <c r="BN34" s="257">
        <v>0</v>
      </c>
      <c r="BO34" s="258">
        <v>1</v>
      </c>
      <c r="BP34" s="259">
        <v>1</v>
      </c>
      <c r="BQ34" s="253">
        <v>0</v>
      </c>
      <c r="BR34" s="257">
        <v>0</v>
      </c>
      <c r="BS34" s="254">
        <v>0</v>
      </c>
      <c r="BT34" s="256">
        <v>0</v>
      </c>
      <c r="BU34" s="257">
        <v>0</v>
      </c>
      <c r="BV34" s="257">
        <v>0</v>
      </c>
      <c r="BW34" s="257">
        <v>0</v>
      </c>
      <c r="BX34" s="257">
        <v>0</v>
      </c>
      <c r="BY34" s="257">
        <v>0</v>
      </c>
      <c r="BZ34" s="254">
        <v>0</v>
      </c>
      <c r="CA34" s="259">
        <v>0</v>
      </c>
      <c r="CB34" s="253">
        <v>0</v>
      </c>
      <c r="CC34" s="257">
        <v>0</v>
      </c>
      <c r="CD34" s="254">
        <v>0</v>
      </c>
      <c r="CE34" s="256">
        <v>0</v>
      </c>
      <c r="CF34" s="257">
        <v>0</v>
      </c>
      <c r="CG34" s="257">
        <v>0</v>
      </c>
      <c r="CH34" s="257">
        <v>1</v>
      </c>
      <c r="CI34" s="257">
        <v>1</v>
      </c>
      <c r="CJ34" s="257">
        <v>0</v>
      </c>
      <c r="CK34" s="254">
        <v>2</v>
      </c>
      <c r="CL34" s="259">
        <v>2</v>
      </c>
      <c r="CM34" s="253">
        <v>0</v>
      </c>
      <c r="CN34" s="257">
        <v>0</v>
      </c>
      <c r="CO34" s="254">
        <v>0</v>
      </c>
      <c r="CP34" s="256">
        <v>0</v>
      </c>
      <c r="CQ34" s="257">
        <v>0</v>
      </c>
      <c r="CR34" s="257">
        <v>0</v>
      </c>
      <c r="CS34" s="257">
        <v>0</v>
      </c>
      <c r="CT34" s="257">
        <v>0</v>
      </c>
      <c r="CU34" s="257">
        <v>0</v>
      </c>
      <c r="CV34" s="254">
        <v>0</v>
      </c>
      <c r="CW34" s="259">
        <v>0</v>
      </c>
    </row>
    <row r="35" spans="2:101" ht="21" customHeight="1" x14ac:dyDescent="0.2">
      <c r="B35" s="437" t="s">
        <v>33</v>
      </c>
      <c r="C35" s="253">
        <v>0</v>
      </c>
      <c r="D35" s="254">
        <v>0</v>
      </c>
      <c r="E35" s="255">
        <v>0</v>
      </c>
      <c r="F35" s="256">
        <v>0</v>
      </c>
      <c r="G35" s="257">
        <v>0</v>
      </c>
      <c r="H35" s="257">
        <v>0</v>
      </c>
      <c r="I35" s="257">
        <v>0</v>
      </c>
      <c r="J35" s="257">
        <v>0</v>
      </c>
      <c r="K35" s="257">
        <v>0</v>
      </c>
      <c r="L35" s="258">
        <v>0</v>
      </c>
      <c r="M35" s="259">
        <v>0</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1</v>
      </c>
      <c r="AD35" s="257">
        <v>0</v>
      </c>
      <c r="AE35" s="257">
        <v>0</v>
      </c>
      <c r="AF35" s="257">
        <v>0</v>
      </c>
      <c r="AG35" s="257">
        <v>0</v>
      </c>
      <c r="AH35" s="254">
        <v>1</v>
      </c>
      <c r="AI35" s="259">
        <v>1</v>
      </c>
      <c r="AJ35" s="253">
        <v>0</v>
      </c>
      <c r="AK35" s="257">
        <v>0</v>
      </c>
      <c r="AL35" s="254">
        <v>0</v>
      </c>
      <c r="AM35" s="256">
        <v>0</v>
      </c>
      <c r="AN35" s="257">
        <v>0</v>
      </c>
      <c r="AO35" s="257">
        <v>0</v>
      </c>
      <c r="AP35" s="257">
        <v>0</v>
      </c>
      <c r="AQ35" s="257">
        <v>0</v>
      </c>
      <c r="AR35" s="257">
        <v>0</v>
      </c>
      <c r="AS35" s="254">
        <v>0</v>
      </c>
      <c r="AT35" s="259">
        <v>0</v>
      </c>
      <c r="AU35" s="253">
        <v>0</v>
      </c>
      <c r="AV35" s="257">
        <v>0</v>
      </c>
      <c r="AW35" s="254">
        <v>0</v>
      </c>
      <c r="AX35" s="256">
        <v>0</v>
      </c>
      <c r="AY35" s="257">
        <v>0</v>
      </c>
      <c r="AZ35" s="257">
        <v>0</v>
      </c>
      <c r="BA35" s="257">
        <v>0</v>
      </c>
      <c r="BB35" s="257">
        <v>0</v>
      </c>
      <c r="BC35" s="257">
        <v>0</v>
      </c>
      <c r="BD35" s="254">
        <v>0</v>
      </c>
      <c r="BE35" s="259">
        <v>0</v>
      </c>
      <c r="BF35" s="253">
        <v>0</v>
      </c>
      <c r="BG35" s="257">
        <v>0</v>
      </c>
      <c r="BH35" s="254">
        <v>0</v>
      </c>
      <c r="BI35" s="256">
        <v>0</v>
      </c>
      <c r="BJ35" s="257">
        <v>0</v>
      </c>
      <c r="BK35" s="257">
        <v>0</v>
      </c>
      <c r="BL35" s="257">
        <v>0</v>
      </c>
      <c r="BM35" s="257">
        <v>0</v>
      </c>
      <c r="BN35" s="257">
        <v>0</v>
      </c>
      <c r="BO35" s="258">
        <v>0</v>
      </c>
      <c r="BP35" s="259">
        <v>0</v>
      </c>
      <c r="BQ35" s="253">
        <v>0</v>
      </c>
      <c r="BR35" s="257">
        <v>0</v>
      </c>
      <c r="BS35" s="254">
        <v>0</v>
      </c>
      <c r="BT35" s="256">
        <v>0</v>
      </c>
      <c r="BU35" s="257">
        <v>0</v>
      </c>
      <c r="BV35" s="257">
        <v>0</v>
      </c>
      <c r="BW35" s="257">
        <v>0</v>
      </c>
      <c r="BX35" s="257">
        <v>0</v>
      </c>
      <c r="BY35" s="257">
        <v>0</v>
      </c>
      <c r="BZ35" s="254">
        <v>0</v>
      </c>
      <c r="CA35" s="259">
        <v>0</v>
      </c>
      <c r="CB35" s="253">
        <v>0</v>
      </c>
      <c r="CC35" s="257">
        <v>0</v>
      </c>
      <c r="CD35" s="254">
        <v>0</v>
      </c>
      <c r="CE35" s="256">
        <v>0</v>
      </c>
      <c r="CF35" s="257">
        <v>0</v>
      </c>
      <c r="CG35" s="257">
        <v>0</v>
      </c>
      <c r="CH35" s="257">
        <v>0</v>
      </c>
      <c r="CI35" s="257">
        <v>0</v>
      </c>
      <c r="CJ35" s="257">
        <v>0</v>
      </c>
      <c r="CK35" s="254">
        <v>0</v>
      </c>
      <c r="CL35" s="259">
        <v>0</v>
      </c>
      <c r="CM35" s="253">
        <v>0</v>
      </c>
      <c r="CN35" s="257">
        <v>0</v>
      </c>
      <c r="CO35" s="254">
        <v>0</v>
      </c>
      <c r="CP35" s="256">
        <v>0</v>
      </c>
      <c r="CQ35" s="257">
        <v>1</v>
      </c>
      <c r="CR35" s="257">
        <v>0</v>
      </c>
      <c r="CS35" s="257">
        <v>1</v>
      </c>
      <c r="CT35" s="257">
        <v>0</v>
      </c>
      <c r="CU35" s="257">
        <v>0</v>
      </c>
      <c r="CV35" s="254">
        <v>2</v>
      </c>
      <c r="CW35" s="259">
        <v>2</v>
      </c>
    </row>
    <row r="36" spans="2:101" ht="21" customHeight="1" x14ac:dyDescent="0.2">
      <c r="B36" s="437" t="s">
        <v>34</v>
      </c>
      <c r="C36" s="253">
        <v>0</v>
      </c>
      <c r="D36" s="254">
        <v>0</v>
      </c>
      <c r="E36" s="255">
        <v>0</v>
      </c>
      <c r="F36" s="256">
        <v>0</v>
      </c>
      <c r="G36" s="257">
        <v>0</v>
      </c>
      <c r="H36" s="257">
        <v>0</v>
      </c>
      <c r="I36" s="257">
        <v>0</v>
      </c>
      <c r="J36" s="257">
        <v>0</v>
      </c>
      <c r="K36" s="257">
        <v>0</v>
      </c>
      <c r="L36" s="258">
        <v>0</v>
      </c>
      <c r="M36" s="259">
        <v>0</v>
      </c>
      <c r="N36" s="253">
        <v>0</v>
      </c>
      <c r="O36" s="257">
        <v>0</v>
      </c>
      <c r="P36" s="254">
        <v>0</v>
      </c>
      <c r="Q36" s="256">
        <v>0</v>
      </c>
      <c r="R36" s="257">
        <v>0</v>
      </c>
      <c r="S36" s="257">
        <v>0</v>
      </c>
      <c r="T36" s="257">
        <v>0</v>
      </c>
      <c r="U36" s="257">
        <v>0</v>
      </c>
      <c r="V36" s="257">
        <v>0</v>
      </c>
      <c r="W36" s="254">
        <v>0</v>
      </c>
      <c r="X36" s="259">
        <v>0</v>
      </c>
      <c r="Y36" s="253">
        <v>0</v>
      </c>
      <c r="Z36" s="257">
        <v>0</v>
      </c>
      <c r="AA36" s="254">
        <v>0</v>
      </c>
      <c r="AB36" s="256">
        <v>0</v>
      </c>
      <c r="AC36" s="257">
        <v>1</v>
      </c>
      <c r="AD36" s="257">
        <v>1</v>
      </c>
      <c r="AE36" s="257">
        <v>0</v>
      </c>
      <c r="AF36" s="257">
        <v>0</v>
      </c>
      <c r="AG36" s="257">
        <v>0</v>
      </c>
      <c r="AH36" s="254">
        <v>2</v>
      </c>
      <c r="AI36" s="259">
        <v>2</v>
      </c>
      <c r="AJ36" s="253">
        <v>0</v>
      </c>
      <c r="AK36" s="257">
        <v>0</v>
      </c>
      <c r="AL36" s="254">
        <v>0</v>
      </c>
      <c r="AM36" s="256">
        <v>0</v>
      </c>
      <c r="AN36" s="257">
        <v>0</v>
      </c>
      <c r="AO36" s="257">
        <v>0</v>
      </c>
      <c r="AP36" s="257">
        <v>0</v>
      </c>
      <c r="AQ36" s="257">
        <v>0</v>
      </c>
      <c r="AR36" s="257">
        <v>0</v>
      </c>
      <c r="AS36" s="254">
        <v>0</v>
      </c>
      <c r="AT36" s="259">
        <v>0</v>
      </c>
      <c r="AU36" s="253">
        <v>0</v>
      </c>
      <c r="AV36" s="257">
        <v>0</v>
      </c>
      <c r="AW36" s="254">
        <v>0</v>
      </c>
      <c r="AX36" s="256">
        <v>0</v>
      </c>
      <c r="AY36" s="257">
        <v>0</v>
      </c>
      <c r="AZ36" s="257">
        <v>1</v>
      </c>
      <c r="BA36" s="257">
        <v>1</v>
      </c>
      <c r="BB36" s="257">
        <v>0</v>
      </c>
      <c r="BC36" s="257">
        <v>0</v>
      </c>
      <c r="BD36" s="254">
        <v>2</v>
      </c>
      <c r="BE36" s="259">
        <v>2</v>
      </c>
      <c r="BF36" s="253">
        <v>0</v>
      </c>
      <c r="BG36" s="257">
        <v>0</v>
      </c>
      <c r="BH36" s="254">
        <v>0</v>
      </c>
      <c r="BI36" s="256">
        <v>0</v>
      </c>
      <c r="BJ36" s="257">
        <v>0</v>
      </c>
      <c r="BK36" s="257">
        <v>0</v>
      </c>
      <c r="BL36" s="257">
        <v>0</v>
      </c>
      <c r="BM36" s="257">
        <v>0</v>
      </c>
      <c r="BN36" s="257">
        <v>0</v>
      </c>
      <c r="BO36" s="258">
        <v>0</v>
      </c>
      <c r="BP36" s="259">
        <v>0</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0</v>
      </c>
      <c r="CR36" s="257">
        <v>0</v>
      </c>
      <c r="CS36" s="257">
        <v>1</v>
      </c>
      <c r="CT36" s="257">
        <v>0</v>
      </c>
      <c r="CU36" s="257">
        <v>0</v>
      </c>
      <c r="CV36" s="254">
        <v>1</v>
      </c>
      <c r="CW36" s="259">
        <v>1</v>
      </c>
    </row>
    <row r="37" spans="2:101" ht="21" customHeight="1" x14ac:dyDescent="0.2">
      <c r="B37" s="437" t="s">
        <v>35</v>
      </c>
      <c r="C37" s="253">
        <v>0</v>
      </c>
      <c r="D37" s="254">
        <v>0</v>
      </c>
      <c r="E37" s="255">
        <v>0</v>
      </c>
      <c r="F37" s="256">
        <v>0</v>
      </c>
      <c r="G37" s="257">
        <v>0</v>
      </c>
      <c r="H37" s="257">
        <v>0</v>
      </c>
      <c r="I37" s="257">
        <v>1</v>
      </c>
      <c r="J37" s="257">
        <v>0</v>
      </c>
      <c r="K37" s="257">
        <v>0</v>
      </c>
      <c r="L37" s="258">
        <v>1</v>
      </c>
      <c r="M37" s="259">
        <v>1</v>
      </c>
      <c r="N37" s="253">
        <v>0</v>
      </c>
      <c r="O37" s="257">
        <v>0</v>
      </c>
      <c r="P37" s="254">
        <v>0</v>
      </c>
      <c r="Q37" s="256">
        <v>0</v>
      </c>
      <c r="R37" s="257">
        <v>0</v>
      </c>
      <c r="S37" s="257">
        <v>0</v>
      </c>
      <c r="T37" s="257">
        <v>0</v>
      </c>
      <c r="U37" s="257">
        <v>0</v>
      </c>
      <c r="V37" s="257">
        <v>0</v>
      </c>
      <c r="W37" s="254">
        <v>0</v>
      </c>
      <c r="X37" s="259">
        <v>0</v>
      </c>
      <c r="Y37" s="253">
        <v>0</v>
      </c>
      <c r="Z37" s="257">
        <v>0</v>
      </c>
      <c r="AA37" s="254">
        <v>0</v>
      </c>
      <c r="AB37" s="256">
        <v>0</v>
      </c>
      <c r="AC37" s="257">
        <v>0</v>
      </c>
      <c r="AD37" s="257">
        <v>1</v>
      </c>
      <c r="AE37" s="257">
        <v>0</v>
      </c>
      <c r="AF37" s="257">
        <v>0</v>
      </c>
      <c r="AG37" s="257">
        <v>0</v>
      </c>
      <c r="AH37" s="254">
        <v>1</v>
      </c>
      <c r="AI37" s="259">
        <v>1</v>
      </c>
      <c r="AJ37" s="253">
        <v>0</v>
      </c>
      <c r="AK37" s="257">
        <v>0</v>
      </c>
      <c r="AL37" s="254">
        <v>0</v>
      </c>
      <c r="AM37" s="256">
        <v>0</v>
      </c>
      <c r="AN37" s="257">
        <v>0</v>
      </c>
      <c r="AO37" s="257">
        <v>0</v>
      </c>
      <c r="AP37" s="257">
        <v>0</v>
      </c>
      <c r="AQ37" s="257">
        <v>0</v>
      </c>
      <c r="AR37" s="257">
        <v>0</v>
      </c>
      <c r="AS37" s="254">
        <v>0</v>
      </c>
      <c r="AT37" s="259">
        <v>0</v>
      </c>
      <c r="AU37" s="253">
        <v>0</v>
      </c>
      <c r="AV37" s="257">
        <v>0</v>
      </c>
      <c r="AW37" s="254">
        <v>0</v>
      </c>
      <c r="AX37" s="256">
        <v>0</v>
      </c>
      <c r="AY37" s="257">
        <v>0</v>
      </c>
      <c r="AZ37" s="257">
        <v>1</v>
      </c>
      <c r="BA37" s="257">
        <v>0</v>
      </c>
      <c r="BB37" s="257">
        <v>0</v>
      </c>
      <c r="BC37" s="257">
        <v>0</v>
      </c>
      <c r="BD37" s="254">
        <v>1</v>
      </c>
      <c r="BE37" s="259">
        <v>1</v>
      </c>
      <c r="BF37" s="253">
        <v>0</v>
      </c>
      <c r="BG37" s="257">
        <v>0</v>
      </c>
      <c r="BH37" s="254">
        <v>0</v>
      </c>
      <c r="BI37" s="256">
        <v>0</v>
      </c>
      <c r="BJ37" s="257">
        <v>0</v>
      </c>
      <c r="BK37" s="257">
        <v>1</v>
      </c>
      <c r="BL37" s="257">
        <v>0</v>
      </c>
      <c r="BM37" s="257">
        <v>0</v>
      </c>
      <c r="BN37" s="257">
        <v>0</v>
      </c>
      <c r="BO37" s="258">
        <v>1</v>
      </c>
      <c r="BP37" s="259">
        <v>1</v>
      </c>
      <c r="BQ37" s="253">
        <v>0</v>
      </c>
      <c r="BR37" s="257">
        <v>0</v>
      </c>
      <c r="BS37" s="254">
        <v>0</v>
      </c>
      <c r="BT37" s="256">
        <v>0</v>
      </c>
      <c r="BU37" s="257">
        <v>0</v>
      </c>
      <c r="BV37" s="257">
        <v>0</v>
      </c>
      <c r="BW37" s="257">
        <v>0</v>
      </c>
      <c r="BX37" s="257">
        <v>0</v>
      </c>
      <c r="BY37" s="257">
        <v>0</v>
      </c>
      <c r="BZ37" s="254">
        <v>0</v>
      </c>
      <c r="CA37" s="259">
        <v>0</v>
      </c>
      <c r="CB37" s="253">
        <v>0</v>
      </c>
      <c r="CC37" s="257">
        <v>0</v>
      </c>
      <c r="CD37" s="254">
        <v>0</v>
      </c>
      <c r="CE37" s="256">
        <v>0</v>
      </c>
      <c r="CF37" s="257">
        <v>0</v>
      </c>
      <c r="CG37" s="257">
        <v>0</v>
      </c>
      <c r="CH37" s="257">
        <v>0</v>
      </c>
      <c r="CI37" s="257">
        <v>0</v>
      </c>
      <c r="CJ37" s="257">
        <v>0</v>
      </c>
      <c r="CK37" s="254">
        <v>0</v>
      </c>
      <c r="CL37" s="259">
        <v>0</v>
      </c>
      <c r="CM37" s="253">
        <v>0</v>
      </c>
      <c r="CN37" s="257">
        <v>0</v>
      </c>
      <c r="CO37" s="254">
        <v>0</v>
      </c>
      <c r="CP37" s="256">
        <v>0</v>
      </c>
      <c r="CQ37" s="257">
        <v>0</v>
      </c>
      <c r="CR37" s="257">
        <v>0</v>
      </c>
      <c r="CS37" s="257">
        <v>0</v>
      </c>
      <c r="CT37" s="257">
        <v>0</v>
      </c>
      <c r="CU37" s="257">
        <v>0</v>
      </c>
      <c r="CV37" s="254">
        <v>0</v>
      </c>
      <c r="CW37" s="259">
        <v>0</v>
      </c>
    </row>
    <row r="38" spans="2:101" ht="21" customHeight="1" x14ac:dyDescent="0.2">
      <c r="B38" s="437" t="s">
        <v>36</v>
      </c>
      <c r="C38" s="253">
        <v>0</v>
      </c>
      <c r="D38" s="254">
        <v>0</v>
      </c>
      <c r="E38" s="255">
        <v>0</v>
      </c>
      <c r="F38" s="256">
        <v>0</v>
      </c>
      <c r="G38" s="257">
        <v>0</v>
      </c>
      <c r="H38" s="257">
        <v>0</v>
      </c>
      <c r="I38" s="257">
        <v>0</v>
      </c>
      <c r="J38" s="257">
        <v>0</v>
      </c>
      <c r="K38" s="257">
        <v>0</v>
      </c>
      <c r="L38" s="258">
        <v>0</v>
      </c>
      <c r="M38" s="259">
        <v>0</v>
      </c>
      <c r="N38" s="253">
        <v>0</v>
      </c>
      <c r="O38" s="257">
        <v>0</v>
      </c>
      <c r="P38" s="254">
        <v>0</v>
      </c>
      <c r="Q38" s="256">
        <v>0</v>
      </c>
      <c r="R38" s="257">
        <v>0</v>
      </c>
      <c r="S38" s="257">
        <v>0</v>
      </c>
      <c r="T38" s="257">
        <v>0</v>
      </c>
      <c r="U38" s="257">
        <v>0</v>
      </c>
      <c r="V38" s="257">
        <v>0</v>
      </c>
      <c r="W38" s="254">
        <v>0</v>
      </c>
      <c r="X38" s="259">
        <v>0</v>
      </c>
      <c r="Y38" s="253">
        <v>0</v>
      </c>
      <c r="Z38" s="257">
        <v>0</v>
      </c>
      <c r="AA38" s="254">
        <v>0</v>
      </c>
      <c r="AB38" s="256">
        <v>0</v>
      </c>
      <c r="AC38" s="257">
        <v>2</v>
      </c>
      <c r="AD38" s="257">
        <v>1</v>
      </c>
      <c r="AE38" s="257">
        <v>0</v>
      </c>
      <c r="AF38" s="257">
        <v>1</v>
      </c>
      <c r="AG38" s="257">
        <v>0</v>
      </c>
      <c r="AH38" s="254">
        <v>4</v>
      </c>
      <c r="AI38" s="259">
        <v>4</v>
      </c>
      <c r="AJ38" s="253">
        <v>0</v>
      </c>
      <c r="AK38" s="257">
        <v>0</v>
      </c>
      <c r="AL38" s="254">
        <v>0</v>
      </c>
      <c r="AM38" s="256">
        <v>0</v>
      </c>
      <c r="AN38" s="257">
        <v>0</v>
      </c>
      <c r="AO38" s="257">
        <v>0</v>
      </c>
      <c r="AP38" s="257">
        <v>0</v>
      </c>
      <c r="AQ38" s="257">
        <v>0</v>
      </c>
      <c r="AR38" s="257">
        <v>0</v>
      </c>
      <c r="AS38" s="254">
        <v>0</v>
      </c>
      <c r="AT38" s="259">
        <v>0</v>
      </c>
      <c r="AU38" s="253">
        <v>0</v>
      </c>
      <c r="AV38" s="257">
        <v>0</v>
      </c>
      <c r="AW38" s="254">
        <v>0</v>
      </c>
      <c r="AX38" s="256">
        <v>0</v>
      </c>
      <c r="AY38" s="257">
        <v>0</v>
      </c>
      <c r="AZ38" s="257">
        <v>0</v>
      </c>
      <c r="BA38" s="257">
        <v>0</v>
      </c>
      <c r="BB38" s="257">
        <v>0</v>
      </c>
      <c r="BC38" s="257">
        <v>0</v>
      </c>
      <c r="BD38" s="254">
        <v>0</v>
      </c>
      <c r="BE38" s="259">
        <v>0</v>
      </c>
      <c r="BF38" s="253">
        <v>0</v>
      </c>
      <c r="BG38" s="257">
        <v>0</v>
      </c>
      <c r="BH38" s="254">
        <v>0</v>
      </c>
      <c r="BI38" s="256">
        <v>0</v>
      </c>
      <c r="BJ38" s="257">
        <v>0</v>
      </c>
      <c r="BK38" s="257">
        <v>0</v>
      </c>
      <c r="BL38" s="257">
        <v>0</v>
      </c>
      <c r="BM38" s="257">
        <v>1</v>
      </c>
      <c r="BN38" s="257">
        <v>0</v>
      </c>
      <c r="BO38" s="258">
        <v>1</v>
      </c>
      <c r="BP38" s="259">
        <v>1</v>
      </c>
      <c r="BQ38" s="253">
        <v>0</v>
      </c>
      <c r="BR38" s="257">
        <v>0</v>
      </c>
      <c r="BS38" s="254">
        <v>0</v>
      </c>
      <c r="BT38" s="256">
        <v>0</v>
      </c>
      <c r="BU38" s="257">
        <v>0</v>
      </c>
      <c r="BV38" s="257">
        <v>0</v>
      </c>
      <c r="BW38" s="257">
        <v>0</v>
      </c>
      <c r="BX38" s="257">
        <v>0</v>
      </c>
      <c r="BY38" s="257">
        <v>0</v>
      </c>
      <c r="BZ38" s="254">
        <v>0</v>
      </c>
      <c r="CA38" s="259">
        <v>0</v>
      </c>
      <c r="CB38" s="253">
        <v>0</v>
      </c>
      <c r="CC38" s="257">
        <v>0</v>
      </c>
      <c r="CD38" s="254">
        <v>0</v>
      </c>
      <c r="CE38" s="256">
        <v>0</v>
      </c>
      <c r="CF38" s="257">
        <v>0</v>
      </c>
      <c r="CG38" s="257">
        <v>0</v>
      </c>
      <c r="CH38" s="257">
        <v>0</v>
      </c>
      <c r="CI38" s="257">
        <v>0</v>
      </c>
      <c r="CJ38" s="257">
        <v>0</v>
      </c>
      <c r="CK38" s="254">
        <v>0</v>
      </c>
      <c r="CL38" s="259">
        <v>0</v>
      </c>
      <c r="CM38" s="253">
        <v>0</v>
      </c>
      <c r="CN38" s="257">
        <v>0</v>
      </c>
      <c r="CO38" s="254">
        <v>0</v>
      </c>
      <c r="CP38" s="256">
        <v>0</v>
      </c>
      <c r="CQ38" s="257">
        <v>0</v>
      </c>
      <c r="CR38" s="257">
        <v>0</v>
      </c>
      <c r="CS38" s="257">
        <v>0</v>
      </c>
      <c r="CT38" s="257">
        <v>0</v>
      </c>
      <c r="CU38" s="257">
        <v>0</v>
      </c>
      <c r="CV38" s="254">
        <v>0</v>
      </c>
      <c r="CW38" s="259">
        <v>0</v>
      </c>
    </row>
    <row r="39" spans="2:101" ht="21" customHeight="1" thickBot="1" x14ac:dyDescent="0.25">
      <c r="B39" s="438" t="s">
        <v>37</v>
      </c>
      <c r="C39" s="260">
        <v>0</v>
      </c>
      <c r="D39" s="261">
        <v>0</v>
      </c>
      <c r="E39" s="262">
        <v>0</v>
      </c>
      <c r="F39" s="263">
        <v>0</v>
      </c>
      <c r="G39" s="264">
        <v>0</v>
      </c>
      <c r="H39" s="264">
        <v>0</v>
      </c>
      <c r="I39" s="264">
        <v>0</v>
      </c>
      <c r="J39" s="264">
        <v>0</v>
      </c>
      <c r="K39" s="264">
        <v>0</v>
      </c>
      <c r="L39" s="265">
        <v>0</v>
      </c>
      <c r="M39" s="266">
        <v>0</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0</v>
      </c>
      <c r="AG39" s="264">
        <v>0</v>
      </c>
      <c r="AH39" s="261">
        <v>0</v>
      </c>
      <c r="AI39" s="266">
        <v>0</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0</v>
      </c>
      <c r="BA39" s="264">
        <v>0</v>
      </c>
      <c r="BB39" s="264">
        <v>0</v>
      </c>
      <c r="BC39" s="264">
        <v>0</v>
      </c>
      <c r="BD39" s="261">
        <v>0</v>
      </c>
      <c r="BE39" s="266">
        <v>0</v>
      </c>
      <c r="BF39" s="260">
        <v>0</v>
      </c>
      <c r="BG39" s="264">
        <v>0</v>
      </c>
      <c r="BH39" s="261">
        <v>0</v>
      </c>
      <c r="BI39" s="263">
        <v>0</v>
      </c>
      <c r="BJ39" s="264">
        <v>0</v>
      </c>
      <c r="BK39" s="264">
        <v>0</v>
      </c>
      <c r="BL39" s="264">
        <v>0</v>
      </c>
      <c r="BM39" s="264">
        <v>0</v>
      </c>
      <c r="BN39" s="264">
        <v>0</v>
      </c>
      <c r="BO39" s="265">
        <v>0</v>
      </c>
      <c r="BP39" s="266">
        <v>0</v>
      </c>
      <c r="BQ39" s="260">
        <v>0</v>
      </c>
      <c r="BR39" s="264">
        <v>0</v>
      </c>
      <c r="BS39" s="261">
        <v>0</v>
      </c>
      <c r="BT39" s="263">
        <v>0</v>
      </c>
      <c r="BU39" s="264">
        <v>0</v>
      </c>
      <c r="BV39" s="264">
        <v>0</v>
      </c>
      <c r="BW39" s="264">
        <v>0</v>
      </c>
      <c r="BX39" s="264">
        <v>0</v>
      </c>
      <c r="BY39" s="264">
        <v>0</v>
      </c>
      <c r="BZ39" s="261">
        <v>0</v>
      </c>
      <c r="CA39" s="266">
        <v>0</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0</v>
      </c>
      <c r="CV39" s="261">
        <v>0</v>
      </c>
      <c r="CW39" s="266">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33203125" style="238" customWidth="1"/>
    <col min="6" max="6" width="7.6640625" style="238" customWidth="1"/>
    <col min="7" max="7" width="8.44140625" style="238" customWidth="1"/>
    <col min="8" max="8" width="8.77734375" style="238" customWidth="1"/>
    <col min="9" max="16" width="9" style="238"/>
    <col min="17" max="17" width="7.21875" style="238" customWidth="1"/>
    <col min="18" max="27" width="9" style="238"/>
    <col min="28" max="28" width="7.6640625" style="238" customWidth="1"/>
    <col min="29" max="38" width="9" style="238"/>
    <col min="39" max="39" width="7.6640625" style="238" customWidth="1"/>
    <col min="40" max="49" width="9" style="238"/>
    <col min="50" max="50" width="7.6640625" style="238" customWidth="1"/>
    <col min="51" max="60" width="9" style="238"/>
    <col min="61" max="61" width="7.21875" style="238" customWidth="1"/>
    <col min="62" max="71" width="9" style="238"/>
    <col min="72" max="72" width="7.21875" style="238" customWidth="1"/>
    <col min="73" max="82" width="9" style="238"/>
    <col min="83" max="83" width="7.33203125" style="238" customWidth="1"/>
    <col min="84" max="93" width="9" style="238"/>
    <col min="94" max="94" width="7.44140625" style="238" customWidth="1"/>
    <col min="95" max="16384" width="9" style="238"/>
  </cols>
  <sheetData>
    <row r="1" spans="1:101" ht="24" customHeight="1" x14ac:dyDescent="0.2">
      <c r="B1" s="267" t="s">
        <v>123</v>
      </c>
      <c r="I1" s="495">
        <f>第１表!F2</f>
        <v>6</v>
      </c>
      <c r="J1" s="495"/>
      <c r="K1" s="231">
        <f>第１表!G2</f>
        <v>3</v>
      </c>
      <c r="L1" s="499">
        <f>IF(K1&lt;3,K1+12-2,K1-2)</f>
        <v>1</v>
      </c>
      <c r="M1" s="499"/>
    </row>
    <row r="2" spans="1:101" s="268" customFormat="1" ht="24" customHeight="1" thickBot="1" x14ac:dyDescent="0.25">
      <c r="A2" s="39"/>
      <c r="B2" s="267" t="s">
        <v>153</v>
      </c>
    </row>
    <row r="3" spans="1:101" ht="21" customHeight="1" thickBot="1" x14ac:dyDescent="0.25">
      <c r="B3" s="512"/>
      <c r="C3" s="503" t="s">
        <v>94</v>
      </c>
      <c r="D3" s="504"/>
      <c r="E3" s="504"/>
      <c r="F3" s="504"/>
      <c r="G3" s="504"/>
      <c r="H3" s="504"/>
      <c r="I3" s="504"/>
      <c r="J3" s="504"/>
      <c r="K3" s="504"/>
      <c r="L3" s="504"/>
      <c r="M3" s="505"/>
      <c r="N3" s="503" t="s">
        <v>88</v>
      </c>
      <c r="O3" s="504"/>
      <c r="P3" s="504"/>
      <c r="Q3" s="504"/>
      <c r="R3" s="504"/>
      <c r="S3" s="504"/>
      <c r="T3" s="504"/>
      <c r="U3" s="504"/>
      <c r="V3" s="504"/>
      <c r="W3" s="504"/>
      <c r="X3" s="505"/>
      <c r="Y3" s="503" t="s">
        <v>140</v>
      </c>
      <c r="Z3" s="504"/>
      <c r="AA3" s="504"/>
      <c r="AB3" s="504"/>
      <c r="AC3" s="504"/>
      <c r="AD3" s="504"/>
      <c r="AE3" s="504"/>
      <c r="AF3" s="504"/>
      <c r="AG3" s="504"/>
      <c r="AH3" s="504"/>
      <c r="AI3" s="505"/>
      <c r="AJ3" s="503" t="s">
        <v>90</v>
      </c>
      <c r="AK3" s="504"/>
      <c r="AL3" s="504"/>
      <c r="AM3" s="504"/>
      <c r="AN3" s="504"/>
      <c r="AO3" s="504"/>
      <c r="AP3" s="504"/>
      <c r="AQ3" s="504"/>
      <c r="AR3" s="504"/>
      <c r="AS3" s="504"/>
      <c r="AT3" s="505"/>
      <c r="AU3" s="516" t="s">
        <v>89</v>
      </c>
      <c r="AV3" s="517"/>
      <c r="AW3" s="517"/>
      <c r="AX3" s="517"/>
      <c r="AY3" s="517"/>
      <c r="AZ3" s="517"/>
      <c r="BA3" s="517"/>
      <c r="BB3" s="517"/>
      <c r="BC3" s="517"/>
      <c r="BD3" s="517"/>
      <c r="BE3" s="518"/>
      <c r="BF3" s="516" t="s">
        <v>91</v>
      </c>
      <c r="BG3" s="517"/>
      <c r="BH3" s="517"/>
      <c r="BI3" s="517"/>
      <c r="BJ3" s="517"/>
      <c r="BK3" s="517"/>
      <c r="BL3" s="517"/>
      <c r="BM3" s="517"/>
      <c r="BN3" s="517"/>
      <c r="BO3" s="517"/>
      <c r="BP3" s="518"/>
      <c r="BQ3" s="516" t="s">
        <v>92</v>
      </c>
      <c r="BR3" s="517"/>
      <c r="BS3" s="517"/>
      <c r="BT3" s="517"/>
      <c r="BU3" s="517"/>
      <c r="BV3" s="517"/>
      <c r="BW3" s="517"/>
      <c r="BX3" s="517"/>
      <c r="BY3" s="517"/>
      <c r="BZ3" s="517"/>
      <c r="CA3" s="518"/>
      <c r="CB3" s="516" t="s">
        <v>93</v>
      </c>
      <c r="CC3" s="517"/>
      <c r="CD3" s="517"/>
      <c r="CE3" s="517"/>
      <c r="CF3" s="517"/>
      <c r="CG3" s="517"/>
      <c r="CH3" s="517"/>
      <c r="CI3" s="517"/>
      <c r="CJ3" s="517"/>
      <c r="CK3" s="517"/>
      <c r="CL3" s="518"/>
      <c r="CM3" s="517" t="s">
        <v>139</v>
      </c>
      <c r="CN3" s="517"/>
      <c r="CO3" s="517"/>
      <c r="CP3" s="517"/>
      <c r="CQ3" s="517"/>
      <c r="CR3" s="517"/>
      <c r="CS3" s="517"/>
      <c r="CT3" s="517"/>
      <c r="CU3" s="517"/>
      <c r="CV3" s="517"/>
      <c r="CW3" s="518"/>
    </row>
    <row r="4" spans="1:101"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34" t="s">
        <v>61</v>
      </c>
      <c r="AV4" s="532"/>
      <c r="AW4" s="533"/>
      <c r="AX4" s="531" t="s">
        <v>62</v>
      </c>
      <c r="AY4" s="532"/>
      <c r="AZ4" s="532"/>
      <c r="BA4" s="532"/>
      <c r="BB4" s="532"/>
      <c r="BC4" s="532"/>
      <c r="BD4" s="533"/>
      <c r="BE4" s="529" t="s">
        <v>52</v>
      </c>
      <c r="BF4" s="534" t="s">
        <v>61</v>
      </c>
      <c r="BG4" s="532"/>
      <c r="BH4" s="533"/>
      <c r="BI4" s="531" t="s">
        <v>62</v>
      </c>
      <c r="BJ4" s="532"/>
      <c r="BK4" s="532"/>
      <c r="BL4" s="532"/>
      <c r="BM4" s="532"/>
      <c r="BN4" s="532"/>
      <c r="BO4" s="533"/>
      <c r="BP4" s="529" t="s">
        <v>52</v>
      </c>
      <c r="BQ4" s="534" t="s">
        <v>61</v>
      </c>
      <c r="BR4" s="532"/>
      <c r="BS4" s="533"/>
      <c r="BT4" s="531" t="s">
        <v>62</v>
      </c>
      <c r="BU4" s="532"/>
      <c r="BV4" s="532"/>
      <c r="BW4" s="532"/>
      <c r="BX4" s="532"/>
      <c r="BY4" s="532"/>
      <c r="BZ4" s="533"/>
      <c r="CA4" s="529" t="s">
        <v>52</v>
      </c>
      <c r="CB4" s="534" t="s">
        <v>61</v>
      </c>
      <c r="CC4" s="532"/>
      <c r="CD4" s="533"/>
      <c r="CE4" s="531" t="s">
        <v>62</v>
      </c>
      <c r="CF4" s="532"/>
      <c r="CG4" s="532"/>
      <c r="CH4" s="532"/>
      <c r="CI4" s="532"/>
      <c r="CJ4" s="532"/>
      <c r="CK4" s="533"/>
      <c r="CL4" s="529" t="s">
        <v>52</v>
      </c>
      <c r="CM4" s="534" t="s">
        <v>61</v>
      </c>
      <c r="CN4" s="532"/>
      <c r="CO4" s="533"/>
      <c r="CP4" s="531" t="s">
        <v>62</v>
      </c>
      <c r="CQ4" s="532"/>
      <c r="CR4" s="532"/>
      <c r="CS4" s="532"/>
      <c r="CT4" s="532"/>
      <c r="CU4" s="532"/>
      <c r="CV4" s="533"/>
      <c r="CW4" s="529" t="s">
        <v>52</v>
      </c>
    </row>
    <row r="5" spans="1:101" ht="30" customHeight="1" thickBot="1" x14ac:dyDescent="0.25">
      <c r="B5" s="514"/>
      <c r="C5" s="309" t="s">
        <v>43</v>
      </c>
      <c r="D5" s="242" t="s">
        <v>44</v>
      </c>
      <c r="E5" s="243" t="s">
        <v>45</v>
      </c>
      <c r="F5" s="244" t="s">
        <v>83</v>
      </c>
      <c r="G5" s="239" t="s">
        <v>47</v>
      </c>
      <c r="H5" s="239" t="s">
        <v>48</v>
      </c>
      <c r="I5" s="239" t="s">
        <v>49</v>
      </c>
      <c r="J5" s="239" t="s">
        <v>50</v>
      </c>
      <c r="K5" s="239" t="s">
        <v>51</v>
      </c>
      <c r="L5" s="245" t="s">
        <v>45</v>
      </c>
      <c r="M5" s="510"/>
      <c r="N5" s="309" t="s">
        <v>43</v>
      </c>
      <c r="O5" s="239" t="s">
        <v>44</v>
      </c>
      <c r="P5" s="242" t="s">
        <v>45</v>
      </c>
      <c r="Q5" s="244" t="s">
        <v>83</v>
      </c>
      <c r="R5" s="239" t="s">
        <v>47</v>
      </c>
      <c r="S5" s="239" t="s">
        <v>48</v>
      </c>
      <c r="T5" s="239" t="s">
        <v>49</v>
      </c>
      <c r="U5" s="239" t="s">
        <v>50</v>
      </c>
      <c r="V5" s="239" t="s">
        <v>51</v>
      </c>
      <c r="W5" s="242" t="s">
        <v>45</v>
      </c>
      <c r="X5" s="510"/>
      <c r="Y5" s="309" t="s">
        <v>43</v>
      </c>
      <c r="Z5" s="239" t="s">
        <v>44</v>
      </c>
      <c r="AA5" s="242" t="s">
        <v>45</v>
      </c>
      <c r="AB5" s="244" t="s">
        <v>83</v>
      </c>
      <c r="AC5" s="239" t="s">
        <v>47</v>
      </c>
      <c r="AD5" s="239" t="s">
        <v>48</v>
      </c>
      <c r="AE5" s="239" t="s">
        <v>49</v>
      </c>
      <c r="AF5" s="239" t="s">
        <v>50</v>
      </c>
      <c r="AG5" s="239" t="s">
        <v>51</v>
      </c>
      <c r="AH5" s="242" t="s">
        <v>45</v>
      </c>
      <c r="AI5" s="510"/>
      <c r="AJ5" s="309" t="s">
        <v>43</v>
      </c>
      <c r="AK5" s="239" t="s">
        <v>44</v>
      </c>
      <c r="AL5" s="242" t="s">
        <v>45</v>
      </c>
      <c r="AM5" s="244" t="s">
        <v>83</v>
      </c>
      <c r="AN5" s="239" t="s">
        <v>47</v>
      </c>
      <c r="AO5" s="239" t="s">
        <v>48</v>
      </c>
      <c r="AP5" s="239" t="s">
        <v>49</v>
      </c>
      <c r="AQ5" s="239" t="s">
        <v>50</v>
      </c>
      <c r="AR5" s="239" t="s">
        <v>51</v>
      </c>
      <c r="AS5" s="242" t="s">
        <v>45</v>
      </c>
      <c r="AT5" s="510"/>
      <c r="AU5" s="309" t="s">
        <v>43</v>
      </c>
      <c r="AV5" s="239" t="s">
        <v>44</v>
      </c>
      <c r="AW5" s="242" t="s">
        <v>45</v>
      </c>
      <c r="AX5" s="244" t="s">
        <v>83</v>
      </c>
      <c r="AY5" s="239" t="s">
        <v>47</v>
      </c>
      <c r="AZ5" s="239" t="s">
        <v>48</v>
      </c>
      <c r="BA5" s="239" t="s">
        <v>49</v>
      </c>
      <c r="BB5" s="239" t="s">
        <v>50</v>
      </c>
      <c r="BC5" s="239" t="s">
        <v>51</v>
      </c>
      <c r="BD5" s="242" t="s">
        <v>45</v>
      </c>
      <c r="BE5" s="530"/>
      <c r="BF5" s="309" t="s">
        <v>43</v>
      </c>
      <c r="BG5" s="239" t="s">
        <v>44</v>
      </c>
      <c r="BH5" s="242" t="s">
        <v>45</v>
      </c>
      <c r="BI5" s="244" t="s">
        <v>83</v>
      </c>
      <c r="BJ5" s="239" t="s">
        <v>47</v>
      </c>
      <c r="BK5" s="239" t="s">
        <v>48</v>
      </c>
      <c r="BL5" s="239" t="s">
        <v>49</v>
      </c>
      <c r="BM5" s="239" t="s">
        <v>50</v>
      </c>
      <c r="BN5" s="239" t="s">
        <v>51</v>
      </c>
      <c r="BO5" s="242" t="s">
        <v>45</v>
      </c>
      <c r="BP5" s="530"/>
      <c r="BQ5" s="309" t="s">
        <v>43</v>
      </c>
      <c r="BR5" s="239" t="s">
        <v>44</v>
      </c>
      <c r="BS5" s="242" t="s">
        <v>45</v>
      </c>
      <c r="BT5" s="244" t="s">
        <v>83</v>
      </c>
      <c r="BU5" s="239" t="s">
        <v>47</v>
      </c>
      <c r="BV5" s="239" t="s">
        <v>48</v>
      </c>
      <c r="BW5" s="239" t="s">
        <v>49</v>
      </c>
      <c r="BX5" s="239" t="s">
        <v>50</v>
      </c>
      <c r="BY5" s="239" t="s">
        <v>51</v>
      </c>
      <c r="BZ5" s="242" t="s">
        <v>45</v>
      </c>
      <c r="CA5" s="530"/>
      <c r="CB5" s="309" t="s">
        <v>43</v>
      </c>
      <c r="CC5" s="239" t="s">
        <v>44</v>
      </c>
      <c r="CD5" s="242" t="s">
        <v>45</v>
      </c>
      <c r="CE5" s="244" t="s">
        <v>83</v>
      </c>
      <c r="CF5" s="239" t="s">
        <v>47</v>
      </c>
      <c r="CG5" s="239" t="s">
        <v>48</v>
      </c>
      <c r="CH5" s="239" t="s">
        <v>49</v>
      </c>
      <c r="CI5" s="239" t="s">
        <v>50</v>
      </c>
      <c r="CJ5" s="239" t="s">
        <v>51</v>
      </c>
      <c r="CK5" s="242" t="s">
        <v>45</v>
      </c>
      <c r="CL5" s="530"/>
      <c r="CM5" s="309" t="s">
        <v>43</v>
      </c>
      <c r="CN5" s="239" t="s">
        <v>44</v>
      </c>
      <c r="CO5" s="242" t="s">
        <v>45</v>
      </c>
      <c r="CP5" s="244" t="s">
        <v>83</v>
      </c>
      <c r="CQ5" s="239" t="s">
        <v>47</v>
      </c>
      <c r="CR5" s="239" t="s">
        <v>48</v>
      </c>
      <c r="CS5" s="239" t="s">
        <v>49</v>
      </c>
      <c r="CT5" s="239" t="s">
        <v>50</v>
      </c>
      <c r="CU5" s="239" t="s">
        <v>51</v>
      </c>
      <c r="CV5" s="242" t="s">
        <v>45</v>
      </c>
      <c r="CW5" s="530"/>
    </row>
    <row r="6" spans="1:101" ht="21" customHeight="1" x14ac:dyDescent="0.2">
      <c r="B6" s="435" t="s">
        <v>4</v>
      </c>
      <c r="C6" s="246">
        <v>0</v>
      </c>
      <c r="D6" s="247">
        <v>0</v>
      </c>
      <c r="E6" s="248">
        <v>0</v>
      </c>
      <c r="F6" s="249">
        <v>0</v>
      </c>
      <c r="G6" s="250">
        <v>19</v>
      </c>
      <c r="H6" s="250">
        <v>32</v>
      </c>
      <c r="I6" s="250">
        <v>22</v>
      </c>
      <c r="J6" s="250">
        <v>19</v>
      </c>
      <c r="K6" s="250">
        <v>15</v>
      </c>
      <c r="L6" s="251">
        <v>107</v>
      </c>
      <c r="M6" s="252">
        <v>107</v>
      </c>
      <c r="N6" s="246">
        <v>0</v>
      </c>
      <c r="O6" s="250">
        <v>0</v>
      </c>
      <c r="P6" s="247">
        <v>0</v>
      </c>
      <c r="Q6" s="249">
        <v>0</v>
      </c>
      <c r="R6" s="250">
        <v>14</v>
      </c>
      <c r="S6" s="250">
        <v>40</v>
      </c>
      <c r="T6" s="250">
        <v>29</v>
      </c>
      <c r="U6" s="250">
        <v>20</v>
      </c>
      <c r="V6" s="250">
        <v>20</v>
      </c>
      <c r="W6" s="247">
        <v>123</v>
      </c>
      <c r="X6" s="252">
        <v>123</v>
      </c>
      <c r="Y6" s="246">
        <v>0</v>
      </c>
      <c r="Z6" s="250">
        <v>0</v>
      </c>
      <c r="AA6" s="247">
        <v>0</v>
      </c>
      <c r="AB6" s="249">
        <v>0</v>
      </c>
      <c r="AC6" s="250">
        <v>856</v>
      </c>
      <c r="AD6" s="250">
        <v>731</v>
      </c>
      <c r="AE6" s="250">
        <v>308</v>
      </c>
      <c r="AF6" s="250">
        <v>138</v>
      </c>
      <c r="AG6" s="250">
        <v>54</v>
      </c>
      <c r="AH6" s="247">
        <v>2087</v>
      </c>
      <c r="AI6" s="252">
        <v>2087</v>
      </c>
      <c r="AJ6" s="246">
        <v>1</v>
      </c>
      <c r="AK6" s="250">
        <v>0</v>
      </c>
      <c r="AL6" s="247">
        <v>1</v>
      </c>
      <c r="AM6" s="249">
        <v>0</v>
      </c>
      <c r="AN6" s="250">
        <v>45</v>
      </c>
      <c r="AO6" s="250">
        <v>59</v>
      </c>
      <c r="AP6" s="250">
        <v>66</v>
      </c>
      <c r="AQ6" s="250">
        <v>18</v>
      </c>
      <c r="AR6" s="250">
        <v>19</v>
      </c>
      <c r="AS6" s="247">
        <v>207</v>
      </c>
      <c r="AT6" s="252">
        <v>208</v>
      </c>
      <c r="AU6" s="246">
        <v>12</v>
      </c>
      <c r="AV6" s="250">
        <v>23</v>
      </c>
      <c r="AW6" s="247">
        <v>35</v>
      </c>
      <c r="AX6" s="249">
        <v>0</v>
      </c>
      <c r="AY6" s="250">
        <v>72</v>
      </c>
      <c r="AZ6" s="250">
        <v>54</v>
      </c>
      <c r="BA6" s="250">
        <v>66</v>
      </c>
      <c r="BB6" s="250">
        <v>42</v>
      </c>
      <c r="BC6" s="250">
        <v>18</v>
      </c>
      <c r="BD6" s="247">
        <v>252</v>
      </c>
      <c r="BE6" s="252">
        <v>287</v>
      </c>
      <c r="BF6" s="246">
        <v>0</v>
      </c>
      <c r="BG6" s="250">
        <v>0</v>
      </c>
      <c r="BH6" s="247">
        <v>0</v>
      </c>
      <c r="BI6" s="249">
        <v>0</v>
      </c>
      <c r="BJ6" s="250">
        <v>71</v>
      </c>
      <c r="BK6" s="250">
        <v>98</v>
      </c>
      <c r="BL6" s="250">
        <v>132</v>
      </c>
      <c r="BM6" s="250">
        <v>94</v>
      </c>
      <c r="BN6" s="250">
        <v>73</v>
      </c>
      <c r="BO6" s="251">
        <v>468</v>
      </c>
      <c r="BP6" s="252">
        <v>468</v>
      </c>
      <c r="BQ6" s="246">
        <v>0</v>
      </c>
      <c r="BR6" s="250">
        <v>0</v>
      </c>
      <c r="BS6" s="247">
        <v>0</v>
      </c>
      <c r="BT6" s="249">
        <v>0</v>
      </c>
      <c r="BU6" s="250">
        <v>1</v>
      </c>
      <c r="BV6" s="250">
        <v>3</v>
      </c>
      <c r="BW6" s="250">
        <v>6</v>
      </c>
      <c r="BX6" s="250">
        <v>5</v>
      </c>
      <c r="BY6" s="250">
        <v>4</v>
      </c>
      <c r="BZ6" s="247">
        <v>19</v>
      </c>
      <c r="CA6" s="252">
        <v>19</v>
      </c>
      <c r="CB6" s="246">
        <v>0</v>
      </c>
      <c r="CC6" s="250">
        <v>0</v>
      </c>
      <c r="CD6" s="247">
        <v>0</v>
      </c>
      <c r="CE6" s="249">
        <v>0</v>
      </c>
      <c r="CF6" s="250">
        <v>0</v>
      </c>
      <c r="CG6" s="250">
        <v>3</v>
      </c>
      <c r="CH6" s="250">
        <v>7</v>
      </c>
      <c r="CI6" s="250">
        <v>20</v>
      </c>
      <c r="CJ6" s="250">
        <v>7</v>
      </c>
      <c r="CK6" s="247">
        <v>37</v>
      </c>
      <c r="CL6" s="252">
        <v>37</v>
      </c>
      <c r="CM6" s="246">
        <v>0</v>
      </c>
      <c r="CN6" s="250">
        <v>0</v>
      </c>
      <c r="CO6" s="247">
        <v>0</v>
      </c>
      <c r="CP6" s="249">
        <v>0</v>
      </c>
      <c r="CQ6" s="250">
        <v>6</v>
      </c>
      <c r="CR6" s="250">
        <v>18</v>
      </c>
      <c r="CS6" s="250">
        <v>17</v>
      </c>
      <c r="CT6" s="250">
        <v>17</v>
      </c>
      <c r="CU6" s="250">
        <v>32</v>
      </c>
      <c r="CV6" s="247">
        <v>90</v>
      </c>
      <c r="CW6" s="252">
        <v>90</v>
      </c>
    </row>
    <row r="7" spans="1:101" ht="21" customHeight="1" x14ac:dyDescent="0.2">
      <c r="B7" s="436" t="s">
        <v>5</v>
      </c>
      <c r="C7" s="253">
        <v>0</v>
      </c>
      <c r="D7" s="254">
        <v>0</v>
      </c>
      <c r="E7" s="255">
        <v>0</v>
      </c>
      <c r="F7" s="256">
        <v>0</v>
      </c>
      <c r="G7" s="257">
        <v>7</v>
      </c>
      <c r="H7" s="257">
        <v>13</v>
      </c>
      <c r="I7" s="257">
        <v>14</v>
      </c>
      <c r="J7" s="257">
        <v>7</v>
      </c>
      <c r="K7" s="257">
        <v>7</v>
      </c>
      <c r="L7" s="258">
        <v>48</v>
      </c>
      <c r="M7" s="259">
        <v>48</v>
      </c>
      <c r="N7" s="253">
        <v>0</v>
      </c>
      <c r="O7" s="257">
        <v>0</v>
      </c>
      <c r="P7" s="254">
        <v>0</v>
      </c>
      <c r="Q7" s="256">
        <v>0</v>
      </c>
      <c r="R7" s="257">
        <v>8</v>
      </c>
      <c r="S7" s="257">
        <v>27</v>
      </c>
      <c r="T7" s="257">
        <v>23</v>
      </c>
      <c r="U7" s="257">
        <v>13</v>
      </c>
      <c r="V7" s="257">
        <v>16</v>
      </c>
      <c r="W7" s="254">
        <v>87</v>
      </c>
      <c r="X7" s="259">
        <v>87</v>
      </c>
      <c r="Y7" s="253">
        <v>0</v>
      </c>
      <c r="Z7" s="257">
        <v>0</v>
      </c>
      <c r="AA7" s="254">
        <v>0</v>
      </c>
      <c r="AB7" s="256">
        <v>0</v>
      </c>
      <c r="AC7" s="257">
        <v>348</v>
      </c>
      <c r="AD7" s="257">
        <v>393</v>
      </c>
      <c r="AE7" s="257">
        <v>159</v>
      </c>
      <c r="AF7" s="257">
        <v>67</v>
      </c>
      <c r="AG7" s="257">
        <v>26</v>
      </c>
      <c r="AH7" s="254">
        <v>993</v>
      </c>
      <c r="AI7" s="259">
        <v>993</v>
      </c>
      <c r="AJ7" s="253">
        <v>1</v>
      </c>
      <c r="AK7" s="257">
        <v>0</v>
      </c>
      <c r="AL7" s="254">
        <v>1</v>
      </c>
      <c r="AM7" s="256">
        <v>0</v>
      </c>
      <c r="AN7" s="257">
        <v>22</v>
      </c>
      <c r="AO7" s="257">
        <v>29</v>
      </c>
      <c r="AP7" s="257">
        <v>33</v>
      </c>
      <c r="AQ7" s="257">
        <v>10</v>
      </c>
      <c r="AR7" s="257">
        <v>13</v>
      </c>
      <c r="AS7" s="254">
        <v>107</v>
      </c>
      <c r="AT7" s="259">
        <v>108</v>
      </c>
      <c r="AU7" s="253">
        <v>7</v>
      </c>
      <c r="AV7" s="257">
        <v>11</v>
      </c>
      <c r="AW7" s="254">
        <v>18</v>
      </c>
      <c r="AX7" s="256">
        <v>0</v>
      </c>
      <c r="AY7" s="257">
        <v>31</v>
      </c>
      <c r="AZ7" s="257">
        <v>22</v>
      </c>
      <c r="BA7" s="257">
        <v>27</v>
      </c>
      <c r="BB7" s="257">
        <v>27</v>
      </c>
      <c r="BC7" s="257">
        <v>8</v>
      </c>
      <c r="BD7" s="254">
        <v>115</v>
      </c>
      <c r="BE7" s="259">
        <v>133</v>
      </c>
      <c r="BF7" s="253">
        <v>0</v>
      </c>
      <c r="BG7" s="257">
        <v>0</v>
      </c>
      <c r="BH7" s="254">
        <v>0</v>
      </c>
      <c r="BI7" s="256">
        <v>0</v>
      </c>
      <c r="BJ7" s="257">
        <v>32</v>
      </c>
      <c r="BK7" s="257">
        <v>34</v>
      </c>
      <c r="BL7" s="257">
        <v>46</v>
      </c>
      <c r="BM7" s="257">
        <v>47</v>
      </c>
      <c r="BN7" s="257">
        <v>28</v>
      </c>
      <c r="BO7" s="258">
        <v>187</v>
      </c>
      <c r="BP7" s="259">
        <v>187</v>
      </c>
      <c r="BQ7" s="253">
        <v>0</v>
      </c>
      <c r="BR7" s="257">
        <v>0</v>
      </c>
      <c r="BS7" s="254">
        <v>0</v>
      </c>
      <c r="BT7" s="256">
        <v>0</v>
      </c>
      <c r="BU7" s="257">
        <v>0</v>
      </c>
      <c r="BV7" s="257">
        <v>0</v>
      </c>
      <c r="BW7" s="257">
        <v>0</v>
      </c>
      <c r="BX7" s="257">
        <v>0</v>
      </c>
      <c r="BY7" s="257">
        <v>0</v>
      </c>
      <c r="BZ7" s="254">
        <v>0</v>
      </c>
      <c r="CA7" s="259">
        <v>0</v>
      </c>
      <c r="CB7" s="253">
        <v>0</v>
      </c>
      <c r="CC7" s="257">
        <v>0</v>
      </c>
      <c r="CD7" s="254">
        <v>0</v>
      </c>
      <c r="CE7" s="256">
        <v>0</v>
      </c>
      <c r="CF7" s="257">
        <v>0</v>
      </c>
      <c r="CG7" s="257">
        <v>1</v>
      </c>
      <c r="CH7" s="257">
        <v>0</v>
      </c>
      <c r="CI7" s="257">
        <v>1</v>
      </c>
      <c r="CJ7" s="257">
        <v>1</v>
      </c>
      <c r="CK7" s="254">
        <v>3</v>
      </c>
      <c r="CL7" s="259">
        <v>3</v>
      </c>
      <c r="CM7" s="253">
        <v>0</v>
      </c>
      <c r="CN7" s="257">
        <v>0</v>
      </c>
      <c r="CO7" s="254">
        <v>0</v>
      </c>
      <c r="CP7" s="256">
        <v>0</v>
      </c>
      <c r="CQ7" s="257">
        <v>0</v>
      </c>
      <c r="CR7" s="257">
        <v>6</v>
      </c>
      <c r="CS7" s="257">
        <v>2</v>
      </c>
      <c r="CT7" s="257">
        <v>6</v>
      </c>
      <c r="CU7" s="257">
        <v>11</v>
      </c>
      <c r="CV7" s="254">
        <v>25</v>
      </c>
      <c r="CW7" s="259">
        <v>25</v>
      </c>
    </row>
    <row r="8" spans="1:101" ht="21" customHeight="1" x14ac:dyDescent="0.2">
      <c r="B8" s="437" t="s">
        <v>6</v>
      </c>
      <c r="C8" s="253">
        <v>0</v>
      </c>
      <c r="D8" s="254">
        <v>0</v>
      </c>
      <c r="E8" s="255">
        <v>0</v>
      </c>
      <c r="F8" s="256">
        <v>0</v>
      </c>
      <c r="G8" s="257">
        <v>5</v>
      </c>
      <c r="H8" s="257">
        <v>7</v>
      </c>
      <c r="I8" s="257">
        <v>5</v>
      </c>
      <c r="J8" s="257">
        <v>3</v>
      </c>
      <c r="K8" s="257">
        <v>4</v>
      </c>
      <c r="L8" s="258">
        <v>24</v>
      </c>
      <c r="M8" s="259">
        <v>24</v>
      </c>
      <c r="N8" s="253">
        <v>0</v>
      </c>
      <c r="O8" s="257">
        <v>0</v>
      </c>
      <c r="P8" s="254">
        <v>0</v>
      </c>
      <c r="Q8" s="256">
        <v>0</v>
      </c>
      <c r="R8" s="257">
        <v>5</v>
      </c>
      <c r="S8" s="257">
        <v>13</v>
      </c>
      <c r="T8" s="257">
        <v>6</v>
      </c>
      <c r="U8" s="257">
        <v>4</v>
      </c>
      <c r="V8" s="257">
        <v>4</v>
      </c>
      <c r="W8" s="254">
        <v>32</v>
      </c>
      <c r="X8" s="259">
        <v>32</v>
      </c>
      <c r="Y8" s="253">
        <v>0</v>
      </c>
      <c r="Z8" s="257">
        <v>0</v>
      </c>
      <c r="AA8" s="254">
        <v>0</v>
      </c>
      <c r="AB8" s="256">
        <v>0</v>
      </c>
      <c r="AC8" s="257">
        <v>149</v>
      </c>
      <c r="AD8" s="257">
        <v>95</v>
      </c>
      <c r="AE8" s="257">
        <v>39</v>
      </c>
      <c r="AF8" s="257">
        <v>18</v>
      </c>
      <c r="AG8" s="257">
        <v>9</v>
      </c>
      <c r="AH8" s="254">
        <v>310</v>
      </c>
      <c r="AI8" s="259">
        <v>310</v>
      </c>
      <c r="AJ8" s="253">
        <v>0</v>
      </c>
      <c r="AK8" s="257">
        <v>0</v>
      </c>
      <c r="AL8" s="254">
        <v>0</v>
      </c>
      <c r="AM8" s="256">
        <v>0</v>
      </c>
      <c r="AN8" s="257">
        <v>10</v>
      </c>
      <c r="AO8" s="257">
        <v>18</v>
      </c>
      <c r="AP8" s="257">
        <v>21</v>
      </c>
      <c r="AQ8" s="257">
        <v>2</v>
      </c>
      <c r="AR8" s="257">
        <v>4</v>
      </c>
      <c r="AS8" s="254">
        <v>55</v>
      </c>
      <c r="AT8" s="259">
        <v>55</v>
      </c>
      <c r="AU8" s="253">
        <v>0</v>
      </c>
      <c r="AV8" s="257">
        <v>6</v>
      </c>
      <c r="AW8" s="254">
        <v>6</v>
      </c>
      <c r="AX8" s="256">
        <v>0</v>
      </c>
      <c r="AY8" s="257">
        <v>10</v>
      </c>
      <c r="AZ8" s="257">
        <v>11</v>
      </c>
      <c r="BA8" s="257">
        <v>11</v>
      </c>
      <c r="BB8" s="257">
        <v>5</v>
      </c>
      <c r="BC8" s="257">
        <v>2</v>
      </c>
      <c r="BD8" s="254">
        <v>39</v>
      </c>
      <c r="BE8" s="259">
        <v>45</v>
      </c>
      <c r="BF8" s="253">
        <v>0</v>
      </c>
      <c r="BG8" s="257">
        <v>0</v>
      </c>
      <c r="BH8" s="254">
        <v>0</v>
      </c>
      <c r="BI8" s="256">
        <v>0</v>
      </c>
      <c r="BJ8" s="257">
        <v>18</v>
      </c>
      <c r="BK8" s="257">
        <v>24</v>
      </c>
      <c r="BL8" s="257">
        <v>31</v>
      </c>
      <c r="BM8" s="257">
        <v>15</v>
      </c>
      <c r="BN8" s="257">
        <v>18</v>
      </c>
      <c r="BO8" s="258">
        <v>106</v>
      </c>
      <c r="BP8" s="259">
        <v>106</v>
      </c>
      <c r="BQ8" s="253">
        <v>0</v>
      </c>
      <c r="BR8" s="257">
        <v>0</v>
      </c>
      <c r="BS8" s="254">
        <v>0</v>
      </c>
      <c r="BT8" s="256">
        <v>0</v>
      </c>
      <c r="BU8" s="257">
        <v>0</v>
      </c>
      <c r="BV8" s="257">
        <v>0</v>
      </c>
      <c r="BW8" s="257">
        <v>0</v>
      </c>
      <c r="BX8" s="257">
        <v>0</v>
      </c>
      <c r="BY8" s="257">
        <v>0</v>
      </c>
      <c r="BZ8" s="254">
        <v>0</v>
      </c>
      <c r="CA8" s="259">
        <v>0</v>
      </c>
      <c r="CB8" s="253">
        <v>0</v>
      </c>
      <c r="CC8" s="257">
        <v>0</v>
      </c>
      <c r="CD8" s="254">
        <v>0</v>
      </c>
      <c r="CE8" s="256">
        <v>0</v>
      </c>
      <c r="CF8" s="257">
        <v>0</v>
      </c>
      <c r="CG8" s="257">
        <v>1</v>
      </c>
      <c r="CH8" s="257">
        <v>6</v>
      </c>
      <c r="CI8" s="257">
        <v>7</v>
      </c>
      <c r="CJ8" s="257">
        <v>2</v>
      </c>
      <c r="CK8" s="254">
        <v>16</v>
      </c>
      <c r="CL8" s="259">
        <v>16</v>
      </c>
      <c r="CM8" s="253">
        <v>0</v>
      </c>
      <c r="CN8" s="257">
        <v>0</v>
      </c>
      <c r="CO8" s="254">
        <v>0</v>
      </c>
      <c r="CP8" s="256">
        <v>0</v>
      </c>
      <c r="CQ8" s="257">
        <v>4</v>
      </c>
      <c r="CR8" s="257">
        <v>5</v>
      </c>
      <c r="CS8" s="257">
        <v>8</v>
      </c>
      <c r="CT8" s="257">
        <v>4</v>
      </c>
      <c r="CU8" s="257">
        <v>7</v>
      </c>
      <c r="CV8" s="254">
        <v>28</v>
      </c>
      <c r="CW8" s="259">
        <v>28</v>
      </c>
    </row>
    <row r="9" spans="1:101" ht="21" customHeight="1" x14ac:dyDescent="0.2">
      <c r="B9" s="437" t="s">
        <v>14</v>
      </c>
      <c r="C9" s="253">
        <v>0</v>
      </c>
      <c r="D9" s="254">
        <v>0</v>
      </c>
      <c r="E9" s="255">
        <v>0</v>
      </c>
      <c r="F9" s="256">
        <v>0</v>
      </c>
      <c r="G9" s="257">
        <v>1</v>
      </c>
      <c r="H9" s="257">
        <v>3</v>
      </c>
      <c r="I9" s="257">
        <v>0</v>
      </c>
      <c r="J9" s="257">
        <v>0</v>
      </c>
      <c r="K9" s="257">
        <v>0</v>
      </c>
      <c r="L9" s="258">
        <v>4</v>
      </c>
      <c r="M9" s="259">
        <v>4</v>
      </c>
      <c r="N9" s="253">
        <v>0</v>
      </c>
      <c r="O9" s="257">
        <v>0</v>
      </c>
      <c r="P9" s="254">
        <v>0</v>
      </c>
      <c r="Q9" s="256">
        <v>0</v>
      </c>
      <c r="R9" s="257">
        <v>0</v>
      </c>
      <c r="S9" s="257">
        <v>0</v>
      </c>
      <c r="T9" s="257">
        <v>0</v>
      </c>
      <c r="U9" s="257">
        <v>0</v>
      </c>
      <c r="V9" s="257">
        <v>0</v>
      </c>
      <c r="W9" s="254">
        <v>0</v>
      </c>
      <c r="X9" s="259">
        <v>0</v>
      </c>
      <c r="Y9" s="253">
        <v>0</v>
      </c>
      <c r="Z9" s="257">
        <v>0</v>
      </c>
      <c r="AA9" s="254">
        <v>0</v>
      </c>
      <c r="AB9" s="256">
        <v>0</v>
      </c>
      <c r="AC9" s="257">
        <v>33</v>
      </c>
      <c r="AD9" s="257">
        <v>54</v>
      </c>
      <c r="AE9" s="257">
        <v>17</v>
      </c>
      <c r="AF9" s="257">
        <v>10</v>
      </c>
      <c r="AG9" s="257">
        <v>4</v>
      </c>
      <c r="AH9" s="254">
        <v>118</v>
      </c>
      <c r="AI9" s="259">
        <v>118</v>
      </c>
      <c r="AJ9" s="253">
        <v>0</v>
      </c>
      <c r="AK9" s="257">
        <v>0</v>
      </c>
      <c r="AL9" s="254">
        <v>0</v>
      </c>
      <c r="AM9" s="256">
        <v>0</v>
      </c>
      <c r="AN9" s="257">
        <v>1</v>
      </c>
      <c r="AO9" s="257">
        <v>1</v>
      </c>
      <c r="AP9" s="257">
        <v>0</v>
      </c>
      <c r="AQ9" s="257">
        <v>1</v>
      </c>
      <c r="AR9" s="257">
        <v>0</v>
      </c>
      <c r="AS9" s="254">
        <v>3</v>
      </c>
      <c r="AT9" s="259">
        <v>3</v>
      </c>
      <c r="AU9" s="253">
        <v>2</v>
      </c>
      <c r="AV9" s="257">
        <v>0</v>
      </c>
      <c r="AW9" s="254">
        <v>2</v>
      </c>
      <c r="AX9" s="256">
        <v>0</v>
      </c>
      <c r="AY9" s="257">
        <v>5</v>
      </c>
      <c r="AZ9" s="257">
        <v>5</v>
      </c>
      <c r="BA9" s="257">
        <v>6</v>
      </c>
      <c r="BB9" s="257">
        <v>1</v>
      </c>
      <c r="BC9" s="257">
        <v>2</v>
      </c>
      <c r="BD9" s="254">
        <v>19</v>
      </c>
      <c r="BE9" s="259">
        <v>21</v>
      </c>
      <c r="BF9" s="253">
        <v>0</v>
      </c>
      <c r="BG9" s="257">
        <v>0</v>
      </c>
      <c r="BH9" s="254">
        <v>0</v>
      </c>
      <c r="BI9" s="256">
        <v>0</v>
      </c>
      <c r="BJ9" s="257">
        <v>4</v>
      </c>
      <c r="BK9" s="257">
        <v>5</v>
      </c>
      <c r="BL9" s="257">
        <v>16</v>
      </c>
      <c r="BM9" s="257">
        <v>10</v>
      </c>
      <c r="BN9" s="257">
        <v>5</v>
      </c>
      <c r="BO9" s="258">
        <v>40</v>
      </c>
      <c r="BP9" s="259">
        <v>40</v>
      </c>
      <c r="BQ9" s="253">
        <v>0</v>
      </c>
      <c r="BR9" s="257">
        <v>0</v>
      </c>
      <c r="BS9" s="254">
        <v>0</v>
      </c>
      <c r="BT9" s="256">
        <v>0</v>
      </c>
      <c r="BU9" s="257">
        <v>0</v>
      </c>
      <c r="BV9" s="257">
        <v>0</v>
      </c>
      <c r="BW9" s="257">
        <v>0</v>
      </c>
      <c r="BX9" s="257">
        <v>0</v>
      </c>
      <c r="BY9" s="257">
        <v>0</v>
      </c>
      <c r="BZ9" s="254">
        <v>0</v>
      </c>
      <c r="CA9" s="259">
        <v>0</v>
      </c>
      <c r="CB9" s="253">
        <v>0</v>
      </c>
      <c r="CC9" s="257">
        <v>0</v>
      </c>
      <c r="CD9" s="254">
        <v>0</v>
      </c>
      <c r="CE9" s="256">
        <v>0</v>
      </c>
      <c r="CF9" s="257">
        <v>0</v>
      </c>
      <c r="CG9" s="257">
        <v>1</v>
      </c>
      <c r="CH9" s="257">
        <v>0</v>
      </c>
      <c r="CI9" s="257">
        <v>2</v>
      </c>
      <c r="CJ9" s="257">
        <v>0</v>
      </c>
      <c r="CK9" s="254">
        <v>3</v>
      </c>
      <c r="CL9" s="259">
        <v>3</v>
      </c>
      <c r="CM9" s="253">
        <v>0</v>
      </c>
      <c r="CN9" s="257">
        <v>0</v>
      </c>
      <c r="CO9" s="254">
        <v>0</v>
      </c>
      <c r="CP9" s="256">
        <v>0</v>
      </c>
      <c r="CQ9" s="257">
        <v>0</v>
      </c>
      <c r="CR9" s="257">
        <v>2</v>
      </c>
      <c r="CS9" s="257">
        <v>3</v>
      </c>
      <c r="CT9" s="257">
        <v>3</v>
      </c>
      <c r="CU9" s="257">
        <v>1</v>
      </c>
      <c r="CV9" s="254">
        <v>9</v>
      </c>
      <c r="CW9" s="259">
        <v>9</v>
      </c>
    </row>
    <row r="10" spans="1:101" ht="21" customHeight="1" x14ac:dyDescent="0.2">
      <c r="B10" s="437" t="s">
        <v>7</v>
      </c>
      <c r="C10" s="253">
        <v>0</v>
      </c>
      <c r="D10" s="254">
        <v>0</v>
      </c>
      <c r="E10" s="255">
        <v>0</v>
      </c>
      <c r="F10" s="256">
        <v>0</v>
      </c>
      <c r="G10" s="257">
        <v>0</v>
      </c>
      <c r="H10" s="257">
        <v>1</v>
      </c>
      <c r="I10" s="257">
        <v>0</v>
      </c>
      <c r="J10" s="257">
        <v>0</v>
      </c>
      <c r="K10" s="257">
        <v>0</v>
      </c>
      <c r="L10" s="258">
        <v>1</v>
      </c>
      <c r="M10" s="259">
        <v>1</v>
      </c>
      <c r="N10" s="253">
        <v>0</v>
      </c>
      <c r="O10" s="257">
        <v>0</v>
      </c>
      <c r="P10" s="254">
        <v>0</v>
      </c>
      <c r="Q10" s="256">
        <v>0</v>
      </c>
      <c r="R10" s="257">
        <v>0</v>
      </c>
      <c r="S10" s="257">
        <v>0</v>
      </c>
      <c r="T10" s="257">
        <v>0</v>
      </c>
      <c r="U10" s="257">
        <v>0</v>
      </c>
      <c r="V10" s="257">
        <v>0</v>
      </c>
      <c r="W10" s="254">
        <v>0</v>
      </c>
      <c r="X10" s="259">
        <v>0</v>
      </c>
      <c r="Y10" s="253">
        <v>0</v>
      </c>
      <c r="Z10" s="257">
        <v>0</v>
      </c>
      <c r="AA10" s="254">
        <v>0</v>
      </c>
      <c r="AB10" s="256">
        <v>0</v>
      </c>
      <c r="AC10" s="257">
        <v>36</v>
      </c>
      <c r="AD10" s="257">
        <v>19</v>
      </c>
      <c r="AE10" s="257">
        <v>8</v>
      </c>
      <c r="AF10" s="257">
        <v>4</v>
      </c>
      <c r="AG10" s="257">
        <v>2</v>
      </c>
      <c r="AH10" s="254">
        <v>69</v>
      </c>
      <c r="AI10" s="259">
        <v>69</v>
      </c>
      <c r="AJ10" s="253">
        <v>0</v>
      </c>
      <c r="AK10" s="257">
        <v>0</v>
      </c>
      <c r="AL10" s="254">
        <v>0</v>
      </c>
      <c r="AM10" s="256">
        <v>0</v>
      </c>
      <c r="AN10" s="257">
        <v>4</v>
      </c>
      <c r="AO10" s="257">
        <v>4</v>
      </c>
      <c r="AP10" s="257">
        <v>5</v>
      </c>
      <c r="AQ10" s="257">
        <v>2</v>
      </c>
      <c r="AR10" s="257">
        <v>0</v>
      </c>
      <c r="AS10" s="254">
        <v>15</v>
      </c>
      <c r="AT10" s="259">
        <v>15</v>
      </c>
      <c r="AU10" s="253">
        <v>1</v>
      </c>
      <c r="AV10" s="257">
        <v>0</v>
      </c>
      <c r="AW10" s="254">
        <v>1</v>
      </c>
      <c r="AX10" s="256">
        <v>0</v>
      </c>
      <c r="AY10" s="257">
        <v>1</v>
      </c>
      <c r="AZ10" s="257">
        <v>0</v>
      </c>
      <c r="BA10" s="257">
        <v>1</v>
      </c>
      <c r="BB10" s="257">
        <v>1</v>
      </c>
      <c r="BC10" s="257">
        <v>1</v>
      </c>
      <c r="BD10" s="254">
        <v>4</v>
      </c>
      <c r="BE10" s="259">
        <v>5</v>
      </c>
      <c r="BF10" s="253">
        <v>0</v>
      </c>
      <c r="BG10" s="257">
        <v>0</v>
      </c>
      <c r="BH10" s="254">
        <v>0</v>
      </c>
      <c r="BI10" s="256">
        <v>0</v>
      </c>
      <c r="BJ10" s="257">
        <v>1</v>
      </c>
      <c r="BK10" s="257">
        <v>2</v>
      </c>
      <c r="BL10" s="257">
        <v>4</v>
      </c>
      <c r="BM10" s="257">
        <v>4</v>
      </c>
      <c r="BN10" s="257">
        <v>3</v>
      </c>
      <c r="BO10" s="258">
        <v>14</v>
      </c>
      <c r="BP10" s="259">
        <v>14</v>
      </c>
      <c r="BQ10" s="253">
        <v>0</v>
      </c>
      <c r="BR10" s="257">
        <v>0</v>
      </c>
      <c r="BS10" s="254">
        <v>0</v>
      </c>
      <c r="BT10" s="256">
        <v>0</v>
      </c>
      <c r="BU10" s="257">
        <v>0</v>
      </c>
      <c r="BV10" s="257">
        <v>0</v>
      </c>
      <c r="BW10" s="257">
        <v>0</v>
      </c>
      <c r="BX10" s="257">
        <v>0</v>
      </c>
      <c r="BY10" s="257">
        <v>0</v>
      </c>
      <c r="BZ10" s="254">
        <v>0</v>
      </c>
      <c r="CA10" s="259">
        <v>0</v>
      </c>
      <c r="CB10" s="253">
        <v>0</v>
      </c>
      <c r="CC10" s="257">
        <v>0</v>
      </c>
      <c r="CD10" s="254">
        <v>0</v>
      </c>
      <c r="CE10" s="256">
        <v>0</v>
      </c>
      <c r="CF10" s="257">
        <v>0</v>
      </c>
      <c r="CG10" s="257">
        <v>0</v>
      </c>
      <c r="CH10" s="257">
        <v>0</v>
      </c>
      <c r="CI10" s="257">
        <v>0</v>
      </c>
      <c r="CJ10" s="257">
        <v>0</v>
      </c>
      <c r="CK10" s="254">
        <v>0</v>
      </c>
      <c r="CL10" s="259">
        <v>0</v>
      </c>
      <c r="CM10" s="253">
        <v>0</v>
      </c>
      <c r="CN10" s="257">
        <v>0</v>
      </c>
      <c r="CO10" s="254">
        <v>0</v>
      </c>
      <c r="CP10" s="256">
        <v>0</v>
      </c>
      <c r="CQ10" s="257">
        <v>1</v>
      </c>
      <c r="CR10" s="257">
        <v>0</v>
      </c>
      <c r="CS10" s="257">
        <v>0</v>
      </c>
      <c r="CT10" s="257">
        <v>0</v>
      </c>
      <c r="CU10" s="257">
        <v>1</v>
      </c>
      <c r="CV10" s="254">
        <v>2</v>
      </c>
      <c r="CW10" s="259">
        <v>2</v>
      </c>
    </row>
    <row r="11" spans="1:101" ht="21" customHeight="1" x14ac:dyDescent="0.2">
      <c r="B11" s="437" t="s">
        <v>8</v>
      </c>
      <c r="C11" s="253">
        <v>0</v>
      </c>
      <c r="D11" s="254">
        <v>0</v>
      </c>
      <c r="E11" s="255">
        <v>0</v>
      </c>
      <c r="F11" s="256">
        <v>0</v>
      </c>
      <c r="G11" s="257">
        <v>0</v>
      </c>
      <c r="H11" s="257">
        <v>0</v>
      </c>
      <c r="I11" s="257">
        <v>0</v>
      </c>
      <c r="J11" s="257">
        <v>1</v>
      </c>
      <c r="K11" s="257">
        <v>0</v>
      </c>
      <c r="L11" s="258">
        <v>1</v>
      </c>
      <c r="M11" s="259">
        <v>1</v>
      </c>
      <c r="N11" s="253">
        <v>0</v>
      </c>
      <c r="O11" s="257">
        <v>0</v>
      </c>
      <c r="P11" s="254">
        <v>0</v>
      </c>
      <c r="Q11" s="256">
        <v>0</v>
      </c>
      <c r="R11" s="257">
        <v>0</v>
      </c>
      <c r="S11" s="257">
        <v>0</v>
      </c>
      <c r="T11" s="257">
        <v>0</v>
      </c>
      <c r="U11" s="257">
        <v>0</v>
      </c>
      <c r="V11" s="257">
        <v>0</v>
      </c>
      <c r="W11" s="254">
        <v>0</v>
      </c>
      <c r="X11" s="259">
        <v>0</v>
      </c>
      <c r="Y11" s="253">
        <v>0</v>
      </c>
      <c r="Z11" s="257">
        <v>0</v>
      </c>
      <c r="AA11" s="254">
        <v>0</v>
      </c>
      <c r="AB11" s="256">
        <v>0</v>
      </c>
      <c r="AC11" s="257">
        <v>39</v>
      </c>
      <c r="AD11" s="257">
        <v>17</v>
      </c>
      <c r="AE11" s="257">
        <v>6</v>
      </c>
      <c r="AF11" s="257">
        <v>5</v>
      </c>
      <c r="AG11" s="257">
        <v>2</v>
      </c>
      <c r="AH11" s="254">
        <v>69</v>
      </c>
      <c r="AI11" s="259">
        <v>69</v>
      </c>
      <c r="AJ11" s="253">
        <v>0</v>
      </c>
      <c r="AK11" s="257">
        <v>0</v>
      </c>
      <c r="AL11" s="254">
        <v>0</v>
      </c>
      <c r="AM11" s="256">
        <v>0</v>
      </c>
      <c r="AN11" s="257">
        <v>0</v>
      </c>
      <c r="AO11" s="257">
        <v>0</v>
      </c>
      <c r="AP11" s="257">
        <v>0</v>
      </c>
      <c r="AQ11" s="257">
        <v>0</v>
      </c>
      <c r="AR11" s="257">
        <v>0</v>
      </c>
      <c r="AS11" s="254">
        <v>0</v>
      </c>
      <c r="AT11" s="259">
        <v>0</v>
      </c>
      <c r="AU11" s="253">
        <v>0</v>
      </c>
      <c r="AV11" s="257">
        <v>0</v>
      </c>
      <c r="AW11" s="254">
        <v>0</v>
      </c>
      <c r="AX11" s="256">
        <v>0</v>
      </c>
      <c r="AY11" s="257">
        <v>2</v>
      </c>
      <c r="AZ11" s="257">
        <v>0</v>
      </c>
      <c r="BA11" s="257">
        <v>4</v>
      </c>
      <c r="BB11" s="257">
        <v>2</v>
      </c>
      <c r="BC11" s="257">
        <v>0</v>
      </c>
      <c r="BD11" s="254">
        <v>8</v>
      </c>
      <c r="BE11" s="259">
        <v>8</v>
      </c>
      <c r="BF11" s="253">
        <v>0</v>
      </c>
      <c r="BG11" s="257">
        <v>0</v>
      </c>
      <c r="BH11" s="254">
        <v>0</v>
      </c>
      <c r="BI11" s="256">
        <v>0</v>
      </c>
      <c r="BJ11" s="257">
        <v>0</v>
      </c>
      <c r="BK11" s="257">
        <v>4</v>
      </c>
      <c r="BL11" s="257">
        <v>2</v>
      </c>
      <c r="BM11" s="257">
        <v>2</v>
      </c>
      <c r="BN11" s="257">
        <v>0</v>
      </c>
      <c r="BO11" s="258">
        <v>8</v>
      </c>
      <c r="BP11" s="259">
        <v>8</v>
      </c>
      <c r="BQ11" s="253">
        <v>0</v>
      </c>
      <c r="BR11" s="257">
        <v>0</v>
      </c>
      <c r="BS11" s="254">
        <v>0</v>
      </c>
      <c r="BT11" s="256">
        <v>0</v>
      </c>
      <c r="BU11" s="257">
        <v>0</v>
      </c>
      <c r="BV11" s="257">
        <v>0</v>
      </c>
      <c r="BW11" s="257">
        <v>0</v>
      </c>
      <c r="BX11" s="257">
        <v>1</v>
      </c>
      <c r="BY11" s="257">
        <v>1</v>
      </c>
      <c r="BZ11" s="254">
        <v>2</v>
      </c>
      <c r="CA11" s="259">
        <v>2</v>
      </c>
      <c r="CB11" s="253">
        <v>0</v>
      </c>
      <c r="CC11" s="257">
        <v>0</v>
      </c>
      <c r="CD11" s="254">
        <v>0</v>
      </c>
      <c r="CE11" s="256">
        <v>0</v>
      </c>
      <c r="CF11" s="257">
        <v>0</v>
      </c>
      <c r="CG11" s="257">
        <v>0</v>
      </c>
      <c r="CH11" s="257">
        <v>0</v>
      </c>
      <c r="CI11" s="257">
        <v>2</v>
      </c>
      <c r="CJ11" s="257">
        <v>0</v>
      </c>
      <c r="CK11" s="254">
        <v>2</v>
      </c>
      <c r="CL11" s="259">
        <v>2</v>
      </c>
      <c r="CM11" s="253">
        <v>0</v>
      </c>
      <c r="CN11" s="257">
        <v>0</v>
      </c>
      <c r="CO11" s="254">
        <v>0</v>
      </c>
      <c r="CP11" s="256">
        <v>0</v>
      </c>
      <c r="CQ11" s="257">
        <v>1</v>
      </c>
      <c r="CR11" s="257">
        <v>0</v>
      </c>
      <c r="CS11" s="257">
        <v>0</v>
      </c>
      <c r="CT11" s="257">
        <v>0</v>
      </c>
      <c r="CU11" s="257">
        <v>0</v>
      </c>
      <c r="CV11" s="254">
        <v>1</v>
      </c>
      <c r="CW11" s="259">
        <v>1</v>
      </c>
    </row>
    <row r="12" spans="1:101" ht="21" customHeight="1" x14ac:dyDescent="0.2">
      <c r="B12" s="437" t="s">
        <v>9</v>
      </c>
      <c r="C12" s="253">
        <v>0</v>
      </c>
      <c r="D12" s="254">
        <v>0</v>
      </c>
      <c r="E12" s="255">
        <v>0</v>
      </c>
      <c r="F12" s="256">
        <v>0</v>
      </c>
      <c r="G12" s="257">
        <v>0</v>
      </c>
      <c r="H12" s="257">
        <v>1</v>
      </c>
      <c r="I12" s="257">
        <v>1</v>
      </c>
      <c r="J12" s="257">
        <v>1</v>
      </c>
      <c r="K12" s="257">
        <v>1</v>
      </c>
      <c r="L12" s="258">
        <v>4</v>
      </c>
      <c r="M12" s="259">
        <v>4</v>
      </c>
      <c r="N12" s="253">
        <v>0</v>
      </c>
      <c r="O12" s="257">
        <v>0</v>
      </c>
      <c r="P12" s="254">
        <v>0</v>
      </c>
      <c r="Q12" s="256">
        <v>0</v>
      </c>
      <c r="R12" s="257">
        <v>0</v>
      </c>
      <c r="S12" s="257">
        <v>0</v>
      </c>
      <c r="T12" s="257">
        <v>0</v>
      </c>
      <c r="U12" s="257">
        <v>0</v>
      </c>
      <c r="V12" s="257">
        <v>0</v>
      </c>
      <c r="W12" s="254">
        <v>0</v>
      </c>
      <c r="X12" s="259">
        <v>0</v>
      </c>
      <c r="Y12" s="253">
        <v>0</v>
      </c>
      <c r="Z12" s="257">
        <v>0</v>
      </c>
      <c r="AA12" s="254">
        <v>0</v>
      </c>
      <c r="AB12" s="256">
        <v>0</v>
      </c>
      <c r="AC12" s="257">
        <v>48</v>
      </c>
      <c r="AD12" s="257">
        <v>27</v>
      </c>
      <c r="AE12" s="257">
        <v>18</v>
      </c>
      <c r="AF12" s="257">
        <v>5</v>
      </c>
      <c r="AG12" s="257">
        <v>1</v>
      </c>
      <c r="AH12" s="254">
        <v>99</v>
      </c>
      <c r="AI12" s="259">
        <v>99</v>
      </c>
      <c r="AJ12" s="253">
        <v>0</v>
      </c>
      <c r="AK12" s="257">
        <v>0</v>
      </c>
      <c r="AL12" s="254">
        <v>0</v>
      </c>
      <c r="AM12" s="256">
        <v>0</v>
      </c>
      <c r="AN12" s="257">
        <v>0</v>
      </c>
      <c r="AO12" s="257">
        <v>1</v>
      </c>
      <c r="AP12" s="257">
        <v>0</v>
      </c>
      <c r="AQ12" s="257">
        <v>0</v>
      </c>
      <c r="AR12" s="257">
        <v>0</v>
      </c>
      <c r="AS12" s="254">
        <v>1</v>
      </c>
      <c r="AT12" s="259">
        <v>1</v>
      </c>
      <c r="AU12" s="253">
        <v>1</v>
      </c>
      <c r="AV12" s="257">
        <v>1</v>
      </c>
      <c r="AW12" s="254">
        <v>2</v>
      </c>
      <c r="AX12" s="256">
        <v>0</v>
      </c>
      <c r="AY12" s="257">
        <v>4</v>
      </c>
      <c r="AZ12" s="257">
        <v>0</v>
      </c>
      <c r="BA12" s="257">
        <v>2</v>
      </c>
      <c r="BB12" s="257">
        <v>0</v>
      </c>
      <c r="BC12" s="257">
        <v>1</v>
      </c>
      <c r="BD12" s="254">
        <v>7</v>
      </c>
      <c r="BE12" s="259">
        <v>9</v>
      </c>
      <c r="BF12" s="253">
        <v>0</v>
      </c>
      <c r="BG12" s="257">
        <v>0</v>
      </c>
      <c r="BH12" s="254">
        <v>0</v>
      </c>
      <c r="BI12" s="256">
        <v>0</v>
      </c>
      <c r="BJ12" s="257">
        <v>0</v>
      </c>
      <c r="BK12" s="257">
        <v>2</v>
      </c>
      <c r="BL12" s="257">
        <v>6</v>
      </c>
      <c r="BM12" s="257">
        <v>3</v>
      </c>
      <c r="BN12" s="257">
        <v>0</v>
      </c>
      <c r="BO12" s="258">
        <v>11</v>
      </c>
      <c r="BP12" s="259">
        <v>11</v>
      </c>
      <c r="BQ12" s="253">
        <v>0</v>
      </c>
      <c r="BR12" s="257">
        <v>0</v>
      </c>
      <c r="BS12" s="254">
        <v>0</v>
      </c>
      <c r="BT12" s="256">
        <v>0</v>
      </c>
      <c r="BU12" s="257">
        <v>0</v>
      </c>
      <c r="BV12" s="257">
        <v>0</v>
      </c>
      <c r="BW12" s="257">
        <v>0</v>
      </c>
      <c r="BX12" s="257">
        <v>0</v>
      </c>
      <c r="BY12" s="257">
        <v>0</v>
      </c>
      <c r="BZ12" s="254">
        <v>0</v>
      </c>
      <c r="CA12" s="259">
        <v>0</v>
      </c>
      <c r="CB12" s="253">
        <v>0</v>
      </c>
      <c r="CC12" s="257">
        <v>0</v>
      </c>
      <c r="CD12" s="254">
        <v>0</v>
      </c>
      <c r="CE12" s="256">
        <v>0</v>
      </c>
      <c r="CF12" s="257">
        <v>0</v>
      </c>
      <c r="CG12" s="257">
        <v>0</v>
      </c>
      <c r="CH12" s="257">
        <v>0</v>
      </c>
      <c r="CI12" s="257">
        <v>0</v>
      </c>
      <c r="CJ12" s="257">
        <v>0</v>
      </c>
      <c r="CK12" s="254">
        <v>0</v>
      </c>
      <c r="CL12" s="259">
        <v>0</v>
      </c>
      <c r="CM12" s="253">
        <v>0</v>
      </c>
      <c r="CN12" s="257">
        <v>0</v>
      </c>
      <c r="CO12" s="254">
        <v>0</v>
      </c>
      <c r="CP12" s="256">
        <v>0</v>
      </c>
      <c r="CQ12" s="257">
        <v>0</v>
      </c>
      <c r="CR12" s="257">
        <v>1</v>
      </c>
      <c r="CS12" s="257">
        <v>0</v>
      </c>
      <c r="CT12" s="257">
        <v>0</v>
      </c>
      <c r="CU12" s="257">
        <v>3</v>
      </c>
      <c r="CV12" s="254">
        <v>4</v>
      </c>
      <c r="CW12" s="259">
        <v>4</v>
      </c>
    </row>
    <row r="13" spans="1:101" ht="21" customHeight="1" x14ac:dyDescent="0.2">
      <c r="B13" s="437" t="s">
        <v>10</v>
      </c>
      <c r="C13" s="253">
        <v>0</v>
      </c>
      <c r="D13" s="254">
        <v>0</v>
      </c>
      <c r="E13" s="255">
        <v>0</v>
      </c>
      <c r="F13" s="256">
        <v>0</v>
      </c>
      <c r="G13" s="257">
        <v>2</v>
      </c>
      <c r="H13" s="257">
        <v>2</v>
      </c>
      <c r="I13" s="257">
        <v>1</v>
      </c>
      <c r="J13" s="257">
        <v>1</v>
      </c>
      <c r="K13" s="257">
        <v>0</v>
      </c>
      <c r="L13" s="258">
        <v>6</v>
      </c>
      <c r="M13" s="259">
        <v>6</v>
      </c>
      <c r="N13" s="253">
        <v>0</v>
      </c>
      <c r="O13" s="257">
        <v>0</v>
      </c>
      <c r="P13" s="254">
        <v>0</v>
      </c>
      <c r="Q13" s="256">
        <v>0</v>
      </c>
      <c r="R13" s="257">
        <v>0</v>
      </c>
      <c r="S13" s="257">
        <v>0</v>
      </c>
      <c r="T13" s="257">
        <v>0</v>
      </c>
      <c r="U13" s="257">
        <v>1</v>
      </c>
      <c r="V13" s="257">
        <v>0</v>
      </c>
      <c r="W13" s="254">
        <v>1</v>
      </c>
      <c r="X13" s="259">
        <v>1</v>
      </c>
      <c r="Y13" s="253">
        <v>0</v>
      </c>
      <c r="Z13" s="257">
        <v>0</v>
      </c>
      <c r="AA13" s="254">
        <v>0</v>
      </c>
      <c r="AB13" s="256">
        <v>0</v>
      </c>
      <c r="AC13" s="257">
        <v>34</v>
      </c>
      <c r="AD13" s="257">
        <v>18</v>
      </c>
      <c r="AE13" s="257">
        <v>5</v>
      </c>
      <c r="AF13" s="257">
        <v>6</v>
      </c>
      <c r="AG13" s="257">
        <v>0</v>
      </c>
      <c r="AH13" s="254">
        <v>63</v>
      </c>
      <c r="AI13" s="259">
        <v>63</v>
      </c>
      <c r="AJ13" s="253">
        <v>0</v>
      </c>
      <c r="AK13" s="257">
        <v>0</v>
      </c>
      <c r="AL13" s="254">
        <v>0</v>
      </c>
      <c r="AM13" s="256">
        <v>0</v>
      </c>
      <c r="AN13" s="257">
        <v>1</v>
      </c>
      <c r="AO13" s="257">
        <v>0</v>
      </c>
      <c r="AP13" s="257">
        <v>2</v>
      </c>
      <c r="AQ13" s="257">
        <v>2</v>
      </c>
      <c r="AR13" s="257">
        <v>0</v>
      </c>
      <c r="AS13" s="254">
        <v>5</v>
      </c>
      <c r="AT13" s="259">
        <v>5</v>
      </c>
      <c r="AU13" s="253">
        <v>1</v>
      </c>
      <c r="AV13" s="257">
        <v>1</v>
      </c>
      <c r="AW13" s="254">
        <v>2</v>
      </c>
      <c r="AX13" s="256">
        <v>0</v>
      </c>
      <c r="AY13" s="257">
        <v>3</v>
      </c>
      <c r="AZ13" s="257">
        <v>2</v>
      </c>
      <c r="BA13" s="257">
        <v>2</v>
      </c>
      <c r="BB13" s="257">
        <v>1</v>
      </c>
      <c r="BC13" s="257">
        <v>1</v>
      </c>
      <c r="BD13" s="254">
        <v>9</v>
      </c>
      <c r="BE13" s="259">
        <v>11</v>
      </c>
      <c r="BF13" s="253">
        <v>0</v>
      </c>
      <c r="BG13" s="257">
        <v>0</v>
      </c>
      <c r="BH13" s="254">
        <v>0</v>
      </c>
      <c r="BI13" s="256">
        <v>0</v>
      </c>
      <c r="BJ13" s="257">
        <v>4</v>
      </c>
      <c r="BK13" s="257">
        <v>7</v>
      </c>
      <c r="BL13" s="257">
        <v>4</v>
      </c>
      <c r="BM13" s="257">
        <v>5</v>
      </c>
      <c r="BN13" s="257">
        <v>8</v>
      </c>
      <c r="BO13" s="258">
        <v>28</v>
      </c>
      <c r="BP13" s="259">
        <v>28</v>
      </c>
      <c r="BQ13" s="253">
        <v>0</v>
      </c>
      <c r="BR13" s="257">
        <v>0</v>
      </c>
      <c r="BS13" s="254">
        <v>0</v>
      </c>
      <c r="BT13" s="256">
        <v>0</v>
      </c>
      <c r="BU13" s="257">
        <v>1</v>
      </c>
      <c r="BV13" s="257">
        <v>2</v>
      </c>
      <c r="BW13" s="257">
        <v>6</v>
      </c>
      <c r="BX13" s="257">
        <v>2</v>
      </c>
      <c r="BY13" s="257">
        <v>3</v>
      </c>
      <c r="BZ13" s="254">
        <v>14</v>
      </c>
      <c r="CA13" s="259">
        <v>14</v>
      </c>
      <c r="CB13" s="253">
        <v>0</v>
      </c>
      <c r="CC13" s="257">
        <v>0</v>
      </c>
      <c r="CD13" s="254">
        <v>0</v>
      </c>
      <c r="CE13" s="256">
        <v>0</v>
      </c>
      <c r="CF13" s="257">
        <v>0</v>
      </c>
      <c r="CG13" s="257">
        <v>0</v>
      </c>
      <c r="CH13" s="257">
        <v>0</v>
      </c>
      <c r="CI13" s="257">
        <v>2</v>
      </c>
      <c r="CJ13" s="257">
        <v>0</v>
      </c>
      <c r="CK13" s="254">
        <v>2</v>
      </c>
      <c r="CL13" s="259">
        <v>2</v>
      </c>
      <c r="CM13" s="253">
        <v>0</v>
      </c>
      <c r="CN13" s="257">
        <v>0</v>
      </c>
      <c r="CO13" s="254">
        <v>0</v>
      </c>
      <c r="CP13" s="256">
        <v>0</v>
      </c>
      <c r="CQ13" s="257">
        <v>0</v>
      </c>
      <c r="CR13" s="257">
        <v>1</v>
      </c>
      <c r="CS13" s="257">
        <v>1</v>
      </c>
      <c r="CT13" s="257">
        <v>1</v>
      </c>
      <c r="CU13" s="257">
        <v>1</v>
      </c>
      <c r="CV13" s="254">
        <v>4</v>
      </c>
      <c r="CW13" s="259">
        <v>4</v>
      </c>
    </row>
    <row r="14" spans="1:101" ht="21" customHeight="1" x14ac:dyDescent="0.2">
      <c r="B14" s="437" t="s">
        <v>11</v>
      </c>
      <c r="C14" s="253">
        <v>0</v>
      </c>
      <c r="D14" s="254">
        <v>0</v>
      </c>
      <c r="E14" s="255">
        <v>0</v>
      </c>
      <c r="F14" s="256">
        <v>0</v>
      </c>
      <c r="G14" s="257">
        <v>1</v>
      </c>
      <c r="H14" s="257">
        <v>1</v>
      </c>
      <c r="I14" s="257">
        <v>0</v>
      </c>
      <c r="J14" s="257">
        <v>0</v>
      </c>
      <c r="K14" s="257">
        <v>0</v>
      </c>
      <c r="L14" s="258">
        <v>2</v>
      </c>
      <c r="M14" s="259">
        <v>2</v>
      </c>
      <c r="N14" s="253">
        <v>0</v>
      </c>
      <c r="O14" s="257">
        <v>0</v>
      </c>
      <c r="P14" s="254">
        <v>0</v>
      </c>
      <c r="Q14" s="256">
        <v>0</v>
      </c>
      <c r="R14" s="257">
        <v>1</v>
      </c>
      <c r="S14" s="257">
        <v>0</v>
      </c>
      <c r="T14" s="257">
        <v>0</v>
      </c>
      <c r="U14" s="257">
        <v>1</v>
      </c>
      <c r="V14" s="257">
        <v>0</v>
      </c>
      <c r="W14" s="254">
        <v>2</v>
      </c>
      <c r="X14" s="259">
        <v>2</v>
      </c>
      <c r="Y14" s="253">
        <v>0</v>
      </c>
      <c r="Z14" s="257">
        <v>0</v>
      </c>
      <c r="AA14" s="254">
        <v>0</v>
      </c>
      <c r="AB14" s="256">
        <v>0</v>
      </c>
      <c r="AC14" s="257">
        <v>31</v>
      </c>
      <c r="AD14" s="257">
        <v>7</v>
      </c>
      <c r="AE14" s="257">
        <v>4</v>
      </c>
      <c r="AF14" s="257">
        <v>4</v>
      </c>
      <c r="AG14" s="257">
        <v>1</v>
      </c>
      <c r="AH14" s="254">
        <v>47</v>
      </c>
      <c r="AI14" s="259">
        <v>47</v>
      </c>
      <c r="AJ14" s="253">
        <v>0</v>
      </c>
      <c r="AK14" s="257">
        <v>0</v>
      </c>
      <c r="AL14" s="254">
        <v>0</v>
      </c>
      <c r="AM14" s="256">
        <v>0</v>
      </c>
      <c r="AN14" s="257">
        <v>1</v>
      </c>
      <c r="AO14" s="257">
        <v>0</v>
      </c>
      <c r="AP14" s="257">
        <v>0</v>
      </c>
      <c r="AQ14" s="257">
        <v>0</v>
      </c>
      <c r="AR14" s="257">
        <v>0</v>
      </c>
      <c r="AS14" s="254">
        <v>1</v>
      </c>
      <c r="AT14" s="259">
        <v>1</v>
      </c>
      <c r="AU14" s="253">
        <v>0</v>
      </c>
      <c r="AV14" s="257">
        <v>1</v>
      </c>
      <c r="AW14" s="254">
        <v>1</v>
      </c>
      <c r="AX14" s="256">
        <v>0</v>
      </c>
      <c r="AY14" s="257">
        <v>2</v>
      </c>
      <c r="AZ14" s="257">
        <v>1</v>
      </c>
      <c r="BA14" s="257">
        <v>0</v>
      </c>
      <c r="BB14" s="257">
        <v>2</v>
      </c>
      <c r="BC14" s="257">
        <v>0</v>
      </c>
      <c r="BD14" s="254">
        <v>5</v>
      </c>
      <c r="BE14" s="259">
        <v>6</v>
      </c>
      <c r="BF14" s="253">
        <v>0</v>
      </c>
      <c r="BG14" s="257">
        <v>0</v>
      </c>
      <c r="BH14" s="254">
        <v>0</v>
      </c>
      <c r="BI14" s="256">
        <v>0</v>
      </c>
      <c r="BJ14" s="257">
        <v>1</v>
      </c>
      <c r="BK14" s="257">
        <v>2</v>
      </c>
      <c r="BL14" s="257">
        <v>2</v>
      </c>
      <c r="BM14" s="257">
        <v>1</v>
      </c>
      <c r="BN14" s="257">
        <v>0</v>
      </c>
      <c r="BO14" s="258">
        <v>6</v>
      </c>
      <c r="BP14" s="259">
        <v>6</v>
      </c>
      <c r="BQ14" s="253">
        <v>0</v>
      </c>
      <c r="BR14" s="257">
        <v>0</v>
      </c>
      <c r="BS14" s="254">
        <v>0</v>
      </c>
      <c r="BT14" s="256">
        <v>0</v>
      </c>
      <c r="BU14" s="257">
        <v>0</v>
      </c>
      <c r="BV14" s="257">
        <v>0</v>
      </c>
      <c r="BW14" s="257">
        <v>0</v>
      </c>
      <c r="BX14" s="257">
        <v>0</v>
      </c>
      <c r="BY14" s="257">
        <v>0</v>
      </c>
      <c r="BZ14" s="254">
        <v>0</v>
      </c>
      <c r="CA14" s="259">
        <v>0</v>
      </c>
      <c r="CB14" s="253">
        <v>0</v>
      </c>
      <c r="CC14" s="257">
        <v>0</v>
      </c>
      <c r="CD14" s="254">
        <v>0</v>
      </c>
      <c r="CE14" s="256">
        <v>0</v>
      </c>
      <c r="CF14" s="257">
        <v>0</v>
      </c>
      <c r="CG14" s="257">
        <v>0</v>
      </c>
      <c r="CH14" s="257">
        <v>0</v>
      </c>
      <c r="CI14" s="257">
        <v>0</v>
      </c>
      <c r="CJ14" s="257">
        <v>0</v>
      </c>
      <c r="CK14" s="254">
        <v>0</v>
      </c>
      <c r="CL14" s="259">
        <v>0</v>
      </c>
      <c r="CM14" s="253">
        <v>0</v>
      </c>
      <c r="CN14" s="257">
        <v>0</v>
      </c>
      <c r="CO14" s="254">
        <v>0</v>
      </c>
      <c r="CP14" s="256">
        <v>0</v>
      </c>
      <c r="CQ14" s="257">
        <v>0</v>
      </c>
      <c r="CR14" s="257">
        <v>0</v>
      </c>
      <c r="CS14" s="257">
        <v>0</v>
      </c>
      <c r="CT14" s="257">
        <v>0</v>
      </c>
      <c r="CU14" s="257">
        <v>0</v>
      </c>
      <c r="CV14" s="254">
        <v>0</v>
      </c>
      <c r="CW14" s="259">
        <v>0</v>
      </c>
    </row>
    <row r="15" spans="1:101" ht="21" customHeight="1" x14ac:dyDescent="0.2">
      <c r="B15" s="437" t="s">
        <v>12</v>
      </c>
      <c r="C15" s="253">
        <v>0</v>
      </c>
      <c r="D15" s="254">
        <v>0</v>
      </c>
      <c r="E15" s="255">
        <v>0</v>
      </c>
      <c r="F15" s="256">
        <v>0</v>
      </c>
      <c r="G15" s="257">
        <v>0</v>
      </c>
      <c r="H15" s="257">
        <v>0</v>
      </c>
      <c r="I15" s="257">
        <v>0</v>
      </c>
      <c r="J15" s="257">
        <v>0</v>
      </c>
      <c r="K15" s="257">
        <v>0</v>
      </c>
      <c r="L15" s="258">
        <v>0</v>
      </c>
      <c r="M15" s="259">
        <v>0</v>
      </c>
      <c r="N15" s="253">
        <v>0</v>
      </c>
      <c r="O15" s="257">
        <v>0</v>
      </c>
      <c r="P15" s="254">
        <v>0</v>
      </c>
      <c r="Q15" s="256">
        <v>0</v>
      </c>
      <c r="R15" s="257">
        <v>0</v>
      </c>
      <c r="S15" s="257">
        <v>0</v>
      </c>
      <c r="T15" s="257">
        <v>0</v>
      </c>
      <c r="U15" s="257">
        <v>0</v>
      </c>
      <c r="V15" s="257">
        <v>0</v>
      </c>
      <c r="W15" s="254">
        <v>0</v>
      </c>
      <c r="X15" s="259">
        <v>0</v>
      </c>
      <c r="Y15" s="253">
        <v>0</v>
      </c>
      <c r="Z15" s="257">
        <v>0</v>
      </c>
      <c r="AA15" s="254">
        <v>0</v>
      </c>
      <c r="AB15" s="256">
        <v>0</v>
      </c>
      <c r="AC15" s="257">
        <v>16</v>
      </c>
      <c r="AD15" s="257">
        <v>15</v>
      </c>
      <c r="AE15" s="257">
        <v>5</v>
      </c>
      <c r="AF15" s="257">
        <v>2</v>
      </c>
      <c r="AG15" s="257">
        <v>2</v>
      </c>
      <c r="AH15" s="254">
        <v>40</v>
      </c>
      <c r="AI15" s="259">
        <v>40</v>
      </c>
      <c r="AJ15" s="253">
        <v>0</v>
      </c>
      <c r="AK15" s="257">
        <v>0</v>
      </c>
      <c r="AL15" s="254">
        <v>0</v>
      </c>
      <c r="AM15" s="256">
        <v>0</v>
      </c>
      <c r="AN15" s="257">
        <v>0</v>
      </c>
      <c r="AO15" s="257">
        <v>0</v>
      </c>
      <c r="AP15" s="257">
        <v>0</v>
      </c>
      <c r="AQ15" s="257">
        <v>0</v>
      </c>
      <c r="AR15" s="257">
        <v>0</v>
      </c>
      <c r="AS15" s="254">
        <v>0</v>
      </c>
      <c r="AT15" s="259">
        <v>0</v>
      </c>
      <c r="AU15" s="253">
        <v>0</v>
      </c>
      <c r="AV15" s="257">
        <v>0</v>
      </c>
      <c r="AW15" s="254">
        <v>0</v>
      </c>
      <c r="AX15" s="256">
        <v>0</v>
      </c>
      <c r="AY15" s="257">
        <v>2</v>
      </c>
      <c r="AZ15" s="257">
        <v>1</v>
      </c>
      <c r="BA15" s="257">
        <v>2</v>
      </c>
      <c r="BB15" s="257">
        <v>2</v>
      </c>
      <c r="BC15" s="257">
        <v>0</v>
      </c>
      <c r="BD15" s="254">
        <v>7</v>
      </c>
      <c r="BE15" s="259">
        <v>7</v>
      </c>
      <c r="BF15" s="253">
        <v>0</v>
      </c>
      <c r="BG15" s="257">
        <v>0</v>
      </c>
      <c r="BH15" s="254">
        <v>0</v>
      </c>
      <c r="BI15" s="256">
        <v>0</v>
      </c>
      <c r="BJ15" s="257">
        <v>2</v>
      </c>
      <c r="BK15" s="257">
        <v>1</v>
      </c>
      <c r="BL15" s="257">
        <v>0</v>
      </c>
      <c r="BM15" s="257">
        <v>0</v>
      </c>
      <c r="BN15" s="257">
        <v>1</v>
      </c>
      <c r="BO15" s="258">
        <v>4</v>
      </c>
      <c r="BP15" s="259">
        <v>4</v>
      </c>
      <c r="BQ15" s="253">
        <v>0</v>
      </c>
      <c r="BR15" s="257">
        <v>0</v>
      </c>
      <c r="BS15" s="254">
        <v>0</v>
      </c>
      <c r="BT15" s="256">
        <v>0</v>
      </c>
      <c r="BU15" s="257">
        <v>0</v>
      </c>
      <c r="BV15" s="257">
        <v>1</v>
      </c>
      <c r="BW15" s="257">
        <v>0</v>
      </c>
      <c r="BX15" s="257">
        <v>1</v>
      </c>
      <c r="BY15" s="257">
        <v>0</v>
      </c>
      <c r="BZ15" s="254">
        <v>2</v>
      </c>
      <c r="CA15" s="259">
        <v>2</v>
      </c>
      <c r="CB15" s="253">
        <v>0</v>
      </c>
      <c r="CC15" s="257">
        <v>0</v>
      </c>
      <c r="CD15" s="254">
        <v>0</v>
      </c>
      <c r="CE15" s="256">
        <v>0</v>
      </c>
      <c r="CF15" s="257">
        <v>0</v>
      </c>
      <c r="CG15" s="257">
        <v>0</v>
      </c>
      <c r="CH15" s="257">
        <v>0</v>
      </c>
      <c r="CI15" s="257">
        <v>0</v>
      </c>
      <c r="CJ15" s="257">
        <v>0</v>
      </c>
      <c r="CK15" s="254">
        <v>0</v>
      </c>
      <c r="CL15" s="259">
        <v>0</v>
      </c>
      <c r="CM15" s="253">
        <v>0</v>
      </c>
      <c r="CN15" s="257">
        <v>0</v>
      </c>
      <c r="CO15" s="254">
        <v>0</v>
      </c>
      <c r="CP15" s="256">
        <v>0</v>
      </c>
      <c r="CQ15" s="257">
        <v>0</v>
      </c>
      <c r="CR15" s="257">
        <v>2</v>
      </c>
      <c r="CS15" s="257">
        <v>1</v>
      </c>
      <c r="CT15" s="257">
        <v>2</v>
      </c>
      <c r="CU15" s="257">
        <v>1</v>
      </c>
      <c r="CV15" s="254">
        <v>6</v>
      </c>
      <c r="CW15" s="259">
        <v>6</v>
      </c>
    </row>
    <row r="16" spans="1:101" ht="21" customHeight="1" x14ac:dyDescent="0.2">
      <c r="B16" s="437" t="s">
        <v>13</v>
      </c>
      <c r="C16" s="253">
        <v>0</v>
      </c>
      <c r="D16" s="254">
        <v>0</v>
      </c>
      <c r="E16" s="255">
        <v>0</v>
      </c>
      <c r="F16" s="256">
        <v>0</v>
      </c>
      <c r="G16" s="257">
        <v>0</v>
      </c>
      <c r="H16" s="257">
        <v>0</v>
      </c>
      <c r="I16" s="257">
        <v>0</v>
      </c>
      <c r="J16" s="257">
        <v>0</v>
      </c>
      <c r="K16" s="257">
        <v>0</v>
      </c>
      <c r="L16" s="258">
        <v>0</v>
      </c>
      <c r="M16" s="259">
        <v>0</v>
      </c>
      <c r="N16" s="253">
        <v>0</v>
      </c>
      <c r="O16" s="257">
        <v>0</v>
      </c>
      <c r="P16" s="254">
        <v>0</v>
      </c>
      <c r="Q16" s="256">
        <v>0</v>
      </c>
      <c r="R16" s="257">
        <v>0</v>
      </c>
      <c r="S16" s="257">
        <v>0</v>
      </c>
      <c r="T16" s="257">
        <v>0</v>
      </c>
      <c r="U16" s="257">
        <v>0</v>
      </c>
      <c r="V16" s="257">
        <v>0</v>
      </c>
      <c r="W16" s="254">
        <v>0</v>
      </c>
      <c r="X16" s="259">
        <v>0</v>
      </c>
      <c r="Y16" s="253">
        <v>0</v>
      </c>
      <c r="Z16" s="257">
        <v>0</v>
      </c>
      <c r="AA16" s="254">
        <v>0</v>
      </c>
      <c r="AB16" s="256">
        <v>0</v>
      </c>
      <c r="AC16" s="257">
        <v>9</v>
      </c>
      <c r="AD16" s="257">
        <v>12</v>
      </c>
      <c r="AE16" s="257">
        <v>7</v>
      </c>
      <c r="AF16" s="257">
        <v>2</v>
      </c>
      <c r="AG16" s="257">
        <v>3</v>
      </c>
      <c r="AH16" s="254">
        <v>33</v>
      </c>
      <c r="AI16" s="259">
        <v>33</v>
      </c>
      <c r="AJ16" s="253">
        <v>0</v>
      </c>
      <c r="AK16" s="257">
        <v>0</v>
      </c>
      <c r="AL16" s="254">
        <v>0</v>
      </c>
      <c r="AM16" s="256">
        <v>0</v>
      </c>
      <c r="AN16" s="257">
        <v>1</v>
      </c>
      <c r="AO16" s="257">
        <v>0</v>
      </c>
      <c r="AP16" s="257">
        <v>0</v>
      </c>
      <c r="AQ16" s="257">
        <v>0</v>
      </c>
      <c r="AR16" s="257">
        <v>0</v>
      </c>
      <c r="AS16" s="254">
        <v>1</v>
      </c>
      <c r="AT16" s="259">
        <v>1</v>
      </c>
      <c r="AU16" s="253">
        <v>0</v>
      </c>
      <c r="AV16" s="257">
        <v>0</v>
      </c>
      <c r="AW16" s="254">
        <v>0</v>
      </c>
      <c r="AX16" s="256">
        <v>0</v>
      </c>
      <c r="AY16" s="257">
        <v>0</v>
      </c>
      <c r="AZ16" s="257">
        <v>0</v>
      </c>
      <c r="BA16" s="257">
        <v>1</v>
      </c>
      <c r="BB16" s="257">
        <v>0</v>
      </c>
      <c r="BC16" s="257">
        <v>0</v>
      </c>
      <c r="BD16" s="254">
        <v>1</v>
      </c>
      <c r="BE16" s="259">
        <v>1</v>
      </c>
      <c r="BF16" s="253">
        <v>0</v>
      </c>
      <c r="BG16" s="257">
        <v>0</v>
      </c>
      <c r="BH16" s="254">
        <v>0</v>
      </c>
      <c r="BI16" s="256">
        <v>0</v>
      </c>
      <c r="BJ16" s="257">
        <v>1</v>
      </c>
      <c r="BK16" s="257">
        <v>0</v>
      </c>
      <c r="BL16" s="257">
        <v>0</v>
      </c>
      <c r="BM16" s="257">
        <v>0</v>
      </c>
      <c r="BN16" s="257">
        <v>0</v>
      </c>
      <c r="BO16" s="258">
        <v>1</v>
      </c>
      <c r="BP16" s="259">
        <v>1</v>
      </c>
      <c r="BQ16" s="253">
        <v>0</v>
      </c>
      <c r="BR16" s="257">
        <v>0</v>
      </c>
      <c r="BS16" s="254">
        <v>0</v>
      </c>
      <c r="BT16" s="256">
        <v>0</v>
      </c>
      <c r="BU16" s="257">
        <v>0</v>
      </c>
      <c r="BV16" s="257">
        <v>0</v>
      </c>
      <c r="BW16" s="257">
        <v>0</v>
      </c>
      <c r="BX16" s="257">
        <v>1</v>
      </c>
      <c r="BY16" s="257">
        <v>0</v>
      </c>
      <c r="BZ16" s="254">
        <v>1</v>
      </c>
      <c r="CA16" s="259">
        <v>1</v>
      </c>
      <c r="CB16" s="253">
        <v>0</v>
      </c>
      <c r="CC16" s="257">
        <v>0</v>
      </c>
      <c r="CD16" s="254">
        <v>0</v>
      </c>
      <c r="CE16" s="256">
        <v>0</v>
      </c>
      <c r="CF16" s="257">
        <v>0</v>
      </c>
      <c r="CG16" s="257">
        <v>0</v>
      </c>
      <c r="CH16" s="257">
        <v>0</v>
      </c>
      <c r="CI16" s="257">
        <v>0</v>
      </c>
      <c r="CJ16" s="257">
        <v>0</v>
      </c>
      <c r="CK16" s="254">
        <v>0</v>
      </c>
      <c r="CL16" s="259">
        <v>0</v>
      </c>
      <c r="CM16" s="253">
        <v>0</v>
      </c>
      <c r="CN16" s="257">
        <v>0</v>
      </c>
      <c r="CO16" s="254">
        <v>0</v>
      </c>
      <c r="CP16" s="256">
        <v>0</v>
      </c>
      <c r="CQ16" s="257">
        <v>0</v>
      </c>
      <c r="CR16" s="257">
        <v>0</v>
      </c>
      <c r="CS16" s="257">
        <v>0</v>
      </c>
      <c r="CT16" s="257">
        <v>0</v>
      </c>
      <c r="CU16" s="257">
        <v>0</v>
      </c>
      <c r="CV16" s="254">
        <v>0</v>
      </c>
      <c r="CW16" s="259">
        <v>0</v>
      </c>
    </row>
    <row r="17" spans="2:101" ht="21" customHeight="1" x14ac:dyDescent="0.2">
      <c r="B17" s="437" t="s">
        <v>15</v>
      </c>
      <c r="C17" s="253">
        <v>0</v>
      </c>
      <c r="D17" s="254">
        <v>0</v>
      </c>
      <c r="E17" s="255">
        <v>0</v>
      </c>
      <c r="F17" s="256">
        <v>0</v>
      </c>
      <c r="G17" s="257">
        <v>0</v>
      </c>
      <c r="H17" s="257">
        <v>0</v>
      </c>
      <c r="I17" s="257">
        <v>0</v>
      </c>
      <c r="J17" s="257">
        <v>1</v>
      </c>
      <c r="K17" s="257">
        <v>0</v>
      </c>
      <c r="L17" s="258">
        <v>1</v>
      </c>
      <c r="M17" s="259">
        <v>1</v>
      </c>
      <c r="N17" s="253">
        <v>0</v>
      </c>
      <c r="O17" s="257">
        <v>0</v>
      </c>
      <c r="P17" s="254">
        <v>0</v>
      </c>
      <c r="Q17" s="256">
        <v>0</v>
      </c>
      <c r="R17" s="257">
        <v>0</v>
      </c>
      <c r="S17" s="257">
        <v>0</v>
      </c>
      <c r="T17" s="257">
        <v>0</v>
      </c>
      <c r="U17" s="257">
        <v>0</v>
      </c>
      <c r="V17" s="257">
        <v>0</v>
      </c>
      <c r="W17" s="254">
        <v>0</v>
      </c>
      <c r="X17" s="259">
        <v>0</v>
      </c>
      <c r="Y17" s="253">
        <v>0</v>
      </c>
      <c r="Z17" s="257">
        <v>0</v>
      </c>
      <c r="AA17" s="254">
        <v>0</v>
      </c>
      <c r="AB17" s="256">
        <v>0</v>
      </c>
      <c r="AC17" s="257">
        <v>5</v>
      </c>
      <c r="AD17" s="257">
        <v>9</v>
      </c>
      <c r="AE17" s="257">
        <v>1</v>
      </c>
      <c r="AF17" s="257">
        <v>2</v>
      </c>
      <c r="AG17" s="257">
        <v>1</v>
      </c>
      <c r="AH17" s="254">
        <v>18</v>
      </c>
      <c r="AI17" s="259">
        <v>18</v>
      </c>
      <c r="AJ17" s="253">
        <v>0</v>
      </c>
      <c r="AK17" s="257">
        <v>0</v>
      </c>
      <c r="AL17" s="254">
        <v>0</v>
      </c>
      <c r="AM17" s="256">
        <v>0</v>
      </c>
      <c r="AN17" s="257">
        <v>0</v>
      </c>
      <c r="AO17" s="257">
        <v>0</v>
      </c>
      <c r="AP17" s="257">
        <v>0</v>
      </c>
      <c r="AQ17" s="257">
        <v>0</v>
      </c>
      <c r="AR17" s="257">
        <v>0</v>
      </c>
      <c r="AS17" s="254">
        <v>0</v>
      </c>
      <c r="AT17" s="259">
        <v>0</v>
      </c>
      <c r="AU17" s="253">
        <v>0</v>
      </c>
      <c r="AV17" s="257">
        <v>0</v>
      </c>
      <c r="AW17" s="254">
        <v>0</v>
      </c>
      <c r="AX17" s="256">
        <v>0</v>
      </c>
      <c r="AY17" s="257">
        <v>0</v>
      </c>
      <c r="AZ17" s="257">
        <v>0</v>
      </c>
      <c r="BA17" s="257">
        <v>0</v>
      </c>
      <c r="BB17" s="257">
        <v>0</v>
      </c>
      <c r="BC17" s="257">
        <v>0</v>
      </c>
      <c r="BD17" s="254">
        <v>0</v>
      </c>
      <c r="BE17" s="259">
        <v>0</v>
      </c>
      <c r="BF17" s="253">
        <v>0</v>
      </c>
      <c r="BG17" s="257">
        <v>0</v>
      </c>
      <c r="BH17" s="254">
        <v>0</v>
      </c>
      <c r="BI17" s="256">
        <v>0</v>
      </c>
      <c r="BJ17" s="257">
        <v>0</v>
      </c>
      <c r="BK17" s="257">
        <v>0</v>
      </c>
      <c r="BL17" s="257">
        <v>0</v>
      </c>
      <c r="BM17" s="257">
        <v>1</v>
      </c>
      <c r="BN17" s="257">
        <v>0</v>
      </c>
      <c r="BO17" s="258">
        <v>1</v>
      </c>
      <c r="BP17" s="259">
        <v>1</v>
      </c>
      <c r="BQ17" s="253">
        <v>0</v>
      </c>
      <c r="BR17" s="257">
        <v>0</v>
      </c>
      <c r="BS17" s="254">
        <v>0</v>
      </c>
      <c r="BT17" s="256">
        <v>0</v>
      </c>
      <c r="BU17" s="257">
        <v>0</v>
      </c>
      <c r="BV17" s="257">
        <v>0</v>
      </c>
      <c r="BW17" s="257">
        <v>0</v>
      </c>
      <c r="BX17" s="257">
        <v>0</v>
      </c>
      <c r="BY17" s="257">
        <v>0</v>
      </c>
      <c r="BZ17" s="254">
        <v>0</v>
      </c>
      <c r="CA17" s="259">
        <v>0</v>
      </c>
      <c r="CB17" s="253">
        <v>0</v>
      </c>
      <c r="CC17" s="257">
        <v>0</v>
      </c>
      <c r="CD17" s="254">
        <v>0</v>
      </c>
      <c r="CE17" s="256">
        <v>0</v>
      </c>
      <c r="CF17" s="257">
        <v>0</v>
      </c>
      <c r="CG17" s="257">
        <v>0</v>
      </c>
      <c r="CH17" s="257">
        <v>0</v>
      </c>
      <c r="CI17" s="257">
        <v>0</v>
      </c>
      <c r="CJ17" s="257">
        <v>1</v>
      </c>
      <c r="CK17" s="254">
        <v>1</v>
      </c>
      <c r="CL17" s="259">
        <v>1</v>
      </c>
      <c r="CM17" s="253">
        <v>0</v>
      </c>
      <c r="CN17" s="257">
        <v>0</v>
      </c>
      <c r="CO17" s="254">
        <v>0</v>
      </c>
      <c r="CP17" s="256">
        <v>0</v>
      </c>
      <c r="CQ17" s="257">
        <v>0</v>
      </c>
      <c r="CR17" s="257">
        <v>0</v>
      </c>
      <c r="CS17" s="257">
        <v>0</v>
      </c>
      <c r="CT17" s="257">
        <v>0</v>
      </c>
      <c r="CU17" s="257">
        <v>0</v>
      </c>
      <c r="CV17" s="254">
        <v>0</v>
      </c>
      <c r="CW17" s="259">
        <v>0</v>
      </c>
    </row>
    <row r="18" spans="2:101" ht="21" customHeight="1" x14ac:dyDescent="0.2">
      <c r="B18" s="437" t="s">
        <v>16</v>
      </c>
      <c r="C18" s="253">
        <v>0</v>
      </c>
      <c r="D18" s="254">
        <v>0</v>
      </c>
      <c r="E18" s="255">
        <v>0</v>
      </c>
      <c r="F18" s="256">
        <v>0</v>
      </c>
      <c r="G18" s="257">
        <v>0</v>
      </c>
      <c r="H18" s="257">
        <v>0</v>
      </c>
      <c r="I18" s="257">
        <v>0</v>
      </c>
      <c r="J18" s="257">
        <v>1</v>
      </c>
      <c r="K18" s="257">
        <v>1</v>
      </c>
      <c r="L18" s="258">
        <v>2</v>
      </c>
      <c r="M18" s="259">
        <v>2</v>
      </c>
      <c r="N18" s="253">
        <v>0</v>
      </c>
      <c r="O18" s="257">
        <v>0</v>
      </c>
      <c r="P18" s="254">
        <v>0</v>
      </c>
      <c r="Q18" s="256">
        <v>0</v>
      </c>
      <c r="R18" s="257">
        <v>0</v>
      </c>
      <c r="S18" s="257">
        <v>0</v>
      </c>
      <c r="T18" s="257">
        <v>0</v>
      </c>
      <c r="U18" s="257">
        <v>1</v>
      </c>
      <c r="V18" s="257">
        <v>0</v>
      </c>
      <c r="W18" s="254">
        <v>1</v>
      </c>
      <c r="X18" s="259">
        <v>1</v>
      </c>
      <c r="Y18" s="253">
        <v>0</v>
      </c>
      <c r="Z18" s="257">
        <v>0</v>
      </c>
      <c r="AA18" s="254">
        <v>0</v>
      </c>
      <c r="AB18" s="256">
        <v>0</v>
      </c>
      <c r="AC18" s="257">
        <v>6</v>
      </c>
      <c r="AD18" s="257">
        <v>8</v>
      </c>
      <c r="AE18" s="257">
        <v>7</v>
      </c>
      <c r="AF18" s="257">
        <v>1</v>
      </c>
      <c r="AG18" s="257">
        <v>0</v>
      </c>
      <c r="AH18" s="254">
        <v>22</v>
      </c>
      <c r="AI18" s="259">
        <v>22</v>
      </c>
      <c r="AJ18" s="253">
        <v>0</v>
      </c>
      <c r="AK18" s="257">
        <v>0</v>
      </c>
      <c r="AL18" s="254">
        <v>0</v>
      </c>
      <c r="AM18" s="256">
        <v>0</v>
      </c>
      <c r="AN18" s="257">
        <v>1</v>
      </c>
      <c r="AO18" s="257">
        <v>1</v>
      </c>
      <c r="AP18" s="257">
        <v>1</v>
      </c>
      <c r="AQ18" s="257">
        <v>0</v>
      </c>
      <c r="AR18" s="257">
        <v>0</v>
      </c>
      <c r="AS18" s="254">
        <v>3</v>
      </c>
      <c r="AT18" s="259">
        <v>3</v>
      </c>
      <c r="AU18" s="253">
        <v>0</v>
      </c>
      <c r="AV18" s="257">
        <v>1</v>
      </c>
      <c r="AW18" s="254">
        <v>1</v>
      </c>
      <c r="AX18" s="256">
        <v>0</v>
      </c>
      <c r="AY18" s="257">
        <v>1</v>
      </c>
      <c r="AZ18" s="257">
        <v>1</v>
      </c>
      <c r="BA18" s="257">
        <v>0</v>
      </c>
      <c r="BB18" s="257">
        <v>0</v>
      </c>
      <c r="BC18" s="257">
        <v>1</v>
      </c>
      <c r="BD18" s="254">
        <v>3</v>
      </c>
      <c r="BE18" s="259">
        <v>4</v>
      </c>
      <c r="BF18" s="253">
        <v>0</v>
      </c>
      <c r="BG18" s="257">
        <v>0</v>
      </c>
      <c r="BH18" s="254">
        <v>0</v>
      </c>
      <c r="BI18" s="256">
        <v>0</v>
      </c>
      <c r="BJ18" s="257">
        <v>1</v>
      </c>
      <c r="BK18" s="257">
        <v>2</v>
      </c>
      <c r="BL18" s="257">
        <v>2</v>
      </c>
      <c r="BM18" s="257">
        <v>0</v>
      </c>
      <c r="BN18" s="257">
        <v>0</v>
      </c>
      <c r="BO18" s="258">
        <v>5</v>
      </c>
      <c r="BP18" s="259">
        <v>5</v>
      </c>
      <c r="BQ18" s="253">
        <v>0</v>
      </c>
      <c r="BR18" s="257">
        <v>0</v>
      </c>
      <c r="BS18" s="254">
        <v>0</v>
      </c>
      <c r="BT18" s="256">
        <v>0</v>
      </c>
      <c r="BU18" s="257">
        <v>0</v>
      </c>
      <c r="BV18" s="257">
        <v>0</v>
      </c>
      <c r="BW18" s="257">
        <v>0</v>
      </c>
      <c r="BX18" s="257">
        <v>0</v>
      </c>
      <c r="BY18" s="257">
        <v>0</v>
      </c>
      <c r="BZ18" s="254">
        <v>0</v>
      </c>
      <c r="CA18" s="259">
        <v>0</v>
      </c>
      <c r="CB18" s="253">
        <v>0</v>
      </c>
      <c r="CC18" s="257">
        <v>0</v>
      </c>
      <c r="CD18" s="254">
        <v>0</v>
      </c>
      <c r="CE18" s="256">
        <v>0</v>
      </c>
      <c r="CF18" s="257">
        <v>0</v>
      </c>
      <c r="CG18" s="257">
        <v>0</v>
      </c>
      <c r="CH18" s="257">
        <v>0</v>
      </c>
      <c r="CI18" s="257">
        <v>0</v>
      </c>
      <c r="CJ18" s="257">
        <v>0</v>
      </c>
      <c r="CK18" s="254">
        <v>0</v>
      </c>
      <c r="CL18" s="259">
        <v>0</v>
      </c>
      <c r="CM18" s="253">
        <v>0</v>
      </c>
      <c r="CN18" s="257">
        <v>0</v>
      </c>
      <c r="CO18" s="254">
        <v>0</v>
      </c>
      <c r="CP18" s="256">
        <v>0</v>
      </c>
      <c r="CQ18" s="257">
        <v>0</v>
      </c>
      <c r="CR18" s="257">
        <v>0</v>
      </c>
      <c r="CS18" s="257">
        <v>0</v>
      </c>
      <c r="CT18" s="257">
        <v>0</v>
      </c>
      <c r="CU18" s="257">
        <v>0</v>
      </c>
      <c r="CV18" s="254">
        <v>0</v>
      </c>
      <c r="CW18" s="259">
        <v>0</v>
      </c>
    </row>
    <row r="19" spans="2:101" ht="21" customHeight="1" x14ac:dyDescent="0.2">
      <c r="B19" s="437" t="s">
        <v>17</v>
      </c>
      <c r="C19" s="253">
        <v>0</v>
      </c>
      <c r="D19" s="254">
        <v>0</v>
      </c>
      <c r="E19" s="255">
        <v>0</v>
      </c>
      <c r="F19" s="256">
        <v>0</v>
      </c>
      <c r="G19" s="257">
        <v>0</v>
      </c>
      <c r="H19" s="257">
        <v>0</v>
      </c>
      <c r="I19" s="257">
        <v>0</v>
      </c>
      <c r="J19" s="257">
        <v>0</v>
      </c>
      <c r="K19" s="257">
        <v>0</v>
      </c>
      <c r="L19" s="258">
        <v>0</v>
      </c>
      <c r="M19" s="259">
        <v>0</v>
      </c>
      <c r="N19" s="253">
        <v>0</v>
      </c>
      <c r="O19" s="257">
        <v>0</v>
      </c>
      <c r="P19" s="254">
        <v>0</v>
      </c>
      <c r="Q19" s="256">
        <v>0</v>
      </c>
      <c r="R19" s="257">
        <v>0</v>
      </c>
      <c r="S19" s="257">
        <v>0</v>
      </c>
      <c r="T19" s="257">
        <v>0</v>
      </c>
      <c r="U19" s="257">
        <v>0</v>
      </c>
      <c r="V19" s="257">
        <v>0</v>
      </c>
      <c r="W19" s="254">
        <v>0</v>
      </c>
      <c r="X19" s="259">
        <v>0</v>
      </c>
      <c r="Y19" s="253">
        <v>0</v>
      </c>
      <c r="Z19" s="257">
        <v>0</v>
      </c>
      <c r="AA19" s="254">
        <v>0</v>
      </c>
      <c r="AB19" s="256">
        <v>0</v>
      </c>
      <c r="AC19" s="257">
        <v>18</v>
      </c>
      <c r="AD19" s="257">
        <v>18</v>
      </c>
      <c r="AE19" s="257">
        <v>9</v>
      </c>
      <c r="AF19" s="257">
        <v>2</v>
      </c>
      <c r="AG19" s="257">
        <v>1</v>
      </c>
      <c r="AH19" s="254">
        <v>48</v>
      </c>
      <c r="AI19" s="259">
        <v>48</v>
      </c>
      <c r="AJ19" s="253">
        <v>0</v>
      </c>
      <c r="AK19" s="257">
        <v>0</v>
      </c>
      <c r="AL19" s="254">
        <v>0</v>
      </c>
      <c r="AM19" s="256">
        <v>0</v>
      </c>
      <c r="AN19" s="257">
        <v>0</v>
      </c>
      <c r="AO19" s="257">
        <v>0</v>
      </c>
      <c r="AP19" s="257">
        <v>0</v>
      </c>
      <c r="AQ19" s="257">
        <v>0</v>
      </c>
      <c r="AR19" s="257">
        <v>1</v>
      </c>
      <c r="AS19" s="254">
        <v>1</v>
      </c>
      <c r="AT19" s="259">
        <v>1</v>
      </c>
      <c r="AU19" s="253">
        <v>0</v>
      </c>
      <c r="AV19" s="257">
        <v>0</v>
      </c>
      <c r="AW19" s="254">
        <v>0</v>
      </c>
      <c r="AX19" s="256">
        <v>0</v>
      </c>
      <c r="AY19" s="257">
        <v>1</v>
      </c>
      <c r="AZ19" s="257">
        <v>1</v>
      </c>
      <c r="BA19" s="257">
        <v>1</v>
      </c>
      <c r="BB19" s="257">
        <v>1</v>
      </c>
      <c r="BC19" s="257">
        <v>1</v>
      </c>
      <c r="BD19" s="254">
        <v>5</v>
      </c>
      <c r="BE19" s="259">
        <v>5</v>
      </c>
      <c r="BF19" s="253">
        <v>0</v>
      </c>
      <c r="BG19" s="257">
        <v>0</v>
      </c>
      <c r="BH19" s="254">
        <v>0</v>
      </c>
      <c r="BI19" s="256">
        <v>0</v>
      </c>
      <c r="BJ19" s="257">
        <v>1</v>
      </c>
      <c r="BK19" s="257">
        <v>5</v>
      </c>
      <c r="BL19" s="257">
        <v>2</v>
      </c>
      <c r="BM19" s="257">
        <v>2</v>
      </c>
      <c r="BN19" s="257">
        <v>4</v>
      </c>
      <c r="BO19" s="258">
        <v>14</v>
      </c>
      <c r="BP19" s="259">
        <v>14</v>
      </c>
      <c r="BQ19" s="253">
        <v>0</v>
      </c>
      <c r="BR19" s="257">
        <v>0</v>
      </c>
      <c r="BS19" s="254">
        <v>0</v>
      </c>
      <c r="BT19" s="256">
        <v>0</v>
      </c>
      <c r="BU19" s="257">
        <v>0</v>
      </c>
      <c r="BV19" s="257">
        <v>0</v>
      </c>
      <c r="BW19" s="257">
        <v>0</v>
      </c>
      <c r="BX19" s="257">
        <v>0</v>
      </c>
      <c r="BY19" s="257">
        <v>0</v>
      </c>
      <c r="BZ19" s="254">
        <v>0</v>
      </c>
      <c r="CA19" s="259">
        <v>0</v>
      </c>
      <c r="CB19" s="253">
        <v>0</v>
      </c>
      <c r="CC19" s="257">
        <v>0</v>
      </c>
      <c r="CD19" s="254">
        <v>0</v>
      </c>
      <c r="CE19" s="256">
        <v>0</v>
      </c>
      <c r="CF19" s="257">
        <v>0</v>
      </c>
      <c r="CG19" s="257">
        <v>0</v>
      </c>
      <c r="CH19" s="257">
        <v>1</v>
      </c>
      <c r="CI19" s="257">
        <v>4</v>
      </c>
      <c r="CJ19" s="257">
        <v>2</v>
      </c>
      <c r="CK19" s="254">
        <v>7</v>
      </c>
      <c r="CL19" s="259">
        <v>7</v>
      </c>
      <c r="CM19" s="253">
        <v>0</v>
      </c>
      <c r="CN19" s="257">
        <v>0</v>
      </c>
      <c r="CO19" s="254">
        <v>0</v>
      </c>
      <c r="CP19" s="256">
        <v>0</v>
      </c>
      <c r="CQ19" s="257">
        <v>0</v>
      </c>
      <c r="CR19" s="257">
        <v>0</v>
      </c>
      <c r="CS19" s="257">
        <v>0</v>
      </c>
      <c r="CT19" s="257">
        <v>0</v>
      </c>
      <c r="CU19" s="257">
        <v>0</v>
      </c>
      <c r="CV19" s="254">
        <v>0</v>
      </c>
      <c r="CW19" s="259">
        <v>0</v>
      </c>
    </row>
    <row r="20" spans="2:101" ht="21" customHeight="1" x14ac:dyDescent="0.2">
      <c r="B20" s="437" t="s">
        <v>18</v>
      </c>
      <c r="C20" s="253">
        <v>0</v>
      </c>
      <c r="D20" s="254">
        <v>0</v>
      </c>
      <c r="E20" s="255">
        <v>0</v>
      </c>
      <c r="F20" s="256">
        <v>0</v>
      </c>
      <c r="G20" s="257">
        <v>0</v>
      </c>
      <c r="H20" s="257">
        <v>0</v>
      </c>
      <c r="I20" s="257">
        <v>0</v>
      </c>
      <c r="J20" s="257">
        <v>0</v>
      </c>
      <c r="K20" s="257">
        <v>0</v>
      </c>
      <c r="L20" s="258">
        <v>0</v>
      </c>
      <c r="M20" s="259">
        <v>0</v>
      </c>
      <c r="N20" s="253">
        <v>0</v>
      </c>
      <c r="O20" s="257">
        <v>0</v>
      </c>
      <c r="P20" s="254">
        <v>0</v>
      </c>
      <c r="Q20" s="256">
        <v>0</v>
      </c>
      <c r="R20" s="257">
        <v>0</v>
      </c>
      <c r="S20" s="257">
        <v>0</v>
      </c>
      <c r="T20" s="257">
        <v>0</v>
      </c>
      <c r="U20" s="257">
        <v>0</v>
      </c>
      <c r="V20" s="257">
        <v>0</v>
      </c>
      <c r="W20" s="254">
        <v>0</v>
      </c>
      <c r="X20" s="259">
        <v>0</v>
      </c>
      <c r="Y20" s="253">
        <v>0</v>
      </c>
      <c r="Z20" s="257">
        <v>0</v>
      </c>
      <c r="AA20" s="254">
        <v>0</v>
      </c>
      <c r="AB20" s="256">
        <v>0</v>
      </c>
      <c r="AC20" s="257">
        <v>20</v>
      </c>
      <c r="AD20" s="257">
        <v>8</v>
      </c>
      <c r="AE20" s="257">
        <v>9</v>
      </c>
      <c r="AF20" s="257">
        <v>4</v>
      </c>
      <c r="AG20" s="257">
        <v>0</v>
      </c>
      <c r="AH20" s="254">
        <v>41</v>
      </c>
      <c r="AI20" s="259">
        <v>41</v>
      </c>
      <c r="AJ20" s="253">
        <v>0</v>
      </c>
      <c r="AK20" s="257">
        <v>0</v>
      </c>
      <c r="AL20" s="254">
        <v>0</v>
      </c>
      <c r="AM20" s="256">
        <v>0</v>
      </c>
      <c r="AN20" s="257">
        <v>1</v>
      </c>
      <c r="AO20" s="257">
        <v>0</v>
      </c>
      <c r="AP20" s="257">
        <v>2</v>
      </c>
      <c r="AQ20" s="257">
        <v>1</v>
      </c>
      <c r="AR20" s="257">
        <v>0</v>
      </c>
      <c r="AS20" s="254">
        <v>4</v>
      </c>
      <c r="AT20" s="259">
        <v>4</v>
      </c>
      <c r="AU20" s="253">
        <v>0</v>
      </c>
      <c r="AV20" s="257">
        <v>1</v>
      </c>
      <c r="AW20" s="254">
        <v>1</v>
      </c>
      <c r="AX20" s="256">
        <v>0</v>
      </c>
      <c r="AY20" s="257">
        <v>1</v>
      </c>
      <c r="AZ20" s="257">
        <v>1</v>
      </c>
      <c r="BA20" s="257">
        <v>1</v>
      </c>
      <c r="BB20" s="257">
        <v>0</v>
      </c>
      <c r="BC20" s="257">
        <v>0</v>
      </c>
      <c r="BD20" s="254">
        <v>3</v>
      </c>
      <c r="BE20" s="259">
        <v>4</v>
      </c>
      <c r="BF20" s="253">
        <v>0</v>
      </c>
      <c r="BG20" s="257">
        <v>0</v>
      </c>
      <c r="BH20" s="254">
        <v>0</v>
      </c>
      <c r="BI20" s="256">
        <v>0</v>
      </c>
      <c r="BJ20" s="257">
        <v>2</v>
      </c>
      <c r="BK20" s="257">
        <v>4</v>
      </c>
      <c r="BL20" s="257">
        <v>5</v>
      </c>
      <c r="BM20" s="257">
        <v>0</v>
      </c>
      <c r="BN20" s="257">
        <v>1</v>
      </c>
      <c r="BO20" s="258">
        <v>12</v>
      </c>
      <c r="BP20" s="259">
        <v>12</v>
      </c>
      <c r="BQ20" s="253">
        <v>0</v>
      </c>
      <c r="BR20" s="257">
        <v>0</v>
      </c>
      <c r="BS20" s="254">
        <v>0</v>
      </c>
      <c r="BT20" s="256">
        <v>0</v>
      </c>
      <c r="BU20" s="257">
        <v>0</v>
      </c>
      <c r="BV20" s="257">
        <v>0</v>
      </c>
      <c r="BW20" s="257">
        <v>0</v>
      </c>
      <c r="BX20" s="257">
        <v>0</v>
      </c>
      <c r="BY20" s="257">
        <v>0</v>
      </c>
      <c r="BZ20" s="254">
        <v>0</v>
      </c>
      <c r="CA20" s="259">
        <v>0</v>
      </c>
      <c r="CB20" s="253">
        <v>0</v>
      </c>
      <c r="CC20" s="257">
        <v>0</v>
      </c>
      <c r="CD20" s="254">
        <v>0</v>
      </c>
      <c r="CE20" s="256">
        <v>0</v>
      </c>
      <c r="CF20" s="257">
        <v>0</v>
      </c>
      <c r="CG20" s="257">
        <v>0</v>
      </c>
      <c r="CH20" s="257">
        <v>0</v>
      </c>
      <c r="CI20" s="257">
        <v>1</v>
      </c>
      <c r="CJ20" s="257">
        <v>1</v>
      </c>
      <c r="CK20" s="254">
        <v>2</v>
      </c>
      <c r="CL20" s="259">
        <v>2</v>
      </c>
      <c r="CM20" s="253">
        <v>0</v>
      </c>
      <c r="CN20" s="257">
        <v>0</v>
      </c>
      <c r="CO20" s="254">
        <v>0</v>
      </c>
      <c r="CP20" s="256">
        <v>0</v>
      </c>
      <c r="CQ20" s="257">
        <v>0</v>
      </c>
      <c r="CR20" s="257">
        <v>1</v>
      </c>
      <c r="CS20" s="257">
        <v>2</v>
      </c>
      <c r="CT20" s="257">
        <v>0</v>
      </c>
      <c r="CU20" s="257">
        <v>2</v>
      </c>
      <c r="CV20" s="254">
        <v>5</v>
      </c>
      <c r="CW20" s="259">
        <v>5</v>
      </c>
    </row>
    <row r="21" spans="2:101" ht="21" customHeight="1" x14ac:dyDescent="0.2">
      <c r="B21" s="437" t="s">
        <v>19</v>
      </c>
      <c r="C21" s="253">
        <v>0</v>
      </c>
      <c r="D21" s="254">
        <v>0</v>
      </c>
      <c r="E21" s="255">
        <v>0</v>
      </c>
      <c r="F21" s="256">
        <v>0</v>
      </c>
      <c r="G21" s="257">
        <v>0</v>
      </c>
      <c r="H21" s="257">
        <v>2</v>
      </c>
      <c r="I21" s="257">
        <v>0</v>
      </c>
      <c r="J21" s="257">
        <v>1</v>
      </c>
      <c r="K21" s="257">
        <v>1</v>
      </c>
      <c r="L21" s="258">
        <v>4</v>
      </c>
      <c r="M21" s="259">
        <v>4</v>
      </c>
      <c r="N21" s="253">
        <v>0</v>
      </c>
      <c r="O21" s="257">
        <v>0</v>
      </c>
      <c r="P21" s="254">
        <v>0</v>
      </c>
      <c r="Q21" s="256">
        <v>0</v>
      </c>
      <c r="R21" s="257">
        <v>0</v>
      </c>
      <c r="S21" s="257">
        <v>0</v>
      </c>
      <c r="T21" s="257">
        <v>0</v>
      </c>
      <c r="U21" s="257">
        <v>0</v>
      </c>
      <c r="V21" s="257">
        <v>0</v>
      </c>
      <c r="W21" s="254">
        <v>0</v>
      </c>
      <c r="X21" s="259">
        <v>0</v>
      </c>
      <c r="Y21" s="253">
        <v>0</v>
      </c>
      <c r="Z21" s="257">
        <v>0</v>
      </c>
      <c r="AA21" s="254">
        <v>0</v>
      </c>
      <c r="AB21" s="256">
        <v>0</v>
      </c>
      <c r="AC21" s="257">
        <v>6</v>
      </c>
      <c r="AD21" s="257">
        <v>5</v>
      </c>
      <c r="AE21" s="257">
        <v>1</v>
      </c>
      <c r="AF21" s="257">
        <v>1</v>
      </c>
      <c r="AG21" s="257">
        <v>0</v>
      </c>
      <c r="AH21" s="254">
        <v>13</v>
      </c>
      <c r="AI21" s="259">
        <v>13</v>
      </c>
      <c r="AJ21" s="253">
        <v>0</v>
      </c>
      <c r="AK21" s="257">
        <v>0</v>
      </c>
      <c r="AL21" s="254">
        <v>0</v>
      </c>
      <c r="AM21" s="256">
        <v>0</v>
      </c>
      <c r="AN21" s="257">
        <v>1</v>
      </c>
      <c r="AO21" s="257">
        <v>2</v>
      </c>
      <c r="AP21" s="257">
        <v>0</v>
      </c>
      <c r="AQ21" s="257">
        <v>0</v>
      </c>
      <c r="AR21" s="257">
        <v>0</v>
      </c>
      <c r="AS21" s="254">
        <v>3</v>
      </c>
      <c r="AT21" s="259">
        <v>3</v>
      </c>
      <c r="AU21" s="253">
        <v>0</v>
      </c>
      <c r="AV21" s="257">
        <v>0</v>
      </c>
      <c r="AW21" s="254">
        <v>0</v>
      </c>
      <c r="AX21" s="256">
        <v>0</v>
      </c>
      <c r="AY21" s="257">
        <v>1</v>
      </c>
      <c r="AZ21" s="257">
        <v>1</v>
      </c>
      <c r="BA21" s="257">
        <v>2</v>
      </c>
      <c r="BB21" s="257">
        <v>0</v>
      </c>
      <c r="BC21" s="257">
        <v>0</v>
      </c>
      <c r="BD21" s="254">
        <v>4</v>
      </c>
      <c r="BE21" s="259">
        <v>4</v>
      </c>
      <c r="BF21" s="253">
        <v>0</v>
      </c>
      <c r="BG21" s="257">
        <v>0</v>
      </c>
      <c r="BH21" s="254">
        <v>0</v>
      </c>
      <c r="BI21" s="256">
        <v>0</v>
      </c>
      <c r="BJ21" s="257">
        <v>0</v>
      </c>
      <c r="BK21" s="257">
        <v>0</v>
      </c>
      <c r="BL21" s="257">
        <v>0</v>
      </c>
      <c r="BM21" s="257">
        <v>0</v>
      </c>
      <c r="BN21" s="257">
        <v>2</v>
      </c>
      <c r="BO21" s="258">
        <v>2</v>
      </c>
      <c r="BP21" s="259">
        <v>2</v>
      </c>
      <c r="BQ21" s="253">
        <v>0</v>
      </c>
      <c r="BR21" s="257">
        <v>0</v>
      </c>
      <c r="BS21" s="254">
        <v>0</v>
      </c>
      <c r="BT21" s="256">
        <v>0</v>
      </c>
      <c r="BU21" s="257">
        <v>0</v>
      </c>
      <c r="BV21" s="257">
        <v>0</v>
      </c>
      <c r="BW21" s="257">
        <v>0</v>
      </c>
      <c r="BX21" s="257">
        <v>0</v>
      </c>
      <c r="BY21" s="257">
        <v>0</v>
      </c>
      <c r="BZ21" s="254">
        <v>0</v>
      </c>
      <c r="CA21" s="259">
        <v>0</v>
      </c>
      <c r="CB21" s="253">
        <v>0</v>
      </c>
      <c r="CC21" s="257">
        <v>0</v>
      </c>
      <c r="CD21" s="254">
        <v>0</v>
      </c>
      <c r="CE21" s="256">
        <v>0</v>
      </c>
      <c r="CF21" s="257">
        <v>0</v>
      </c>
      <c r="CG21" s="257">
        <v>0</v>
      </c>
      <c r="CH21" s="257">
        <v>0</v>
      </c>
      <c r="CI21" s="257">
        <v>0</v>
      </c>
      <c r="CJ21" s="257">
        <v>0</v>
      </c>
      <c r="CK21" s="254">
        <v>0</v>
      </c>
      <c r="CL21" s="259">
        <v>0</v>
      </c>
      <c r="CM21" s="253">
        <v>0</v>
      </c>
      <c r="CN21" s="257">
        <v>0</v>
      </c>
      <c r="CO21" s="254">
        <v>0</v>
      </c>
      <c r="CP21" s="256">
        <v>0</v>
      </c>
      <c r="CQ21" s="257">
        <v>0</v>
      </c>
      <c r="CR21" s="257">
        <v>0</v>
      </c>
      <c r="CS21" s="257">
        <v>0</v>
      </c>
      <c r="CT21" s="257">
        <v>1</v>
      </c>
      <c r="CU21" s="257">
        <v>3</v>
      </c>
      <c r="CV21" s="254">
        <v>4</v>
      </c>
      <c r="CW21" s="259">
        <v>4</v>
      </c>
    </row>
    <row r="22" spans="2:101" ht="21" customHeight="1" x14ac:dyDescent="0.2">
      <c r="B22" s="437" t="s">
        <v>20</v>
      </c>
      <c r="C22" s="253">
        <v>0</v>
      </c>
      <c r="D22" s="254">
        <v>0</v>
      </c>
      <c r="E22" s="255">
        <v>0</v>
      </c>
      <c r="F22" s="256">
        <v>0</v>
      </c>
      <c r="G22" s="257">
        <v>0</v>
      </c>
      <c r="H22" s="257">
        <v>0</v>
      </c>
      <c r="I22" s="257">
        <v>0</v>
      </c>
      <c r="J22" s="257">
        <v>0</v>
      </c>
      <c r="K22" s="257">
        <v>0</v>
      </c>
      <c r="L22" s="258">
        <v>0</v>
      </c>
      <c r="M22" s="259">
        <v>0</v>
      </c>
      <c r="N22" s="253">
        <v>0</v>
      </c>
      <c r="O22" s="257">
        <v>0</v>
      </c>
      <c r="P22" s="254">
        <v>0</v>
      </c>
      <c r="Q22" s="256">
        <v>0</v>
      </c>
      <c r="R22" s="257">
        <v>0</v>
      </c>
      <c r="S22" s="257">
        <v>0</v>
      </c>
      <c r="T22" s="257">
        <v>0</v>
      </c>
      <c r="U22" s="257">
        <v>0</v>
      </c>
      <c r="V22" s="257">
        <v>0</v>
      </c>
      <c r="W22" s="254">
        <v>0</v>
      </c>
      <c r="X22" s="259">
        <v>0</v>
      </c>
      <c r="Y22" s="253">
        <v>0</v>
      </c>
      <c r="Z22" s="257">
        <v>0</v>
      </c>
      <c r="AA22" s="254">
        <v>0</v>
      </c>
      <c r="AB22" s="256">
        <v>0</v>
      </c>
      <c r="AC22" s="257">
        <v>9</v>
      </c>
      <c r="AD22" s="257">
        <v>9</v>
      </c>
      <c r="AE22" s="257">
        <v>3</v>
      </c>
      <c r="AF22" s="257">
        <v>0</v>
      </c>
      <c r="AG22" s="257">
        <v>0</v>
      </c>
      <c r="AH22" s="254">
        <v>21</v>
      </c>
      <c r="AI22" s="259">
        <v>21</v>
      </c>
      <c r="AJ22" s="253">
        <v>0</v>
      </c>
      <c r="AK22" s="257">
        <v>0</v>
      </c>
      <c r="AL22" s="254">
        <v>0</v>
      </c>
      <c r="AM22" s="256">
        <v>0</v>
      </c>
      <c r="AN22" s="257">
        <v>0</v>
      </c>
      <c r="AO22" s="257">
        <v>0</v>
      </c>
      <c r="AP22" s="257">
        <v>0</v>
      </c>
      <c r="AQ22" s="257">
        <v>0</v>
      </c>
      <c r="AR22" s="257">
        <v>0</v>
      </c>
      <c r="AS22" s="254">
        <v>0</v>
      </c>
      <c r="AT22" s="259">
        <v>0</v>
      </c>
      <c r="AU22" s="253">
        <v>0</v>
      </c>
      <c r="AV22" s="257">
        <v>1</v>
      </c>
      <c r="AW22" s="254">
        <v>1</v>
      </c>
      <c r="AX22" s="256">
        <v>0</v>
      </c>
      <c r="AY22" s="257">
        <v>1</v>
      </c>
      <c r="AZ22" s="257">
        <v>0</v>
      </c>
      <c r="BA22" s="257">
        <v>1</v>
      </c>
      <c r="BB22" s="257">
        <v>0</v>
      </c>
      <c r="BC22" s="257">
        <v>0</v>
      </c>
      <c r="BD22" s="254">
        <v>2</v>
      </c>
      <c r="BE22" s="259">
        <v>3</v>
      </c>
      <c r="BF22" s="253">
        <v>0</v>
      </c>
      <c r="BG22" s="257">
        <v>0</v>
      </c>
      <c r="BH22" s="254">
        <v>0</v>
      </c>
      <c r="BI22" s="256">
        <v>0</v>
      </c>
      <c r="BJ22" s="257">
        <v>1</v>
      </c>
      <c r="BK22" s="257">
        <v>1</v>
      </c>
      <c r="BL22" s="257">
        <v>3</v>
      </c>
      <c r="BM22" s="257">
        <v>0</v>
      </c>
      <c r="BN22" s="257">
        <v>1</v>
      </c>
      <c r="BO22" s="258">
        <v>6</v>
      </c>
      <c r="BP22" s="259">
        <v>6</v>
      </c>
      <c r="BQ22" s="253">
        <v>0</v>
      </c>
      <c r="BR22" s="257">
        <v>0</v>
      </c>
      <c r="BS22" s="254">
        <v>0</v>
      </c>
      <c r="BT22" s="256">
        <v>0</v>
      </c>
      <c r="BU22" s="257">
        <v>0</v>
      </c>
      <c r="BV22" s="257">
        <v>0</v>
      </c>
      <c r="BW22" s="257">
        <v>0</v>
      </c>
      <c r="BX22" s="257">
        <v>0</v>
      </c>
      <c r="BY22" s="257">
        <v>0</v>
      </c>
      <c r="BZ22" s="254">
        <v>0</v>
      </c>
      <c r="CA22" s="259">
        <v>0</v>
      </c>
      <c r="CB22" s="253">
        <v>0</v>
      </c>
      <c r="CC22" s="257">
        <v>0</v>
      </c>
      <c r="CD22" s="254">
        <v>0</v>
      </c>
      <c r="CE22" s="256">
        <v>0</v>
      </c>
      <c r="CF22" s="257">
        <v>0</v>
      </c>
      <c r="CG22" s="257">
        <v>0</v>
      </c>
      <c r="CH22" s="257">
        <v>0</v>
      </c>
      <c r="CI22" s="257">
        <v>0</v>
      </c>
      <c r="CJ22" s="257">
        <v>0</v>
      </c>
      <c r="CK22" s="254">
        <v>0</v>
      </c>
      <c r="CL22" s="259">
        <v>0</v>
      </c>
      <c r="CM22" s="253">
        <v>0</v>
      </c>
      <c r="CN22" s="257">
        <v>0</v>
      </c>
      <c r="CO22" s="254">
        <v>0</v>
      </c>
      <c r="CP22" s="256">
        <v>0</v>
      </c>
      <c r="CQ22" s="257">
        <v>0</v>
      </c>
      <c r="CR22" s="257">
        <v>0</v>
      </c>
      <c r="CS22" s="257">
        <v>0</v>
      </c>
      <c r="CT22" s="257">
        <v>0</v>
      </c>
      <c r="CU22" s="257">
        <v>0</v>
      </c>
      <c r="CV22" s="254">
        <v>0</v>
      </c>
      <c r="CW22" s="259">
        <v>0</v>
      </c>
    </row>
    <row r="23" spans="2:101" ht="21" customHeight="1" x14ac:dyDescent="0.2">
      <c r="B23" s="437" t="s">
        <v>21</v>
      </c>
      <c r="C23" s="253">
        <v>0</v>
      </c>
      <c r="D23" s="254">
        <v>0</v>
      </c>
      <c r="E23" s="255">
        <v>0</v>
      </c>
      <c r="F23" s="256">
        <v>0</v>
      </c>
      <c r="G23" s="257">
        <v>1</v>
      </c>
      <c r="H23" s="257">
        <v>0</v>
      </c>
      <c r="I23" s="257">
        <v>0</v>
      </c>
      <c r="J23" s="257">
        <v>0</v>
      </c>
      <c r="K23" s="257">
        <v>0</v>
      </c>
      <c r="L23" s="258">
        <v>1</v>
      </c>
      <c r="M23" s="259">
        <v>1</v>
      </c>
      <c r="N23" s="253">
        <v>0</v>
      </c>
      <c r="O23" s="257">
        <v>0</v>
      </c>
      <c r="P23" s="254">
        <v>0</v>
      </c>
      <c r="Q23" s="256">
        <v>0</v>
      </c>
      <c r="R23" s="257">
        <v>0</v>
      </c>
      <c r="S23" s="257">
        <v>0</v>
      </c>
      <c r="T23" s="257">
        <v>0</v>
      </c>
      <c r="U23" s="257">
        <v>0</v>
      </c>
      <c r="V23" s="257">
        <v>0</v>
      </c>
      <c r="W23" s="254">
        <v>0</v>
      </c>
      <c r="X23" s="259">
        <v>0</v>
      </c>
      <c r="Y23" s="253">
        <v>0</v>
      </c>
      <c r="Z23" s="257">
        <v>0</v>
      </c>
      <c r="AA23" s="254">
        <v>0</v>
      </c>
      <c r="AB23" s="256">
        <v>0</v>
      </c>
      <c r="AC23" s="257">
        <v>12</v>
      </c>
      <c r="AD23" s="257">
        <v>4</v>
      </c>
      <c r="AE23" s="257">
        <v>2</v>
      </c>
      <c r="AF23" s="257">
        <v>1</v>
      </c>
      <c r="AG23" s="257">
        <v>0</v>
      </c>
      <c r="AH23" s="254">
        <v>19</v>
      </c>
      <c r="AI23" s="259">
        <v>19</v>
      </c>
      <c r="AJ23" s="253">
        <v>0</v>
      </c>
      <c r="AK23" s="257">
        <v>0</v>
      </c>
      <c r="AL23" s="254">
        <v>0</v>
      </c>
      <c r="AM23" s="256">
        <v>0</v>
      </c>
      <c r="AN23" s="257">
        <v>0</v>
      </c>
      <c r="AO23" s="257">
        <v>0</v>
      </c>
      <c r="AP23" s="257">
        <v>0</v>
      </c>
      <c r="AQ23" s="257">
        <v>0</v>
      </c>
      <c r="AR23" s="257">
        <v>0</v>
      </c>
      <c r="AS23" s="254">
        <v>0</v>
      </c>
      <c r="AT23" s="259">
        <v>0</v>
      </c>
      <c r="AU23" s="253">
        <v>0</v>
      </c>
      <c r="AV23" s="257">
        <v>0</v>
      </c>
      <c r="AW23" s="254">
        <v>0</v>
      </c>
      <c r="AX23" s="256">
        <v>0</v>
      </c>
      <c r="AY23" s="257">
        <v>0</v>
      </c>
      <c r="AZ23" s="257">
        <v>0</v>
      </c>
      <c r="BA23" s="257">
        <v>2</v>
      </c>
      <c r="BB23" s="257">
        <v>0</v>
      </c>
      <c r="BC23" s="257">
        <v>0</v>
      </c>
      <c r="BD23" s="254">
        <v>2</v>
      </c>
      <c r="BE23" s="259">
        <v>2</v>
      </c>
      <c r="BF23" s="253">
        <v>0</v>
      </c>
      <c r="BG23" s="257">
        <v>0</v>
      </c>
      <c r="BH23" s="254">
        <v>0</v>
      </c>
      <c r="BI23" s="256">
        <v>0</v>
      </c>
      <c r="BJ23" s="257">
        <v>0</v>
      </c>
      <c r="BK23" s="257">
        <v>1</v>
      </c>
      <c r="BL23" s="257">
        <v>1</v>
      </c>
      <c r="BM23" s="257">
        <v>3</v>
      </c>
      <c r="BN23" s="257">
        <v>0</v>
      </c>
      <c r="BO23" s="258">
        <v>5</v>
      </c>
      <c r="BP23" s="259">
        <v>5</v>
      </c>
      <c r="BQ23" s="253">
        <v>0</v>
      </c>
      <c r="BR23" s="257">
        <v>0</v>
      </c>
      <c r="BS23" s="254">
        <v>0</v>
      </c>
      <c r="BT23" s="256">
        <v>0</v>
      </c>
      <c r="BU23" s="257">
        <v>0</v>
      </c>
      <c r="BV23" s="257">
        <v>0</v>
      </c>
      <c r="BW23" s="257">
        <v>0</v>
      </c>
      <c r="BX23" s="257">
        <v>0</v>
      </c>
      <c r="BY23" s="257">
        <v>0</v>
      </c>
      <c r="BZ23" s="254">
        <v>0</v>
      </c>
      <c r="CA23" s="259">
        <v>0</v>
      </c>
      <c r="CB23" s="253">
        <v>0</v>
      </c>
      <c r="CC23" s="257">
        <v>0</v>
      </c>
      <c r="CD23" s="254">
        <v>0</v>
      </c>
      <c r="CE23" s="256">
        <v>0</v>
      </c>
      <c r="CF23" s="257">
        <v>0</v>
      </c>
      <c r="CG23" s="257">
        <v>0</v>
      </c>
      <c r="CH23" s="257">
        <v>0</v>
      </c>
      <c r="CI23" s="257">
        <v>0</v>
      </c>
      <c r="CJ23" s="257">
        <v>0</v>
      </c>
      <c r="CK23" s="254">
        <v>0</v>
      </c>
      <c r="CL23" s="259">
        <v>0</v>
      </c>
      <c r="CM23" s="253">
        <v>0</v>
      </c>
      <c r="CN23" s="257">
        <v>0</v>
      </c>
      <c r="CO23" s="254">
        <v>0</v>
      </c>
      <c r="CP23" s="256">
        <v>0</v>
      </c>
      <c r="CQ23" s="257">
        <v>0</v>
      </c>
      <c r="CR23" s="257">
        <v>0</v>
      </c>
      <c r="CS23" s="257">
        <v>0</v>
      </c>
      <c r="CT23" s="257">
        <v>0</v>
      </c>
      <c r="CU23" s="257">
        <v>1</v>
      </c>
      <c r="CV23" s="254">
        <v>1</v>
      </c>
      <c r="CW23" s="259">
        <v>1</v>
      </c>
    </row>
    <row r="24" spans="2:101" ht="21" customHeight="1" x14ac:dyDescent="0.2">
      <c r="B24" s="437" t="s">
        <v>22</v>
      </c>
      <c r="C24" s="253">
        <v>0</v>
      </c>
      <c r="D24" s="254">
        <v>0</v>
      </c>
      <c r="E24" s="255">
        <v>0</v>
      </c>
      <c r="F24" s="256">
        <v>0</v>
      </c>
      <c r="G24" s="257">
        <v>0</v>
      </c>
      <c r="H24" s="257">
        <v>0</v>
      </c>
      <c r="I24" s="257">
        <v>1</v>
      </c>
      <c r="J24" s="257">
        <v>1</v>
      </c>
      <c r="K24" s="257">
        <v>0</v>
      </c>
      <c r="L24" s="258">
        <v>2</v>
      </c>
      <c r="M24" s="259">
        <v>2</v>
      </c>
      <c r="N24" s="253">
        <v>0</v>
      </c>
      <c r="O24" s="257">
        <v>0</v>
      </c>
      <c r="P24" s="254">
        <v>0</v>
      </c>
      <c r="Q24" s="256">
        <v>0</v>
      </c>
      <c r="R24" s="257">
        <v>0</v>
      </c>
      <c r="S24" s="257">
        <v>0</v>
      </c>
      <c r="T24" s="257">
        <v>0</v>
      </c>
      <c r="U24" s="257">
        <v>0</v>
      </c>
      <c r="V24" s="257">
        <v>0</v>
      </c>
      <c r="W24" s="254">
        <v>0</v>
      </c>
      <c r="X24" s="259">
        <v>0</v>
      </c>
      <c r="Y24" s="253">
        <v>0</v>
      </c>
      <c r="Z24" s="257">
        <v>0</v>
      </c>
      <c r="AA24" s="254">
        <v>0</v>
      </c>
      <c r="AB24" s="256">
        <v>0</v>
      </c>
      <c r="AC24" s="257">
        <v>9</v>
      </c>
      <c r="AD24" s="257">
        <v>5</v>
      </c>
      <c r="AE24" s="257">
        <v>1</v>
      </c>
      <c r="AF24" s="257">
        <v>1</v>
      </c>
      <c r="AG24" s="257">
        <v>0</v>
      </c>
      <c r="AH24" s="254">
        <v>16</v>
      </c>
      <c r="AI24" s="259">
        <v>16</v>
      </c>
      <c r="AJ24" s="253">
        <v>0</v>
      </c>
      <c r="AK24" s="257">
        <v>0</v>
      </c>
      <c r="AL24" s="254">
        <v>0</v>
      </c>
      <c r="AM24" s="256">
        <v>0</v>
      </c>
      <c r="AN24" s="257">
        <v>0</v>
      </c>
      <c r="AO24" s="257">
        <v>0</v>
      </c>
      <c r="AP24" s="257">
        <v>1</v>
      </c>
      <c r="AQ24" s="257">
        <v>0</v>
      </c>
      <c r="AR24" s="257">
        <v>0</v>
      </c>
      <c r="AS24" s="254">
        <v>1</v>
      </c>
      <c r="AT24" s="259">
        <v>1</v>
      </c>
      <c r="AU24" s="253">
        <v>0</v>
      </c>
      <c r="AV24" s="257">
        <v>0</v>
      </c>
      <c r="AW24" s="254">
        <v>0</v>
      </c>
      <c r="AX24" s="256">
        <v>0</v>
      </c>
      <c r="AY24" s="257">
        <v>0</v>
      </c>
      <c r="AZ24" s="257">
        <v>3</v>
      </c>
      <c r="BA24" s="257">
        <v>0</v>
      </c>
      <c r="BB24" s="257">
        <v>0</v>
      </c>
      <c r="BC24" s="257">
        <v>0</v>
      </c>
      <c r="BD24" s="254">
        <v>3</v>
      </c>
      <c r="BE24" s="259">
        <v>3</v>
      </c>
      <c r="BF24" s="253">
        <v>0</v>
      </c>
      <c r="BG24" s="257">
        <v>0</v>
      </c>
      <c r="BH24" s="254">
        <v>0</v>
      </c>
      <c r="BI24" s="256">
        <v>0</v>
      </c>
      <c r="BJ24" s="257">
        <v>0</v>
      </c>
      <c r="BK24" s="257">
        <v>0</v>
      </c>
      <c r="BL24" s="257">
        <v>0</v>
      </c>
      <c r="BM24" s="257">
        <v>0</v>
      </c>
      <c r="BN24" s="257">
        <v>0</v>
      </c>
      <c r="BO24" s="258">
        <v>0</v>
      </c>
      <c r="BP24" s="259">
        <v>0</v>
      </c>
      <c r="BQ24" s="253">
        <v>0</v>
      </c>
      <c r="BR24" s="257">
        <v>0</v>
      </c>
      <c r="BS24" s="254">
        <v>0</v>
      </c>
      <c r="BT24" s="256">
        <v>0</v>
      </c>
      <c r="BU24" s="257">
        <v>0</v>
      </c>
      <c r="BV24" s="257">
        <v>0</v>
      </c>
      <c r="BW24" s="257">
        <v>0</v>
      </c>
      <c r="BX24" s="257">
        <v>0</v>
      </c>
      <c r="BY24" s="257">
        <v>0</v>
      </c>
      <c r="BZ24" s="254">
        <v>0</v>
      </c>
      <c r="CA24" s="259">
        <v>0</v>
      </c>
      <c r="CB24" s="253">
        <v>0</v>
      </c>
      <c r="CC24" s="257">
        <v>0</v>
      </c>
      <c r="CD24" s="254">
        <v>0</v>
      </c>
      <c r="CE24" s="256">
        <v>0</v>
      </c>
      <c r="CF24" s="257">
        <v>0</v>
      </c>
      <c r="CG24" s="257">
        <v>0</v>
      </c>
      <c r="CH24" s="257">
        <v>0</v>
      </c>
      <c r="CI24" s="257">
        <v>0</v>
      </c>
      <c r="CJ24" s="257">
        <v>0</v>
      </c>
      <c r="CK24" s="254">
        <v>0</v>
      </c>
      <c r="CL24" s="259">
        <v>0</v>
      </c>
      <c r="CM24" s="253">
        <v>0</v>
      </c>
      <c r="CN24" s="257">
        <v>0</v>
      </c>
      <c r="CO24" s="254">
        <v>0</v>
      </c>
      <c r="CP24" s="256">
        <v>0</v>
      </c>
      <c r="CQ24" s="257">
        <v>0</v>
      </c>
      <c r="CR24" s="257">
        <v>0</v>
      </c>
      <c r="CS24" s="257">
        <v>0</v>
      </c>
      <c r="CT24" s="257">
        <v>0</v>
      </c>
      <c r="CU24" s="257">
        <v>0</v>
      </c>
      <c r="CV24" s="254">
        <v>0</v>
      </c>
      <c r="CW24" s="259">
        <v>0</v>
      </c>
    </row>
    <row r="25" spans="2:101" ht="21" customHeight="1" x14ac:dyDescent="0.2">
      <c r="B25" s="437" t="s">
        <v>23</v>
      </c>
      <c r="C25" s="253">
        <v>0</v>
      </c>
      <c r="D25" s="254">
        <v>0</v>
      </c>
      <c r="E25" s="255">
        <v>0</v>
      </c>
      <c r="F25" s="256">
        <v>0</v>
      </c>
      <c r="G25" s="257">
        <v>0</v>
      </c>
      <c r="H25" s="257">
        <v>0</v>
      </c>
      <c r="I25" s="257">
        <v>0</v>
      </c>
      <c r="J25" s="257">
        <v>0</v>
      </c>
      <c r="K25" s="257">
        <v>1</v>
      </c>
      <c r="L25" s="258">
        <v>1</v>
      </c>
      <c r="M25" s="259">
        <v>1</v>
      </c>
      <c r="N25" s="253">
        <v>0</v>
      </c>
      <c r="O25" s="257">
        <v>0</v>
      </c>
      <c r="P25" s="254">
        <v>0</v>
      </c>
      <c r="Q25" s="256">
        <v>0</v>
      </c>
      <c r="R25" s="257">
        <v>0</v>
      </c>
      <c r="S25" s="257">
        <v>0</v>
      </c>
      <c r="T25" s="257">
        <v>0</v>
      </c>
      <c r="U25" s="257">
        <v>0</v>
      </c>
      <c r="V25" s="257">
        <v>0</v>
      </c>
      <c r="W25" s="254">
        <v>0</v>
      </c>
      <c r="X25" s="259">
        <v>0</v>
      </c>
      <c r="Y25" s="253">
        <v>0</v>
      </c>
      <c r="Z25" s="257">
        <v>0</v>
      </c>
      <c r="AA25" s="254">
        <v>0</v>
      </c>
      <c r="AB25" s="256">
        <v>0</v>
      </c>
      <c r="AC25" s="257">
        <v>2</v>
      </c>
      <c r="AD25" s="257">
        <v>2</v>
      </c>
      <c r="AE25" s="257">
        <v>2</v>
      </c>
      <c r="AF25" s="257">
        <v>0</v>
      </c>
      <c r="AG25" s="257">
        <v>0</v>
      </c>
      <c r="AH25" s="254">
        <v>6</v>
      </c>
      <c r="AI25" s="259">
        <v>6</v>
      </c>
      <c r="AJ25" s="253">
        <v>0</v>
      </c>
      <c r="AK25" s="257">
        <v>0</v>
      </c>
      <c r="AL25" s="254">
        <v>0</v>
      </c>
      <c r="AM25" s="256">
        <v>0</v>
      </c>
      <c r="AN25" s="257">
        <v>0</v>
      </c>
      <c r="AO25" s="257">
        <v>0</v>
      </c>
      <c r="AP25" s="257">
        <v>0</v>
      </c>
      <c r="AQ25" s="257">
        <v>0</v>
      </c>
      <c r="AR25" s="257">
        <v>0</v>
      </c>
      <c r="AS25" s="254">
        <v>0</v>
      </c>
      <c r="AT25" s="259">
        <v>0</v>
      </c>
      <c r="AU25" s="253">
        <v>0</v>
      </c>
      <c r="AV25" s="257">
        <v>0</v>
      </c>
      <c r="AW25" s="254">
        <v>0</v>
      </c>
      <c r="AX25" s="256">
        <v>0</v>
      </c>
      <c r="AY25" s="257">
        <v>0</v>
      </c>
      <c r="AZ25" s="257">
        <v>0</v>
      </c>
      <c r="BA25" s="257">
        <v>0</v>
      </c>
      <c r="BB25" s="257">
        <v>0</v>
      </c>
      <c r="BC25" s="257">
        <v>0</v>
      </c>
      <c r="BD25" s="254">
        <v>0</v>
      </c>
      <c r="BE25" s="259">
        <v>0</v>
      </c>
      <c r="BF25" s="253">
        <v>0</v>
      </c>
      <c r="BG25" s="257">
        <v>0</v>
      </c>
      <c r="BH25" s="254">
        <v>0</v>
      </c>
      <c r="BI25" s="256">
        <v>0</v>
      </c>
      <c r="BJ25" s="257">
        <v>1</v>
      </c>
      <c r="BK25" s="257">
        <v>1</v>
      </c>
      <c r="BL25" s="257">
        <v>3</v>
      </c>
      <c r="BM25" s="257">
        <v>0</v>
      </c>
      <c r="BN25" s="257">
        <v>0</v>
      </c>
      <c r="BO25" s="258">
        <v>5</v>
      </c>
      <c r="BP25" s="259">
        <v>5</v>
      </c>
      <c r="BQ25" s="253">
        <v>0</v>
      </c>
      <c r="BR25" s="257">
        <v>0</v>
      </c>
      <c r="BS25" s="254">
        <v>0</v>
      </c>
      <c r="BT25" s="256">
        <v>0</v>
      </c>
      <c r="BU25" s="257">
        <v>0</v>
      </c>
      <c r="BV25" s="257">
        <v>0</v>
      </c>
      <c r="BW25" s="257">
        <v>0</v>
      </c>
      <c r="BX25" s="257">
        <v>0</v>
      </c>
      <c r="BY25" s="257">
        <v>0</v>
      </c>
      <c r="BZ25" s="254">
        <v>0</v>
      </c>
      <c r="CA25" s="259">
        <v>0</v>
      </c>
      <c r="CB25" s="253">
        <v>0</v>
      </c>
      <c r="CC25" s="257">
        <v>0</v>
      </c>
      <c r="CD25" s="254">
        <v>0</v>
      </c>
      <c r="CE25" s="256">
        <v>0</v>
      </c>
      <c r="CF25" s="257">
        <v>0</v>
      </c>
      <c r="CG25" s="257">
        <v>0</v>
      </c>
      <c r="CH25" s="257">
        <v>0</v>
      </c>
      <c r="CI25" s="257">
        <v>0</v>
      </c>
      <c r="CJ25" s="257">
        <v>0</v>
      </c>
      <c r="CK25" s="254">
        <v>0</v>
      </c>
      <c r="CL25" s="259">
        <v>0</v>
      </c>
      <c r="CM25" s="253">
        <v>0</v>
      </c>
      <c r="CN25" s="257">
        <v>0</v>
      </c>
      <c r="CO25" s="254">
        <v>0</v>
      </c>
      <c r="CP25" s="256">
        <v>0</v>
      </c>
      <c r="CQ25" s="257">
        <v>0</v>
      </c>
      <c r="CR25" s="257">
        <v>0</v>
      </c>
      <c r="CS25" s="257">
        <v>0</v>
      </c>
      <c r="CT25" s="257">
        <v>0</v>
      </c>
      <c r="CU25" s="257">
        <v>0</v>
      </c>
      <c r="CV25" s="254">
        <v>0</v>
      </c>
      <c r="CW25" s="259">
        <v>0</v>
      </c>
    </row>
    <row r="26" spans="2:101" ht="21" customHeight="1" x14ac:dyDescent="0.2">
      <c r="B26" s="437" t="s">
        <v>24</v>
      </c>
      <c r="C26" s="253">
        <v>0</v>
      </c>
      <c r="D26" s="254">
        <v>0</v>
      </c>
      <c r="E26" s="255">
        <v>0</v>
      </c>
      <c r="F26" s="256">
        <v>0</v>
      </c>
      <c r="G26" s="257">
        <v>0</v>
      </c>
      <c r="H26" s="257">
        <v>0</v>
      </c>
      <c r="I26" s="257">
        <v>0</v>
      </c>
      <c r="J26" s="257">
        <v>2</v>
      </c>
      <c r="K26" s="257">
        <v>0</v>
      </c>
      <c r="L26" s="258">
        <v>2</v>
      </c>
      <c r="M26" s="259">
        <v>2</v>
      </c>
      <c r="N26" s="253">
        <v>0</v>
      </c>
      <c r="O26" s="257">
        <v>0</v>
      </c>
      <c r="P26" s="254">
        <v>0</v>
      </c>
      <c r="Q26" s="256">
        <v>0</v>
      </c>
      <c r="R26" s="257">
        <v>0</v>
      </c>
      <c r="S26" s="257">
        <v>0</v>
      </c>
      <c r="T26" s="257">
        <v>0</v>
      </c>
      <c r="U26" s="257">
        <v>0</v>
      </c>
      <c r="V26" s="257">
        <v>0</v>
      </c>
      <c r="W26" s="254">
        <v>0</v>
      </c>
      <c r="X26" s="259">
        <v>0</v>
      </c>
      <c r="Y26" s="253">
        <v>0</v>
      </c>
      <c r="Z26" s="257">
        <v>0</v>
      </c>
      <c r="AA26" s="254">
        <v>0</v>
      </c>
      <c r="AB26" s="256">
        <v>0</v>
      </c>
      <c r="AC26" s="257">
        <v>0</v>
      </c>
      <c r="AD26" s="257">
        <v>0</v>
      </c>
      <c r="AE26" s="257">
        <v>0</v>
      </c>
      <c r="AF26" s="257">
        <v>1</v>
      </c>
      <c r="AG26" s="257">
        <v>0</v>
      </c>
      <c r="AH26" s="254">
        <v>1</v>
      </c>
      <c r="AI26" s="259">
        <v>1</v>
      </c>
      <c r="AJ26" s="253">
        <v>0</v>
      </c>
      <c r="AK26" s="257">
        <v>0</v>
      </c>
      <c r="AL26" s="254">
        <v>0</v>
      </c>
      <c r="AM26" s="256">
        <v>0</v>
      </c>
      <c r="AN26" s="257">
        <v>0</v>
      </c>
      <c r="AO26" s="257">
        <v>1</v>
      </c>
      <c r="AP26" s="257">
        <v>0</v>
      </c>
      <c r="AQ26" s="257">
        <v>0</v>
      </c>
      <c r="AR26" s="257">
        <v>1</v>
      </c>
      <c r="AS26" s="254">
        <v>2</v>
      </c>
      <c r="AT26" s="259">
        <v>2</v>
      </c>
      <c r="AU26" s="253">
        <v>0</v>
      </c>
      <c r="AV26" s="257">
        <v>0</v>
      </c>
      <c r="AW26" s="254">
        <v>0</v>
      </c>
      <c r="AX26" s="256">
        <v>0</v>
      </c>
      <c r="AY26" s="257">
        <v>3</v>
      </c>
      <c r="AZ26" s="257">
        <v>1</v>
      </c>
      <c r="BA26" s="257">
        <v>1</v>
      </c>
      <c r="BB26" s="257">
        <v>0</v>
      </c>
      <c r="BC26" s="257">
        <v>0</v>
      </c>
      <c r="BD26" s="254">
        <v>5</v>
      </c>
      <c r="BE26" s="259">
        <v>5</v>
      </c>
      <c r="BF26" s="253">
        <v>0</v>
      </c>
      <c r="BG26" s="257">
        <v>0</v>
      </c>
      <c r="BH26" s="254">
        <v>0</v>
      </c>
      <c r="BI26" s="256">
        <v>0</v>
      </c>
      <c r="BJ26" s="257">
        <v>0</v>
      </c>
      <c r="BK26" s="257">
        <v>0</v>
      </c>
      <c r="BL26" s="257">
        <v>0</v>
      </c>
      <c r="BM26" s="257">
        <v>0</v>
      </c>
      <c r="BN26" s="257">
        <v>1</v>
      </c>
      <c r="BO26" s="258">
        <v>1</v>
      </c>
      <c r="BP26" s="259">
        <v>1</v>
      </c>
      <c r="BQ26" s="253">
        <v>0</v>
      </c>
      <c r="BR26" s="257">
        <v>0</v>
      </c>
      <c r="BS26" s="254">
        <v>0</v>
      </c>
      <c r="BT26" s="256">
        <v>0</v>
      </c>
      <c r="BU26" s="257">
        <v>0</v>
      </c>
      <c r="BV26" s="257">
        <v>0</v>
      </c>
      <c r="BW26" s="257">
        <v>0</v>
      </c>
      <c r="BX26" s="257">
        <v>0</v>
      </c>
      <c r="BY26" s="257">
        <v>0</v>
      </c>
      <c r="BZ26" s="254">
        <v>0</v>
      </c>
      <c r="CA26" s="259">
        <v>0</v>
      </c>
      <c r="CB26" s="253">
        <v>0</v>
      </c>
      <c r="CC26" s="257">
        <v>0</v>
      </c>
      <c r="CD26" s="254">
        <v>0</v>
      </c>
      <c r="CE26" s="256">
        <v>0</v>
      </c>
      <c r="CF26" s="257">
        <v>0</v>
      </c>
      <c r="CG26" s="257">
        <v>0</v>
      </c>
      <c r="CH26" s="257">
        <v>0</v>
      </c>
      <c r="CI26" s="257">
        <v>0</v>
      </c>
      <c r="CJ26" s="257">
        <v>0</v>
      </c>
      <c r="CK26" s="254">
        <v>0</v>
      </c>
      <c r="CL26" s="259">
        <v>0</v>
      </c>
      <c r="CM26" s="253">
        <v>0</v>
      </c>
      <c r="CN26" s="257">
        <v>0</v>
      </c>
      <c r="CO26" s="254">
        <v>0</v>
      </c>
      <c r="CP26" s="256">
        <v>0</v>
      </c>
      <c r="CQ26" s="257">
        <v>0</v>
      </c>
      <c r="CR26" s="257">
        <v>0</v>
      </c>
      <c r="CS26" s="257">
        <v>0</v>
      </c>
      <c r="CT26" s="257">
        <v>0</v>
      </c>
      <c r="CU26" s="257">
        <v>0</v>
      </c>
      <c r="CV26" s="254">
        <v>0</v>
      </c>
      <c r="CW26" s="259">
        <v>0</v>
      </c>
    </row>
    <row r="27" spans="2:101" ht="21" customHeight="1" x14ac:dyDescent="0.2">
      <c r="B27" s="437" t="s">
        <v>25</v>
      </c>
      <c r="C27" s="253">
        <v>0</v>
      </c>
      <c r="D27" s="254">
        <v>0</v>
      </c>
      <c r="E27" s="255">
        <v>0</v>
      </c>
      <c r="F27" s="256">
        <v>0</v>
      </c>
      <c r="G27" s="257">
        <v>0</v>
      </c>
      <c r="H27" s="257">
        <v>0</v>
      </c>
      <c r="I27" s="257">
        <v>0</v>
      </c>
      <c r="J27" s="257">
        <v>0</v>
      </c>
      <c r="K27" s="257">
        <v>0</v>
      </c>
      <c r="L27" s="258">
        <v>0</v>
      </c>
      <c r="M27" s="259">
        <v>0</v>
      </c>
      <c r="N27" s="253">
        <v>0</v>
      </c>
      <c r="O27" s="257">
        <v>0</v>
      </c>
      <c r="P27" s="254">
        <v>0</v>
      </c>
      <c r="Q27" s="256">
        <v>0</v>
      </c>
      <c r="R27" s="257">
        <v>0</v>
      </c>
      <c r="S27" s="257">
        <v>0</v>
      </c>
      <c r="T27" s="257">
        <v>0</v>
      </c>
      <c r="U27" s="257">
        <v>0</v>
      </c>
      <c r="V27" s="257">
        <v>0</v>
      </c>
      <c r="W27" s="254">
        <v>0</v>
      </c>
      <c r="X27" s="259">
        <v>0</v>
      </c>
      <c r="Y27" s="253">
        <v>0</v>
      </c>
      <c r="Z27" s="257">
        <v>0</v>
      </c>
      <c r="AA27" s="254">
        <v>0</v>
      </c>
      <c r="AB27" s="256">
        <v>0</v>
      </c>
      <c r="AC27" s="257">
        <v>4</v>
      </c>
      <c r="AD27" s="257">
        <v>1</v>
      </c>
      <c r="AE27" s="257">
        <v>0</v>
      </c>
      <c r="AF27" s="257">
        <v>0</v>
      </c>
      <c r="AG27" s="257">
        <v>0</v>
      </c>
      <c r="AH27" s="254">
        <v>5</v>
      </c>
      <c r="AI27" s="259">
        <v>5</v>
      </c>
      <c r="AJ27" s="253">
        <v>0</v>
      </c>
      <c r="AK27" s="257">
        <v>0</v>
      </c>
      <c r="AL27" s="254">
        <v>0</v>
      </c>
      <c r="AM27" s="256">
        <v>0</v>
      </c>
      <c r="AN27" s="257">
        <v>0</v>
      </c>
      <c r="AO27" s="257">
        <v>0</v>
      </c>
      <c r="AP27" s="257">
        <v>0</v>
      </c>
      <c r="AQ27" s="257">
        <v>0</v>
      </c>
      <c r="AR27" s="257">
        <v>0</v>
      </c>
      <c r="AS27" s="254">
        <v>0</v>
      </c>
      <c r="AT27" s="259">
        <v>0</v>
      </c>
      <c r="AU27" s="253">
        <v>0</v>
      </c>
      <c r="AV27" s="257">
        <v>0</v>
      </c>
      <c r="AW27" s="254">
        <v>0</v>
      </c>
      <c r="AX27" s="256">
        <v>0</v>
      </c>
      <c r="AY27" s="257">
        <v>0</v>
      </c>
      <c r="AZ27" s="257">
        <v>0</v>
      </c>
      <c r="BA27" s="257">
        <v>0</v>
      </c>
      <c r="BB27" s="257">
        <v>0</v>
      </c>
      <c r="BC27" s="257">
        <v>0</v>
      </c>
      <c r="BD27" s="254">
        <v>0</v>
      </c>
      <c r="BE27" s="259">
        <v>0</v>
      </c>
      <c r="BF27" s="253">
        <v>0</v>
      </c>
      <c r="BG27" s="257">
        <v>0</v>
      </c>
      <c r="BH27" s="254">
        <v>0</v>
      </c>
      <c r="BI27" s="256">
        <v>0</v>
      </c>
      <c r="BJ27" s="257">
        <v>1</v>
      </c>
      <c r="BK27" s="257">
        <v>0</v>
      </c>
      <c r="BL27" s="257">
        <v>0</v>
      </c>
      <c r="BM27" s="257">
        <v>0</v>
      </c>
      <c r="BN27" s="257">
        <v>0</v>
      </c>
      <c r="BO27" s="258">
        <v>1</v>
      </c>
      <c r="BP27" s="259">
        <v>1</v>
      </c>
      <c r="BQ27" s="253">
        <v>0</v>
      </c>
      <c r="BR27" s="257">
        <v>0</v>
      </c>
      <c r="BS27" s="254">
        <v>0</v>
      </c>
      <c r="BT27" s="256">
        <v>0</v>
      </c>
      <c r="BU27" s="257">
        <v>0</v>
      </c>
      <c r="BV27" s="257">
        <v>0</v>
      </c>
      <c r="BW27" s="257">
        <v>0</v>
      </c>
      <c r="BX27" s="257">
        <v>0</v>
      </c>
      <c r="BY27" s="257">
        <v>0</v>
      </c>
      <c r="BZ27" s="254">
        <v>0</v>
      </c>
      <c r="CA27" s="259">
        <v>0</v>
      </c>
      <c r="CB27" s="253">
        <v>0</v>
      </c>
      <c r="CC27" s="257">
        <v>0</v>
      </c>
      <c r="CD27" s="254">
        <v>0</v>
      </c>
      <c r="CE27" s="256">
        <v>0</v>
      </c>
      <c r="CF27" s="257">
        <v>0</v>
      </c>
      <c r="CG27" s="257">
        <v>0</v>
      </c>
      <c r="CH27" s="257">
        <v>0</v>
      </c>
      <c r="CI27" s="257">
        <v>0</v>
      </c>
      <c r="CJ27" s="257">
        <v>0</v>
      </c>
      <c r="CK27" s="254">
        <v>0</v>
      </c>
      <c r="CL27" s="259">
        <v>0</v>
      </c>
      <c r="CM27" s="253">
        <v>0</v>
      </c>
      <c r="CN27" s="257">
        <v>0</v>
      </c>
      <c r="CO27" s="254">
        <v>0</v>
      </c>
      <c r="CP27" s="256">
        <v>0</v>
      </c>
      <c r="CQ27" s="257">
        <v>0</v>
      </c>
      <c r="CR27" s="257">
        <v>0</v>
      </c>
      <c r="CS27" s="257">
        <v>0</v>
      </c>
      <c r="CT27" s="257">
        <v>0</v>
      </c>
      <c r="CU27" s="257">
        <v>0</v>
      </c>
      <c r="CV27" s="254">
        <v>0</v>
      </c>
      <c r="CW27" s="259">
        <v>0</v>
      </c>
    </row>
    <row r="28" spans="2:101" ht="21" customHeight="1" x14ac:dyDescent="0.2">
      <c r="B28" s="437" t="s">
        <v>26</v>
      </c>
      <c r="C28" s="253">
        <v>0</v>
      </c>
      <c r="D28" s="254">
        <v>0</v>
      </c>
      <c r="E28" s="255">
        <v>0</v>
      </c>
      <c r="F28" s="256">
        <v>0</v>
      </c>
      <c r="G28" s="257">
        <v>0</v>
      </c>
      <c r="H28" s="257">
        <v>0</v>
      </c>
      <c r="I28" s="257">
        <v>0</v>
      </c>
      <c r="J28" s="257">
        <v>0</v>
      </c>
      <c r="K28" s="257">
        <v>0</v>
      </c>
      <c r="L28" s="258">
        <v>0</v>
      </c>
      <c r="M28" s="259">
        <v>0</v>
      </c>
      <c r="N28" s="253">
        <v>0</v>
      </c>
      <c r="O28" s="257">
        <v>0</v>
      </c>
      <c r="P28" s="254">
        <v>0</v>
      </c>
      <c r="Q28" s="256">
        <v>0</v>
      </c>
      <c r="R28" s="257">
        <v>0</v>
      </c>
      <c r="S28" s="257">
        <v>0</v>
      </c>
      <c r="T28" s="257">
        <v>0</v>
      </c>
      <c r="U28" s="257">
        <v>0</v>
      </c>
      <c r="V28" s="257">
        <v>0</v>
      </c>
      <c r="W28" s="254">
        <v>0</v>
      </c>
      <c r="X28" s="259">
        <v>0</v>
      </c>
      <c r="Y28" s="253">
        <v>0</v>
      </c>
      <c r="Z28" s="257">
        <v>0</v>
      </c>
      <c r="AA28" s="254">
        <v>0</v>
      </c>
      <c r="AB28" s="256">
        <v>0</v>
      </c>
      <c r="AC28" s="257">
        <v>2</v>
      </c>
      <c r="AD28" s="257">
        <v>2</v>
      </c>
      <c r="AE28" s="257">
        <v>2</v>
      </c>
      <c r="AF28" s="257">
        <v>0</v>
      </c>
      <c r="AG28" s="257">
        <v>1</v>
      </c>
      <c r="AH28" s="254">
        <v>7</v>
      </c>
      <c r="AI28" s="259">
        <v>7</v>
      </c>
      <c r="AJ28" s="253">
        <v>0</v>
      </c>
      <c r="AK28" s="257">
        <v>0</v>
      </c>
      <c r="AL28" s="254">
        <v>0</v>
      </c>
      <c r="AM28" s="256">
        <v>0</v>
      </c>
      <c r="AN28" s="257">
        <v>0</v>
      </c>
      <c r="AO28" s="257">
        <v>0</v>
      </c>
      <c r="AP28" s="257">
        <v>0</v>
      </c>
      <c r="AQ28" s="257">
        <v>0</v>
      </c>
      <c r="AR28" s="257">
        <v>0</v>
      </c>
      <c r="AS28" s="254">
        <v>0</v>
      </c>
      <c r="AT28" s="259">
        <v>0</v>
      </c>
      <c r="AU28" s="253">
        <v>0</v>
      </c>
      <c r="AV28" s="257">
        <v>0</v>
      </c>
      <c r="AW28" s="254">
        <v>0</v>
      </c>
      <c r="AX28" s="256">
        <v>0</v>
      </c>
      <c r="AY28" s="257">
        <v>0</v>
      </c>
      <c r="AZ28" s="257">
        <v>1</v>
      </c>
      <c r="BA28" s="257">
        <v>0</v>
      </c>
      <c r="BB28" s="257">
        <v>0</v>
      </c>
      <c r="BC28" s="257">
        <v>0</v>
      </c>
      <c r="BD28" s="254">
        <v>1</v>
      </c>
      <c r="BE28" s="259">
        <v>1</v>
      </c>
      <c r="BF28" s="253">
        <v>0</v>
      </c>
      <c r="BG28" s="257">
        <v>0</v>
      </c>
      <c r="BH28" s="254">
        <v>0</v>
      </c>
      <c r="BI28" s="256">
        <v>0</v>
      </c>
      <c r="BJ28" s="257">
        <v>0</v>
      </c>
      <c r="BK28" s="257">
        <v>1</v>
      </c>
      <c r="BL28" s="257">
        <v>2</v>
      </c>
      <c r="BM28" s="257">
        <v>1</v>
      </c>
      <c r="BN28" s="257">
        <v>0</v>
      </c>
      <c r="BO28" s="258">
        <v>4</v>
      </c>
      <c r="BP28" s="259">
        <v>4</v>
      </c>
      <c r="BQ28" s="253">
        <v>0</v>
      </c>
      <c r="BR28" s="257">
        <v>0</v>
      </c>
      <c r="BS28" s="254">
        <v>0</v>
      </c>
      <c r="BT28" s="256">
        <v>0</v>
      </c>
      <c r="BU28" s="257">
        <v>0</v>
      </c>
      <c r="BV28" s="257">
        <v>0</v>
      </c>
      <c r="BW28" s="257">
        <v>0</v>
      </c>
      <c r="BX28" s="257">
        <v>0</v>
      </c>
      <c r="BY28" s="257">
        <v>0</v>
      </c>
      <c r="BZ28" s="254">
        <v>0</v>
      </c>
      <c r="CA28" s="259">
        <v>0</v>
      </c>
      <c r="CB28" s="253">
        <v>0</v>
      </c>
      <c r="CC28" s="257">
        <v>0</v>
      </c>
      <c r="CD28" s="254">
        <v>0</v>
      </c>
      <c r="CE28" s="256">
        <v>0</v>
      </c>
      <c r="CF28" s="257">
        <v>0</v>
      </c>
      <c r="CG28" s="257">
        <v>0</v>
      </c>
      <c r="CH28" s="257">
        <v>0</v>
      </c>
      <c r="CI28" s="257">
        <v>0</v>
      </c>
      <c r="CJ28" s="257">
        <v>0</v>
      </c>
      <c r="CK28" s="254">
        <v>0</v>
      </c>
      <c r="CL28" s="259">
        <v>0</v>
      </c>
      <c r="CM28" s="253">
        <v>0</v>
      </c>
      <c r="CN28" s="257">
        <v>0</v>
      </c>
      <c r="CO28" s="254">
        <v>0</v>
      </c>
      <c r="CP28" s="256">
        <v>0</v>
      </c>
      <c r="CQ28" s="257">
        <v>0</v>
      </c>
      <c r="CR28" s="257">
        <v>0</v>
      </c>
      <c r="CS28" s="257">
        <v>0</v>
      </c>
      <c r="CT28" s="257">
        <v>0</v>
      </c>
      <c r="CU28" s="257">
        <v>0</v>
      </c>
      <c r="CV28" s="254">
        <v>0</v>
      </c>
      <c r="CW28" s="259">
        <v>0</v>
      </c>
    </row>
    <row r="29" spans="2:101" ht="21" customHeight="1" x14ac:dyDescent="0.2">
      <c r="B29" s="437" t="s">
        <v>27</v>
      </c>
      <c r="C29" s="253">
        <v>0</v>
      </c>
      <c r="D29" s="254">
        <v>0</v>
      </c>
      <c r="E29" s="255">
        <v>0</v>
      </c>
      <c r="F29" s="256">
        <v>0</v>
      </c>
      <c r="G29" s="257">
        <v>0</v>
      </c>
      <c r="H29" s="257">
        <v>0</v>
      </c>
      <c r="I29" s="257">
        <v>0</v>
      </c>
      <c r="J29" s="257">
        <v>0</v>
      </c>
      <c r="K29" s="257">
        <v>0</v>
      </c>
      <c r="L29" s="258">
        <v>0</v>
      </c>
      <c r="M29" s="259">
        <v>0</v>
      </c>
      <c r="N29" s="253">
        <v>0</v>
      </c>
      <c r="O29" s="257">
        <v>0</v>
      </c>
      <c r="P29" s="254">
        <v>0</v>
      </c>
      <c r="Q29" s="256">
        <v>0</v>
      </c>
      <c r="R29" s="257">
        <v>0</v>
      </c>
      <c r="S29" s="257">
        <v>0</v>
      </c>
      <c r="T29" s="257">
        <v>0</v>
      </c>
      <c r="U29" s="257">
        <v>0</v>
      </c>
      <c r="V29" s="257">
        <v>0</v>
      </c>
      <c r="W29" s="254">
        <v>0</v>
      </c>
      <c r="X29" s="259">
        <v>0</v>
      </c>
      <c r="Y29" s="253">
        <v>0</v>
      </c>
      <c r="Z29" s="257">
        <v>0</v>
      </c>
      <c r="AA29" s="254">
        <v>0</v>
      </c>
      <c r="AB29" s="256">
        <v>0</v>
      </c>
      <c r="AC29" s="257">
        <v>3</v>
      </c>
      <c r="AD29" s="257">
        <v>2</v>
      </c>
      <c r="AE29" s="257">
        <v>0</v>
      </c>
      <c r="AF29" s="257">
        <v>0</v>
      </c>
      <c r="AG29" s="257">
        <v>0</v>
      </c>
      <c r="AH29" s="254">
        <v>5</v>
      </c>
      <c r="AI29" s="259">
        <v>5</v>
      </c>
      <c r="AJ29" s="253">
        <v>0</v>
      </c>
      <c r="AK29" s="257">
        <v>0</v>
      </c>
      <c r="AL29" s="254">
        <v>0</v>
      </c>
      <c r="AM29" s="256">
        <v>0</v>
      </c>
      <c r="AN29" s="257">
        <v>0</v>
      </c>
      <c r="AO29" s="257">
        <v>1</v>
      </c>
      <c r="AP29" s="257">
        <v>1</v>
      </c>
      <c r="AQ29" s="257">
        <v>0</v>
      </c>
      <c r="AR29" s="257">
        <v>0</v>
      </c>
      <c r="AS29" s="254">
        <v>2</v>
      </c>
      <c r="AT29" s="259">
        <v>2</v>
      </c>
      <c r="AU29" s="253">
        <v>0</v>
      </c>
      <c r="AV29" s="257">
        <v>0</v>
      </c>
      <c r="AW29" s="254">
        <v>0</v>
      </c>
      <c r="AX29" s="256">
        <v>0</v>
      </c>
      <c r="AY29" s="257">
        <v>0</v>
      </c>
      <c r="AZ29" s="257">
        <v>0</v>
      </c>
      <c r="BA29" s="257">
        <v>0</v>
      </c>
      <c r="BB29" s="257">
        <v>0</v>
      </c>
      <c r="BC29" s="257">
        <v>0</v>
      </c>
      <c r="BD29" s="254">
        <v>0</v>
      </c>
      <c r="BE29" s="259">
        <v>0</v>
      </c>
      <c r="BF29" s="253">
        <v>0</v>
      </c>
      <c r="BG29" s="257">
        <v>0</v>
      </c>
      <c r="BH29" s="254">
        <v>0</v>
      </c>
      <c r="BI29" s="256">
        <v>0</v>
      </c>
      <c r="BJ29" s="257">
        <v>0</v>
      </c>
      <c r="BK29" s="257">
        <v>0</v>
      </c>
      <c r="BL29" s="257">
        <v>0</v>
      </c>
      <c r="BM29" s="257">
        <v>0</v>
      </c>
      <c r="BN29" s="257">
        <v>0</v>
      </c>
      <c r="BO29" s="258">
        <v>0</v>
      </c>
      <c r="BP29" s="259">
        <v>0</v>
      </c>
      <c r="BQ29" s="253">
        <v>0</v>
      </c>
      <c r="BR29" s="257">
        <v>0</v>
      </c>
      <c r="BS29" s="254">
        <v>0</v>
      </c>
      <c r="BT29" s="256">
        <v>0</v>
      </c>
      <c r="BU29" s="257">
        <v>0</v>
      </c>
      <c r="BV29" s="257">
        <v>0</v>
      </c>
      <c r="BW29" s="257">
        <v>0</v>
      </c>
      <c r="BX29" s="257">
        <v>0</v>
      </c>
      <c r="BY29" s="257">
        <v>0</v>
      </c>
      <c r="BZ29" s="254">
        <v>0</v>
      </c>
      <c r="CA29" s="259">
        <v>0</v>
      </c>
      <c r="CB29" s="253">
        <v>0</v>
      </c>
      <c r="CC29" s="257">
        <v>0</v>
      </c>
      <c r="CD29" s="254">
        <v>0</v>
      </c>
      <c r="CE29" s="256">
        <v>0</v>
      </c>
      <c r="CF29" s="257">
        <v>0</v>
      </c>
      <c r="CG29" s="257">
        <v>0</v>
      </c>
      <c r="CH29" s="257">
        <v>0</v>
      </c>
      <c r="CI29" s="257">
        <v>0</v>
      </c>
      <c r="CJ29" s="257">
        <v>0</v>
      </c>
      <c r="CK29" s="254">
        <v>0</v>
      </c>
      <c r="CL29" s="259">
        <v>0</v>
      </c>
      <c r="CM29" s="253">
        <v>0</v>
      </c>
      <c r="CN29" s="257">
        <v>0</v>
      </c>
      <c r="CO29" s="254">
        <v>0</v>
      </c>
      <c r="CP29" s="256">
        <v>0</v>
      </c>
      <c r="CQ29" s="257">
        <v>0</v>
      </c>
      <c r="CR29" s="257">
        <v>0</v>
      </c>
      <c r="CS29" s="257">
        <v>0</v>
      </c>
      <c r="CT29" s="257">
        <v>0</v>
      </c>
      <c r="CU29" s="257">
        <v>0</v>
      </c>
      <c r="CV29" s="254">
        <v>0</v>
      </c>
      <c r="CW29" s="259">
        <v>0</v>
      </c>
    </row>
    <row r="30" spans="2:101" ht="21" customHeight="1" x14ac:dyDescent="0.2">
      <c r="B30" s="437" t="s">
        <v>28</v>
      </c>
      <c r="C30" s="253">
        <v>0</v>
      </c>
      <c r="D30" s="254">
        <v>0</v>
      </c>
      <c r="E30" s="255">
        <v>0</v>
      </c>
      <c r="F30" s="256">
        <v>0</v>
      </c>
      <c r="G30" s="257">
        <v>0</v>
      </c>
      <c r="H30" s="257">
        <v>0</v>
      </c>
      <c r="I30" s="257">
        <v>0</v>
      </c>
      <c r="J30" s="257">
        <v>0</v>
      </c>
      <c r="K30" s="257">
        <v>0</v>
      </c>
      <c r="L30" s="258">
        <v>0</v>
      </c>
      <c r="M30" s="259">
        <v>0</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6</v>
      </c>
      <c r="AD30" s="257">
        <v>0</v>
      </c>
      <c r="AE30" s="257">
        <v>0</v>
      </c>
      <c r="AF30" s="257">
        <v>0</v>
      </c>
      <c r="AG30" s="257">
        <v>0</v>
      </c>
      <c r="AH30" s="254">
        <v>6</v>
      </c>
      <c r="AI30" s="259">
        <v>6</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0</v>
      </c>
      <c r="AZ30" s="257">
        <v>0</v>
      </c>
      <c r="BA30" s="257">
        <v>0</v>
      </c>
      <c r="BB30" s="257">
        <v>0</v>
      </c>
      <c r="BC30" s="257">
        <v>0</v>
      </c>
      <c r="BD30" s="254">
        <v>0</v>
      </c>
      <c r="BE30" s="259">
        <v>0</v>
      </c>
      <c r="BF30" s="253">
        <v>0</v>
      </c>
      <c r="BG30" s="257">
        <v>0</v>
      </c>
      <c r="BH30" s="254">
        <v>0</v>
      </c>
      <c r="BI30" s="256">
        <v>0</v>
      </c>
      <c r="BJ30" s="257">
        <v>0</v>
      </c>
      <c r="BK30" s="257">
        <v>1</v>
      </c>
      <c r="BL30" s="257">
        <v>1</v>
      </c>
      <c r="BM30" s="257">
        <v>0</v>
      </c>
      <c r="BN30" s="257">
        <v>0</v>
      </c>
      <c r="BO30" s="258">
        <v>2</v>
      </c>
      <c r="BP30" s="259">
        <v>2</v>
      </c>
      <c r="BQ30" s="253">
        <v>0</v>
      </c>
      <c r="BR30" s="257">
        <v>0</v>
      </c>
      <c r="BS30" s="254">
        <v>0</v>
      </c>
      <c r="BT30" s="256">
        <v>0</v>
      </c>
      <c r="BU30" s="257">
        <v>0</v>
      </c>
      <c r="BV30" s="257">
        <v>0</v>
      </c>
      <c r="BW30" s="257">
        <v>0</v>
      </c>
      <c r="BX30" s="257">
        <v>0</v>
      </c>
      <c r="BY30" s="257">
        <v>0</v>
      </c>
      <c r="BZ30" s="254">
        <v>0</v>
      </c>
      <c r="CA30" s="259">
        <v>0</v>
      </c>
      <c r="CB30" s="253">
        <v>0</v>
      </c>
      <c r="CC30" s="257">
        <v>0</v>
      </c>
      <c r="CD30" s="254">
        <v>0</v>
      </c>
      <c r="CE30" s="256">
        <v>0</v>
      </c>
      <c r="CF30" s="257">
        <v>0</v>
      </c>
      <c r="CG30" s="257">
        <v>0</v>
      </c>
      <c r="CH30" s="257">
        <v>0</v>
      </c>
      <c r="CI30" s="257">
        <v>0</v>
      </c>
      <c r="CJ30" s="257">
        <v>0</v>
      </c>
      <c r="CK30" s="254">
        <v>0</v>
      </c>
      <c r="CL30" s="259">
        <v>0</v>
      </c>
      <c r="CM30" s="253">
        <v>0</v>
      </c>
      <c r="CN30" s="257">
        <v>0</v>
      </c>
      <c r="CO30" s="254">
        <v>0</v>
      </c>
      <c r="CP30" s="256">
        <v>0</v>
      </c>
      <c r="CQ30" s="257">
        <v>0</v>
      </c>
      <c r="CR30" s="257">
        <v>0</v>
      </c>
      <c r="CS30" s="257">
        <v>0</v>
      </c>
      <c r="CT30" s="257">
        <v>0</v>
      </c>
      <c r="CU30" s="257">
        <v>0</v>
      </c>
      <c r="CV30" s="254">
        <v>0</v>
      </c>
      <c r="CW30" s="259">
        <v>0</v>
      </c>
    </row>
    <row r="31" spans="2:101" ht="21" customHeight="1" x14ac:dyDescent="0.2">
      <c r="B31" s="437" t="s">
        <v>29</v>
      </c>
      <c r="C31" s="253">
        <v>0</v>
      </c>
      <c r="D31" s="254">
        <v>0</v>
      </c>
      <c r="E31" s="255">
        <v>0</v>
      </c>
      <c r="F31" s="256">
        <v>0</v>
      </c>
      <c r="G31" s="257">
        <v>1</v>
      </c>
      <c r="H31" s="257">
        <v>0</v>
      </c>
      <c r="I31" s="257">
        <v>0</v>
      </c>
      <c r="J31" s="257">
        <v>0</v>
      </c>
      <c r="K31" s="257">
        <v>0</v>
      </c>
      <c r="L31" s="258">
        <v>1</v>
      </c>
      <c r="M31" s="259">
        <v>1</v>
      </c>
      <c r="N31" s="253">
        <v>0</v>
      </c>
      <c r="O31" s="257">
        <v>0</v>
      </c>
      <c r="P31" s="254">
        <v>0</v>
      </c>
      <c r="Q31" s="256">
        <v>0</v>
      </c>
      <c r="R31" s="257">
        <v>0</v>
      </c>
      <c r="S31" s="257">
        <v>0</v>
      </c>
      <c r="T31" s="257">
        <v>0</v>
      </c>
      <c r="U31" s="257">
        <v>0</v>
      </c>
      <c r="V31" s="257">
        <v>0</v>
      </c>
      <c r="W31" s="254">
        <v>0</v>
      </c>
      <c r="X31" s="259">
        <v>0</v>
      </c>
      <c r="Y31" s="253">
        <v>0</v>
      </c>
      <c r="Z31" s="257">
        <v>0</v>
      </c>
      <c r="AA31" s="254">
        <v>0</v>
      </c>
      <c r="AB31" s="256">
        <v>0</v>
      </c>
      <c r="AC31" s="257">
        <v>2</v>
      </c>
      <c r="AD31" s="257">
        <v>0</v>
      </c>
      <c r="AE31" s="257">
        <v>0</v>
      </c>
      <c r="AF31" s="257">
        <v>1</v>
      </c>
      <c r="AG31" s="257">
        <v>0</v>
      </c>
      <c r="AH31" s="254">
        <v>3</v>
      </c>
      <c r="AI31" s="259">
        <v>3</v>
      </c>
      <c r="AJ31" s="253">
        <v>0</v>
      </c>
      <c r="AK31" s="257">
        <v>0</v>
      </c>
      <c r="AL31" s="254">
        <v>0</v>
      </c>
      <c r="AM31" s="256">
        <v>0</v>
      </c>
      <c r="AN31" s="257">
        <v>0</v>
      </c>
      <c r="AO31" s="257">
        <v>0</v>
      </c>
      <c r="AP31" s="257">
        <v>0</v>
      </c>
      <c r="AQ31" s="257">
        <v>0</v>
      </c>
      <c r="AR31" s="257">
        <v>0</v>
      </c>
      <c r="AS31" s="254">
        <v>0</v>
      </c>
      <c r="AT31" s="259">
        <v>0</v>
      </c>
      <c r="AU31" s="253">
        <v>0</v>
      </c>
      <c r="AV31" s="257">
        <v>0</v>
      </c>
      <c r="AW31" s="254">
        <v>0</v>
      </c>
      <c r="AX31" s="256">
        <v>0</v>
      </c>
      <c r="AY31" s="257">
        <v>2</v>
      </c>
      <c r="AZ31" s="257">
        <v>2</v>
      </c>
      <c r="BA31" s="257">
        <v>0</v>
      </c>
      <c r="BB31" s="257">
        <v>0</v>
      </c>
      <c r="BC31" s="257">
        <v>0</v>
      </c>
      <c r="BD31" s="254">
        <v>4</v>
      </c>
      <c r="BE31" s="259">
        <v>4</v>
      </c>
      <c r="BF31" s="253">
        <v>0</v>
      </c>
      <c r="BG31" s="257">
        <v>0</v>
      </c>
      <c r="BH31" s="254">
        <v>0</v>
      </c>
      <c r="BI31" s="256">
        <v>0</v>
      </c>
      <c r="BJ31" s="257">
        <v>0</v>
      </c>
      <c r="BK31" s="257">
        <v>0</v>
      </c>
      <c r="BL31" s="257">
        <v>0</v>
      </c>
      <c r="BM31" s="257">
        <v>0</v>
      </c>
      <c r="BN31" s="257">
        <v>0</v>
      </c>
      <c r="BO31" s="258">
        <v>0</v>
      </c>
      <c r="BP31" s="259">
        <v>0</v>
      </c>
      <c r="BQ31" s="253">
        <v>0</v>
      </c>
      <c r="BR31" s="257">
        <v>0</v>
      </c>
      <c r="BS31" s="254">
        <v>0</v>
      </c>
      <c r="BT31" s="256">
        <v>0</v>
      </c>
      <c r="BU31" s="257">
        <v>0</v>
      </c>
      <c r="BV31" s="257">
        <v>0</v>
      </c>
      <c r="BW31" s="257">
        <v>0</v>
      </c>
      <c r="BX31" s="257">
        <v>0</v>
      </c>
      <c r="BY31" s="257">
        <v>0</v>
      </c>
      <c r="BZ31" s="254">
        <v>0</v>
      </c>
      <c r="CA31" s="259">
        <v>0</v>
      </c>
      <c r="CB31" s="253">
        <v>0</v>
      </c>
      <c r="CC31" s="257">
        <v>0</v>
      </c>
      <c r="CD31" s="254">
        <v>0</v>
      </c>
      <c r="CE31" s="256">
        <v>0</v>
      </c>
      <c r="CF31" s="257">
        <v>0</v>
      </c>
      <c r="CG31" s="257">
        <v>0</v>
      </c>
      <c r="CH31" s="257">
        <v>0</v>
      </c>
      <c r="CI31" s="257">
        <v>1</v>
      </c>
      <c r="CJ31" s="257">
        <v>0</v>
      </c>
      <c r="CK31" s="254">
        <v>1</v>
      </c>
      <c r="CL31" s="259">
        <v>1</v>
      </c>
      <c r="CM31" s="253">
        <v>0</v>
      </c>
      <c r="CN31" s="257">
        <v>0</v>
      </c>
      <c r="CO31" s="254">
        <v>0</v>
      </c>
      <c r="CP31" s="256">
        <v>0</v>
      </c>
      <c r="CQ31" s="257">
        <v>0</v>
      </c>
      <c r="CR31" s="257">
        <v>0</v>
      </c>
      <c r="CS31" s="257">
        <v>0</v>
      </c>
      <c r="CT31" s="257">
        <v>0</v>
      </c>
      <c r="CU31" s="257">
        <v>0</v>
      </c>
      <c r="CV31" s="254">
        <v>0</v>
      </c>
      <c r="CW31" s="259">
        <v>0</v>
      </c>
    </row>
    <row r="32" spans="2:101" ht="21" customHeight="1" x14ac:dyDescent="0.2">
      <c r="B32" s="437" t="s">
        <v>30</v>
      </c>
      <c r="C32" s="253">
        <v>0</v>
      </c>
      <c r="D32" s="254">
        <v>0</v>
      </c>
      <c r="E32" s="255">
        <v>0</v>
      </c>
      <c r="F32" s="256">
        <v>0</v>
      </c>
      <c r="G32" s="257">
        <v>0</v>
      </c>
      <c r="H32" s="257">
        <v>0</v>
      </c>
      <c r="I32" s="257">
        <v>0</v>
      </c>
      <c r="J32" s="257">
        <v>0</v>
      </c>
      <c r="K32" s="257">
        <v>0</v>
      </c>
      <c r="L32" s="258">
        <v>0</v>
      </c>
      <c r="M32" s="259">
        <v>0</v>
      </c>
      <c r="N32" s="253">
        <v>0</v>
      </c>
      <c r="O32" s="257">
        <v>0</v>
      </c>
      <c r="P32" s="254">
        <v>0</v>
      </c>
      <c r="Q32" s="256">
        <v>0</v>
      </c>
      <c r="R32" s="257">
        <v>0</v>
      </c>
      <c r="S32" s="257">
        <v>0</v>
      </c>
      <c r="T32" s="257">
        <v>0</v>
      </c>
      <c r="U32" s="257">
        <v>0</v>
      </c>
      <c r="V32" s="257">
        <v>0</v>
      </c>
      <c r="W32" s="254">
        <v>0</v>
      </c>
      <c r="X32" s="259">
        <v>0</v>
      </c>
      <c r="Y32" s="253">
        <v>0</v>
      </c>
      <c r="Z32" s="257">
        <v>0</v>
      </c>
      <c r="AA32" s="254">
        <v>0</v>
      </c>
      <c r="AB32" s="256">
        <v>0</v>
      </c>
      <c r="AC32" s="257">
        <v>1</v>
      </c>
      <c r="AD32" s="257">
        <v>0</v>
      </c>
      <c r="AE32" s="257">
        <v>0</v>
      </c>
      <c r="AF32" s="257">
        <v>0</v>
      </c>
      <c r="AG32" s="257">
        <v>0</v>
      </c>
      <c r="AH32" s="254">
        <v>1</v>
      </c>
      <c r="AI32" s="259">
        <v>1</v>
      </c>
      <c r="AJ32" s="253">
        <v>0</v>
      </c>
      <c r="AK32" s="257">
        <v>0</v>
      </c>
      <c r="AL32" s="254">
        <v>0</v>
      </c>
      <c r="AM32" s="256">
        <v>0</v>
      </c>
      <c r="AN32" s="257">
        <v>0</v>
      </c>
      <c r="AO32" s="257">
        <v>1</v>
      </c>
      <c r="AP32" s="257">
        <v>0</v>
      </c>
      <c r="AQ32" s="257">
        <v>0</v>
      </c>
      <c r="AR32" s="257">
        <v>0</v>
      </c>
      <c r="AS32" s="254">
        <v>1</v>
      </c>
      <c r="AT32" s="259">
        <v>1</v>
      </c>
      <c r="AU32" s="253">
        <v>0</v>
      </c>
      <c r="AV32" s="257">
        <v>0</v>
      </c>
      <c r="AW32" s="254">
        <v>0</v>
      </c>
      <c r="AX32" s="256">
        <v>0</v>
      </c>
      <c r="AY32" s="257">
        <v>0</v>
      </c>
      <c r="AZ32" s="257">
        <v>0</v>
      </c>
      <c r="BA32" s="257">
        <v>0</v>
      </c>
      <c r="BB32" s="257">
        <v>0</v>
      </c>
      <c r="BC32" s="257">
        <v>0</v>
      </c>
      <c r="BD32" s="254">
        <v>0</v>
      </c>
      <c r="BE32" s="259">
        <v>0</v>
      </c>
      <c r="BF32" s="253">
        <v>0</v>
      </c>
      <c r="BG32" s="257">
        <v>0</v>
      </c>
      <c r="BH32" s="254">
        <v>0</v>
      </c>
      <c r="BI32" s="256">
        <v>0</v>
      </c>
      <c r="BJ32" s="257">
        <v>0</v>
      </c>
      <c r="BK32" s="257">
        <v>0</v>
      </c>
      <c r="BL32" s="257">
        <v>0</v>
      </c>
      <c r="BM32" s="257">
        <v>0</v>
      </c>
      <c r="BN32" s="257">
        <v>0</v>
      </c>
      <c r="BO32" s="258">
        <v>0</v>
      </c>
      <c r="BP32" s="259">
        <v>0</v>
      </c>
      <c r="BQ32" s="253">
        <v>0</v>
      </c>
      <c r="BR32" s="257">
        <v>0</v>
      </c>
      <c r="BS32" s="254">
        <v>0</v>
      </c>
      <c r="BT32" s="256">
        <v>0</v>
      </c>
      <c r="BU32" s="257">
        <v>0</v>
      </c>
      <c r="BV32" s="257">
        <v>0</v>
      </c>
      <c r="BW32" s="257">
        <v>0</v>
      </c>
      <c r="BX32" s="257">
        <v>0</v>
      </c>
      <c r="BY32" s="257">
        <v>0</v>
      </c>
      <c r="BZ32" s="254">
        <v>0</v>
      </c>
      <c r="CA32" s="259">
        <v>0</v>
      </c>
      <c r="CB32" s="253">
        <v>0</v>
      </c>
      <c r="CC32" s="257">
        <v>0</v>
      </c>
      <c r="CD32" s="254">
        <v>0</v>
      </c>
      <c r="CE32" s="256">
        <v>0</v>
      </c>
      <c r="CF32" s="257">
        <v>0</v>
      </c>
      <c r="CG32" s="257">
        <v>0</v>
      </c>
      <c r="CH32" s="257">
        <v>0</v>
      </c>
      <c r="CI32" s="257">
        <v>0</v>
      </c>
      <c r="CJ32" s="257">
        <v>0</v>
      </c>
      <c r="CK32" s="254">
        <v>0</v>
      </c>
      <c r="CL32" s="259">
        <v>0</v>
      </c>
      <c r="CM32" s="253">
        <v>0</v>
      </c>
      <c r="CN32" s="257">
        <v>0</v>
      </c>
      <c r="CO32" s="254">
        <v>0</v>
      </c>
      <c r="CP32" s="256">
        <v>0</v>
      </c>
      <c r="CQ32" s="257">
        <v>0</v>
      </c>
      <c r="CR32" s="257">
        <v>0</v>
      </c>
      <c r="CS32" s="257">
        <v>0</v>
      </c>
      <c r="CT32" s="257">
        <v>0</v>
      </c>
      <c r="CU32" s="257">
        <v>0</v>
      </c>
      <c r="CV32" s="254">
        <v>0</v>
      </c>
      <c r="CW32" s="259">
        <v>0</v>
      </c>
    </row>
    <row r="33" spans="2:101" ht="21" customHeight="1" x14ac:dyDescent="0.2">
      <c r="B33" s="437" t="s">
        <v>31</v>
      </c>
      <c r="C33" s="253">
        <v>0</v>
      </c>
      <c r="D33" s="254">
        <v>0</v>
      </c>
      <c r="E33" s="255">
        <v>0</v>
      </c>
      <c r="F33" s="256">
        <v>0</v>
      </c>
      <c r="G33" s="257">
        <v>0</v>
      </c>
      <c r="H33" s="257">
        <v>1</v>
      </c>
      <c r="I33" s="257">
        <v>0</v>
      </c>
      <c r="J33" s="257">
        <v>0</v>
      </c>
      <c r="K33" s="257">
        <v>0</v>
      </c>
      <c r="L33" s="258">
        <v>1</v>
      </c>
      <c r="M33" s="259">
        <v>1</v>
      </c>
      <c r="N33" s="253">
        <v>0</v>
      </c>
      <c r="O33" s="257">
        <v>0</v>
      </c>
      <c r="P33" s="254">
        <v>0</v>
      </c>
      <c r="Q33" s="256">
        <v>0</v>
      </c>
      <c r="R33" s="257">
        <v>0</v>
      </c>
      <c r="S33" s="257">
        <v>0</v>
      </c>
      <c r="T33" s="257">
        <v>0</v>
      </c>
      <c r="U33" s="257">
        <v>0</v>
      </c>
      <c r="V33" s="257">
        <v>0</v>
      </c>
      <c r="W33" s="254">
        <v>0</v>
      </c>
      <c r="X33" s="259">
        <v>0</v>
      </c>
      <c r="Y33" s="253">
        <v>0</v>
      </c>
      <c r="Z33" s="257">
        <v>0</v>
      </c>
      <c r="AA33" s="254">
        <v>0</v>
      </c>
      <c r="AB33" s="256">
        <v>0</v>
      </c>
      <c r="AC33" s="257">
        <v>2</v>
      </c>
      <c r="AD33" s="257">
        <v>1</v>
      </c>
      <c r="AE33" s="257">
        <v>1</v>
      </c>
      <c r="AF33" s="257">
        <v>0</v>
      </c>
      <c r="AG33" s="257">
        <v>0</v>
      </c>
      <c r="AH33" s="254">
        <v>4</v>
      </c>
      <c r="AI33" s="259">
        <v>4</v>
      </c>
      <c r="AJ33" s="253">
        <v>0</v>
      </c>
      <c r="AK33" s="257">
        <v>0</v>
      </c>
      <c r="AL33" s="254">
        <v>0</v>
      </c>
      <c r="AM33" s="256">
        <v>0</v>
      </c>
      <c r="AN33" s="257">
        <v>0</v>
      </c>
      <c r="AO33" s="257">
        <v>0</v>
      </c>
      <c r="AP33" s="257">
        <v>0</v>
      </c>
      <c r="AQ33" s="257">
        <v>0</v>
      </c>
      <c r="AR33" s="257">
        <v>0</v>
      </c>
      <c r="AS33" s="254">
        <v>0</v>
      </c>
      <c r="AT33" s="259">
        <v>0</v>
      </c>
      <c r="AU33" s="253">
        <v>0</v>
      </c>
      <c r="AV33" s="257">
        <v>0</v>
      </c>
      <c r="AW33" s="254">
        <v>0</v>
      </c>
      <c r="AX33" s="256">
        <v>0</v>
      </c>
      <c r="AY33" s="257">
        <v>0</v>
      </c>
      <c r="AZ33" s="257">
        <v>1</v>
      </c>
      <c r="BA33" s="257">
        <v>0</v>
      </c>
      <c r="BB33" s="257">
        <v>0</v>
      </c>
      <c r="BC33" s="257">
        <v>0</v>
      </c>
      <c r="BD33" s="254">
        <v>1</v>
      </c>
      <c r="BE33" s="259">
        <v>1</v>
      </c>
      <c r="BF33" s="253">
        <v>0</v>
      </c>
      <c r="BG33" s="257">
        <v>0</v>
      </c>
      <c r="BH33" s="254">
        <v>0</v>
      </c>
      <c r="BI33" s="256">
        <v>0</v>
      </c>
      <c r="BJ33" s="257">
        <v>0</v>
      </c>
      <c r="BK33" s="257">
        <v>0</v>
      </c>
      <c r="BL33" s="257">
        <v>0</v>
      </c>
      <c r="BM33" s="257">
        <v>0</v>
      </c>
      <c r="BN33" s="257">
        <v>0</v>
      </c>
      <c r="BO33" s="258">
        <v>0</v>
      </c>
      <c r="BP33" s="259">
        <v>0</v>
      </c>
      <c r="BQ33" s="253">
        <v>0</v>
      </c>
      <c r="BR33" s="257">
        <v>0</v>
      </c>
      <c r="BS33" s="254">
        <v>0</v>
      </c>
      <c r="BT33" s="256">
        <v>0</v>
      </c>
      <c r="BU33" s="257">
        <v>0</v>
      </c>
      <c r="BV33" s="257">
        <v>0</v>
      </c>
      <c r="BW33" s="257">
        <v>0</v>
      </c>
      <c r="BX33" s="257">
        <v>0</v>
      </c>
      <c r="BY33" s="257">
        <v>0</v>
      </c>
      <c r="BZ33" s="254">
        <v>0</v>
      </c>
      <c r="CA33" s="259">
        <v>0</v>
      </c>
      <c r="CB33" s="253">
        <v>0</v>
      </c>
      <c r="CC33" s="257">
        <v>0</v>
      </c>
      <c r="CD33" s="254">
        <v>0</v>
      </c>
      <c r="CE33" s="256">
        <v>0</v>
      </c>
      <c r="CF33" s="257">
        <v>0</v>
      </c>
      <c r="CG33" s="257">
        <v>0</v>
      </c>
      <c r="CH33" s="257">
        <v>0</v>
      </c>
      <c r="CI33" s="257">
        <v>0</v>
      </c>
      <c r="CJ33" s="257">
        <v>0</v>
      </c>
      <c r="CK33" s="254">
        <v>0</v>
      </c>
      <c r="CL33" s="259">
        <v>0</v>
      </c>
      <c r="CM33" s="253">
        <v>0</v>
      </c>
      <c r="CN33" s="257">
        <v>0</v>
      </c>
      <c r="CO33" s="254">
        <v>0</v>
      </c>
      <c r="CP33" s="256">
        <v>0</v>
      </c>
      <c r="CQ33" s="257">
        <v>0</v>
      </c>
      <c r="CR33" s="257">
        <v>0</v>
      </c>
      <c r="CS33" s="257">
        <v>0</v>
      </c>
      <c r="CT33" s="257">
        <v>0</v>
      </c>
      <c r="CU33" s="257">
        <v>0</v>
      </c>
      <c r="CV33" s="254">
        <v>0</v>
      </c>
      <c r="CW33" s="259">
        <v>0</v>
      </c>
    </row>
    <row r="34" spans="2:101" ht="21" customHeight="1" x14ac:dyDescent="0.2">
      <c r="B34" s="437" t="s">
        <v>32</v>
      </c>
      <c r="C34" s="253">
        <v>0</v>
      </c>
      <c r="D34" s="254">
        <v>0</v>
      </c>
      <c r="E34" s="255">
        <v>0</v>
      </c>
      <c r="F34" s="256">
        <v>0</v>
      </c>
      <c r="G34" s="257">
        <v>1</v>
      </c>
      <c r="H34" s="257">
        <v>1</v>
      </c>
      <c r="I34" s="257">
        <v>0</v>
      </c>
      <c r="J34" s="257">
        <v>0</v>
      </c>
      <c r="K34" s="257">
        <v>0</v>
      </c>
      <c r="L34" s="258">
        <v>2</v>
      </c>
      <c r="M34" s="259">
        <v>2</v>
      </c>
      <c r="N34" s="253">
        <v>0</v>
      </c>
      <c r="O34" s="257">
        <v>0</v>
      </c>
      <c r="P34" s="254">
        <v>0</v>
      </c>
      <c r="Q34" s="256">
        <v>0</v>
      </c>
      <c r="R34" s="257">
        <v>0</v>
      </c>
      <c r="S34" s="257">
        <v>0</v>
      </c>
      <c r="T34" s="257">
        <v>0</v>
      </c>
      <c r="U34" s="257">
        <v>0</v>
      </c>
      <c r="V34" s="257">
        <v>0</v>
      </c>
      <c r="W34" s="254">
        <v>0</v>
      </c>
      <c r="X34" s="259">
        <v>0</v>
      </c>
      <c r="Y34" s="253">
        <v>0</v>
      </c>
      <c r="Z34" s="257">
        <v>0</v>
      </c>
      <c r="AA34" s="254">
        <v>0</v>
      </c>
      <c r="AB34" s="256">
        <v>0</v>
      </c>
      <c r="AC34" s="257">
        <v>3</v>
      </c>
      <c r="AD34" s="257">
        <v>0</v>
      </c>
      <c r="AE34" s="257">
        <v>0</v>
      </c>
      <c r="AF34" s="257">
        <v>0</v>
      </c>
      <c r="AG34" s="257">
        <v>0</v>
      </c>
      <c r="AH34" s="254">
        <v>3</v>
      </c>
      <c r="AI34" s="259">
        <v>3</v>
      </c>
      <c r="AJ34" s="253">
        <v>0</v>
      </c>
      <c r="AK34" s="257">
        <v>0</v>
      </c>
      <c r="AL34" s="254">
        <v>0</v>
      </c>
      <c r="AM34" s="256">
        <v>0</v>
      </c>
      <c r="AN34" s="257">
        <v>2</v>
      </c>
      <c r="AO34" s="257">
        <v>0</v>
      </c>
      <c r="AP34" s="257">
        <v>0</v>
      </c>
      <c r="AQ34" s="257">
        <v>0</v>
      </c>
      <c r="AR34" s="257">
        <v>0</v>
      </c>
      <c r="AS34" s="254">
        <v>2</v>
      </c>
      <c r="AT34" s="259">
        <v>2</v>
      </c>
      <c r="AU34" s="253">
        <v>0</v>
      </c>
      <c r="AV34" s="257">
        <v>0</v>
      </c>
      <c r="AW34" s="254">
        <v>0</v>
      </c>
      <c r="AX34" s="256">
        <v>0</v>
      </c>
      <c r="AY34" s="257">
        <v>0</v>
      </c>
      <c r="AZ34" s="257">
        <v>0</v>
      </c>
      <c r="BA34" s="257">
        <v>1</v>
      </c>
      <c r="BB34" s="257">
        <v>0</v>
      </c>
      <c r="BC34" s="257">
        <v>0</v>
      </c>
      <c r="BD34" s="254">
        <v>1</v>
      </c>
      <c r="BE34" s="259">
        <v>1</v>
      </c>
      <c r="BF34" s="253">
        <v>0</v>
      </c>
      <c r="BG34" s="257">
        <v>0</v>
      </c>
      <c r="BH34" s="254">
        <v>0</v>
      </c>
      <c r="BI34" s="256">
        <v>0</v>
      </c>
      <c r="BJ34" s="257">
        <v>0</v>
      </c>
      <c r="BK34" s="257">
        <v>0</v>
      </c>
      <c r="BL34" s="257">
        <v>0</v>
      </c>
      <c r="BM34" s="257">
        <v>0</v>
      </c>
      <c r="BN34" s="257">
        <v>0</v>
      </c>
      <c r="BO34" s="258">
        <v>0</v>
      </c>
      <c r="BP34" s="259">
        <v>0</v>
      </c>
      <c r="BQ34" s="253">
        <v>0</v>
      </c>
      <c r="BR34" s="257">
        <v>0</v>
      </c>
      <c r="BS34" s="254">
        <v>0</v>
      </c>
      <c r="BT34" s="256">
        <v>0</v>
      </c>
      <c r="BU34" s="257">
        <v>0</v>
      </c>
      <c r="BV34" s="257">
        <v>0</v>
      </c>
      <c r="BW34" s="257">
        <v>0</v>
      </c>
      <c r="BX34" s="257">
        <v>0</v>
      </c>
      <c r="BY34" s="257">
        <v>0</v>
      </c>
      <c r="BZ34" s="254">
        <v>0</v>
      </c>
      <c r="CA34" s="259">
        <v>0</v>
      </c>
      <c r="CB34" s="253">
        <v>0</v>
      </c>
      <c r="CC34" s="257">
        <v>0</v>
      </c>
      <c r="CD34" s="254">
        <v>0</v>
      </c>
      <c r="CE34" s="256">
        <v>0</v>
      </c>
      <c r="CF34" s="257">
        <v>0</v>
      </c>
      <c r="CG34" s="257">
        <v>0</v>
      </c>
      <c r="CH34" s="257">
        <v>0</v>
      </c>
      <c r="CI34" s="257">
        <v>0</v>
      </c>
      <c r="CJ34" s="257">
        <v>0</v>
      </c>
      <c r="CK34" s="254">
        <v>0</v>
      </c>
      <c r="CL34" s="259">
        <v>0</v>
      </c>
      <c r="CM34" s="253">
        <v>0</v>
      </c>
      <c r="CN34" s="257">
        <v>0</v>
      </c>
      <c r="CO34" s="254">
        <v>0</v>
      </c>
      <c r="CP34" s="256">
        <v>0</v>
      </c>
      <c r="CQ34" s="257">
        <v>0</v>
      </c>
      <c r="CR34" s="257">
        <v>0</v>
      </c>
      <c r="CS34" s="257">
        <v>0</v>
      </c>
      <c r="CT34" s="257">
        <v>0</v>
      </c>
      <c r="CU34" s="257">
        <v>0</v>
      </c>
      <c r="CV34" s="254">
        <v>0</v>
      </c>
      <c r="CW34" s="259">
        <v>0</v>
      </c>
    </row>
    <row r="35" spans="2:101" ht="21" customHeight="1" x14ac:dyDescent="0.2">
      <c r="B35" s="437" t="s">
        <v>33</v>
      </c>
      <c r="C35" s="253">
        <v>0</v>
      </c>
      <c r="D35" s="254">
        <v>0</v>
      </c>
      <c r="E35" s="255">
        <v>0</v>
      </c>
      <c r="F35" s="256">
        <v>0</v>
      </c>
      <c r="G35" s="257">
        <v>0</v>
      </c>
      <c r="H35" s="257">
        <v>0</v>
      </c>
      <c r="I35" s="257">
        <v>0</v>
      </c>
      <c r="J35" s="257">
        <v>0</v>
      </c>
      <c r="K35" s="257">
        <v>0</v>
      </c>
      <c r="L35" s="258">
        <v>0</v>
      </c>
      <c r="M35" s="259">
        <v>0</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0</v>
      </c>
      <c r="AD35" s="257">
        <v>0</v>
      </c>
      <c r="AE35" s="257">
        <v>1</v>
      </c>
      <c r="AF35" s="257">
        <v>1</v>
      </c>
      <c r="AG35" s="257">
        <v>0</v>
      </c>
      <c r="AH35" s="254">
        <v>2</v>
      </c>
      <c r="AI35" s="259">
        <v>2</v>
      </c>
      <c r="AJ35" s="253">
        <v>0</v>
      </c>
      <c r="AK35" s="257">
        <v>0</v>
      </c>
      <c r="AL35" s="254">
        <v>0</v>
      </c>
      <c r="AM35" s="256">
        <v>0</v>
      </c>
      <c r="AN35" s="257">
        <v>0</v>
      </c>
      <c r="AO35" s="257">
        <v>0</v>
      </c>
      <c r="AP35" s="257">
        <v>0</v>
      </c>
      <c r="AQ35" s="257">
        <v>0</v>
      </c>
      <c r="AR35" s="257">
        <v>0</v>
      </c>
      <c r="AS35" s="254">
        <v>0</v>
      </c>
      <c r="AT35" s="259">
        <v>0</v>
      </c>
      <c r="AU35" s="253">
        <v>0</v>
      </c>
      <c r="AV35" s="257">
        <v>0</v>
      </c>
      <c r="AW35" s="254">
        <v>0</v>
      </c>
      <c r="AX35" s="256">
        <v>0</v>
      </c>
      <c r="AY35" s="257">
        <v>0</v>
      </c>
      <c r="AZ35" s="257">
        <v>0</v>
      </c>
      <c r="BA35" s="257">
        <v>0</v>
      </c>
      <c r="BB35" s="257">
        <v>0</v>
      </c>
      <c r="BC35" s="257">
        <v>0</v>
      </c>
      <c r="BD35" s="254">
        <v>0</v>
      </c>
      <c r="BE35" s="259">
        <v>0</v>
      </c>
      <c r="BF35" s="253">
        <v>0</v>
      </c>
      <c r="BG35" s="257">
        <v>0</v>
      </c>
      <c r="BH35" s="254">
        <v>0</v>
      </c>
      <c r="BI35" s="256">
        <v>0</v>
      </c>
      <c r="BJ35" s="257">
        <v>0</v>
      </c>
      <c r="BK35" s="257">
        <v>0</v>
      </c>
      <c r="BL35" s="257">
        <v>1</v>
      </c>
      <c r="BM35" s="257">
        <v>0</v>
      </c>
      <c r="BN35" s="257">
        <v>0</v>
      </c>
      <c r="BO35" s="258">
        <v>1</v>
      </c>
      <c r="BP35" s="259">
        <v>1</v>
      </c>
      <c r="BQ35" s="253">
        <v>0</v>
      </c>
      <c r="BR35" s="257">
        <v>0</v>
      </c>
      <c r="BS35" s="254">
        <v>0</v>
      </c>
      <c r="BT35" s="256">
        <v>0</v>
      </c>
      <c r="BU35" s="257">
        <v>0</v>
      </c>
      <c r="BV35" s="257">
        <v>0</v>
      </c>
      <c r="BW35" s="257">
        <v>0</v>
      </c>
      <c r="BX35" s="257">
        <v>0</v>
      </c>
      <c r="BY35" s="257">
        <v>0</v>
      </c>
      <c r="BZ35" s="254">
        <v>0</v>
      </c>
      <c r="CA35" s="259">
        <v>0</v>
      </c>
      <c r="CB35" s="253">
        <v>0</v>
      </c>
      <c r="CC35" s="257">
        <v>0</v>
      </c>
      <c r="CD35" s="254">
        <v>0</v>
      </c>
      <c r="CE35" s="256">
        <v>0</v>
      </c>
      <c r="CF35" s="257">
        <v>0</v>
      </c>
      <c r="CG35" s="257">
        <v>0</v>
      </c>
      <c r="CH35" s="257">
        <v>0</v>
      </c>
      <c r="CI35" s="257">
        <v>0</v>
      </c>
      <c r="CJ35" s="257">
        <v>0</v>
      </c>
      <c r="CK35" s="254">
        <v>0</v>
      </c>
      <c r="CL35" s="259">
        <v>0</v>
      </c>
      <c r="CM35" s="253">
        <v>0</v>
      </c>
      <c r="CN35" s="257">
        <v>0</v>
      </c>
      <c r="CO35" s="254">
        <v>0</v>
      </c>
      <c r="CP35" s="256">
        <v>0</v>
      </c>
      <c r="CQ35" s="257">
        <v>0</v>
      </c>
      <c r="CR35" s="257">
        <v>0</v>
      </c>
      <c r="CS35" s="257">
        <v>0</v>
      </c>
      <c r="CT35" s="257">
        <v>0</v>
      </c>
      <c r="CU35" s="257">
        <v>1</v>
      </c>
      <c r="CV35" s="254">
        <v>1</v>
      </c>
      <c r="CW35" s="259">
        <v>1</v>
      </c>
    </row>
    <row r="36" spans="2:101" ht="21" customHeight="1" x14ac:dyDescent="0.2">
      <c r="B36" s="437" t="s">
        <v>34</v>
      </c>
      <c r="C36" s="253">
        <v>0</v>
      </c>
      <c r="D36" s="254">
        <v>0</v>
      </c>
      <c r="E36" s="255">
        <v>0</v>
      </c>
      <c r="F36" s="256">
        <v>0</v>
      </c>
      <c r="G36" s="257">
        <v>0</v>
      </c>
      <c r="H36" s="257">
        <v>0</v>
      </c>
      <c r="I36" s="257">
        <v>0</v>
      </c>
      <c r="J36" s="257">
        <v>0</v>
      </c>
      <c r="K36" s="257">
        <v>0</v>
      </c>
      <c r="L36" s="258">
        <v>0</v>
      </c>
      <c r="M36" s="259">
        <v>0</v>
      </c>
      <c r="N36" s="253">
        <v>0</v>
      </c>
      <c r="O36" s="257">
        <v>0</v>
      </c>
      <c r="P36" s="254">
        <v>0</v>
      </c>
      <c r="Q36" s="256">
        <v>0</v>
      </c>
      <c r="R36" s="257">
        <v>0</v>
      </c>
      <c r="S36" s="257">
        <v>0</v>
      </c>
      <c r="T36" s="257">
        <v>0</v>
      </c>
      <c r="U36" s="257">
        <v>0</v>
      </c>
      <c r="V36" s="257">
        <v>0</v>
      </c>
      <c r="W36" s="254">
        <v>0</v>
      </c>
      <c r="X36" s="259">
        <v>0</v>
      </c>
      <c r="Y36" s="253">
        <v>0</v>
      </c>
      <c r="Z36" s="257">
        <v>0</v>
      </c>
      <c r="AA36" s="254">
        <v>0</v>
      </c>
      <c r="AB36" s="256">
        <v>0</v>
      </c>
      <c r="AC36" s="257">
        <v>0</v>
      </c>
      <c r="AD36" s="257">
        <v>0</v>
      </c>
      <c r="AE36" s="257">
        <v>0</v>
      </c>
      <c r="AF36" s="257">
        <v>0</v>
      </c>
      <c r="AG36" s="257">
        <v>0</v>
      </c>
      <c r="AH36" s="254">
        <v>0</v>
      </c>
      <c r="AI36" s="259">
        <v>0</v>
      </c>
      <c r="AJ36" s="253">
        <v>0</v>
      </c>
      <c r="AK36" s="257">
        <v>0</v>
      </c>
      <c r="AL36" s="254">
        <v>0</v>
      </c>
      <c r="AM36" s="256">
        <v>0</v>
      </c>
      <c r="AN36" s="257">
        <v>0</v>
      </c>
      <c r="AO36" s="257">
        <v>0</v>
      </c>
      <c r="AP36" s="257">
        <v>0</v>
      </c>
      <c r="AQ36" s="257">
        <v>0</v>
      </c>
      <c r="AR36" s="257">
        <v>0</v>
      </c>
      <c r="AS36" s="254">
        <v>0</v>
      </c>
      <c r="AT36" s="259">
        <v>0</v>
      </c>
      <c r="AU36" s="253">
        <v>0</v>
      </c>
      <c r="AV36" s="257">
        <v>0</v>
      </c>
      <c r="AW36" s="254">
        <v>0</v>
      </c>
      <c r="AX36" s="256">
        <v>0</v>
      </c>
      <c r="AY36" s="257">
        <v>1</v>
      </c>
      <c r="AZ36" s="257">
        <v>0</v>
      </c>
      <c r="BA36" s="257">
        <v>0</v>
      </c>
      <c r="BB36" s="257">
        <v>0</v>
      </c>
      <c r="BC36" s="257">
        <v>0</v>
      </c>
      <c r="BD36" s="254">
        <v>1</v>
      </c>
      <c r="BE36" s="259">
        <v>1</v>
      </c>
      <c r="BF36" s="253">
        <v>0</v>
      </c>
      <c r="BG36" s="257">
        <v>0</v>
      </c>
      <c r="BH36" s="254">
        <v>0</v>
      </c>
      <c r="BI36" s="256">
        <v>0</v>
      </c>
      <c r="BJ36" s="257">
        <v>0</v>
      </c>
      <c r="BK36" s="257">
        <v>0</v>
      </c>
      <c r="BL36" s="257">
        <v>0</v>
      </c>
      <c r="BM36" s="257">
        <v>0</v>
      </c>
      <c r="BN36" s="257">
        <v>0</v>
      </c>
      <c r="BO36" s="258">
        <v>0</v>
      </c>
      <c r="BP36" s="259">
        <v>0</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0</v>
      </c>
      <c r="CR36" s="257">
        <v>0</v>
      </c>
      <c r="CS36" s="257">
        <v>0</v>
      </c>
      <c r="CT36" s="257">
        <v>0</v>
      </c>
      <c r="CU36" s="257">
        <v>0</v>
      </c>
      <c r="CV36" s="254">
        <v>0</v>
      </c>
      <c r="CW36" s="259">
        <v>0</v>
      </c>
    </row>
    <row r="37" spans="2:101" ht="21" customHeight="1" x14ac:dyDescent="0.2">
      <c r="B37" s="437" t="s">
        <v>35</v>
      </c>
      <c r="C37" s="253">
        <v>0</v>
      </c>
      <c r="D37" s="254">
        <v>0</v>
      </c>
      <c r="E37" s="255">
        <v>0</v>
      </c>
      <c r="F37" s="256">
        <v>0</v>
      </c>
      <c r="G37" s="257">
        <v>0</v>
      </c>
      <c r="H37" s="257">
        <v>0</v>
      </c>
      <c r="I37" s="257">
        <v>0</v>
      </c>
      <c r="J37" s="257">
        <v>0</v>
      </c>
      <c r="K37" s="257">
        <v>0</v>
      </c>
      <c r="L37" s="258">
        <v>0</v>
      </c>
      <c r="M37" s="259">
        <v>0</v>
      </c>
      <c r="N37" s="253">
        <v>0</v>
      </c>
      <c r="O37" s="257">
        <v>0</v>
      </c>
      <c r="P37" s="254">
        <v>0</v>
      </c>
      <c r="Q37" s="256">
        <v>0</v>
      </c>
      <c r="R37" s="257">
        <v>0</v>
      </c>
      <c r="S37" s="257">
        <v>0</v>
      </c>
      <c r="T37" s="257">
        <v>0</v>
      </c>
      <c r="U37" s="257">
        <v>0</v>
      </c>
      <c r="V37" s="257">
        <v>0</v>
      </c>
      <c r="W37" s="254">
        <v>0</v>
      </c>
      <c r="X37" s="259">
        <v>0</v>
      </c>
      <c r="Y37" s="253">
        <v>0</v>
      </c>
      <c r="Z37" s="257">
        <v>0</v>
      </c>
      <c r="AA37" s="254">
        <v>0</v>
      </c>
      <c r="AB37" s="256">
        <v>0</v>
      </c>
      <c r="AC37" s="257">
        <v>0</v>
      </c>
      <c r="AD37" s="257">
        <v>0</v>
      </c>
      <c r="AE37" s="257">
        <v>0</v>
      </c>
      <c r="AF37" s="257">
        <v>0</v>
      </c>
      <c r="AG37" s="257">
        <v>0</v>
      </c>
      <c r="AH37" s="254">
        <v>0</v>
      </c>
      <c r="AI37" s="259">
        <v>0</v>
      </c>
      <c r="AJ37" s="253">
        <v>0</v>
      </c>
      <c r="AK37" s="257">
        <v>0</v>
      </c>
      <c r="AL37" s="254">
        <v>0</v>
      </c>
      <c r="AM37" s="256">
        <v>0</v>
      </c>
      <c r="AN37" s="257">
        <v>0</v>
      </c>
      <c r="AO37" s="257">
        <v>0</v>
      </c>
      <c r="AP37" s="257">
        <v>0</v>
      </c>
      <c r="AQ37" s="257">
        <v>0</v>
      </c>
      <c r="AR37" s="257">
        <v>0</v>
      </c>
      <c r="AS37" s="254">
        <v>0</v>
      </c>
      <c r="AT37" s="259">
        <v>0</v>
      </c>
      <c r="AU37" s="253">
        <v>0</v>
      </c>
      <c r="AV37" s="257">
        <v>0</v>
      </c>
      <c r="AW37" s="254">
        <v>0</v>
      </c>
      <c r="AX37" s="256">
        <v>0</v>
      </c>
      <c r="AY37" s="257">
        <v>1</v>
      </c>
      <c r="AZ37" s="257">
        <v>0</v>
      </c>
      <c r="BA37" s="257">
        <v>0</v>
      </c>
      <c r="BB37" s="257">
        <v>0</v>
      </c>
      <c r="BC37" s="257">
        <v>1</v>
      </c>
      <c r="BD37" s="254">
        <v>2</v>
      </c>
      <c r="BE37" s="259">
        <v>2</v>
      </c>
      <c r="BF37" s="253">
        <v>0</v>
      </c>
      <c r="BG37" s="257">
        <v>0</v>
      </c>
      <c r="BH37" s="254">
        <v>0</v>
      </c>
      <c r="BI37" s="256">
        <v>0</v>
      </c>
      <c r="BJ37" s="257">
        <v>1</v>
      </c>
      <c r="BK37" s="257">
        <v>0</v>
      </c>
      <c r="BL37" s="257">
        <v>0</v>
      </c>
      <c r="BM37" s="257">
        <v>0</v>
      </c>
      <c r="BN37" s="257">
        <v>0</v>
      </c>
      <c r="BO37" s="258">
        <v>1</v>
      </c>
      <c r="BP37" s="259">
        <v>1</v>
      </c>
      <c r="BQ37" s="253">
        <v>0</v>
      </c>
      <c r="BR37" s="257">
        <v>0</v>
      </c>
      <c r="BS37" s="254">
        <v>0</v>
      </c>
      <c r="BT37" s="256">
        <v>0</v>
      </c>
      <c r="BU37" s="257">
        <v>0</v>
      </c>
      <c r="BV37" s="257">
        <v>0</v>
      </c>
      <c r="BW37" s="257">
        <v>0</v>
      </c>
      <c r="BX37" s="257">
        <v>0</v>
      </c>
      <c r="BY37" s="257">
        <v>0</v>
      </c>
      <c r="BZ37" s="254">
        <v>0</v>
      </c>
      <c r="CA37" s="259">
        <v>0</v>
      </c>
      <c r="CB37" s="253">
        <v>0</v>
      </c>
      <c r="CC37" s="257">
        <v>0</v>
      </c>
      <c r="CD37" s="254">
        <v>0</v>
      </c>
      <c r="CE37" s="256">
        <v>0</v>
      </c>
      <c r="CF37" s="257">
        <v>0</v>
      </c>
      <c r="CG37" s="257">
        <v>0</v>
      </c>
      <c r="CH37" s="257">
        <v>0</v>
      </c>
      <c r="CI37" s="257">
        <v>0</v>
      </c>
      <c r="CJ37" s="257">
        <v>0</v>
      </c>
      <c r="CK37" s="254">
        <v>0</v>
      </c>
      <c r="CL37" s="259">
        <v>0</v>
      </c>
      <c r="CM37" s="253">
        <v>0</v>
      </c>
      <c r="CN37" s="257">
        <v>0</v>
      </c>
      <c r="CO37" s="254">
        <v>0</v>
      </c>
      <c r="CP37" s="256">
        <v>0</v>
      </c>
      <c r="CQ37" s="257">
        <v>0</v>
      </c>
      <c r="CR37" s="257">
        <v>0</v>
      </c>
      <c r="CS37" s="257">
        <v>0</v>
      </c>
      <c r="CT37" s="257">
        <v>0</v>
      </c>
      <c r="CU37" s="257">
        <v>0</v>
      </c>
      <c r="CV37" s="254">
        <v>0</v>
      </c>
      <c r="CW37" s="259">
        <v>0</v>
      </c>
    </row>
    <row r="38" spans="2:101" ht="21" customHeight="1" x14ac:dyDescent="0.2">
      <c r="B38" s="437" t="s">
        <v>36</v>
      </c>
      <c r="C38" s="253">
        <v>0</v>
      </c>
      <c r="D38" s="254">
        <v>0</v>
      </c>
      <c r="E38" s="255">
        <v>0</v>
      </c>
      <c r="F38" s="256">
        <v>0</v>
      </c>
      <c r="G38" s="257">
        <v>0</v>
      </c>
      <c r="H38" s="257">
        <v>0</v>
      </c>
      <c r="I38" s="257">
        <v>0</v>
      </c>
      <c r="J38" s="257">
        <v>0</v>
      </c>
      <c r="K38" s="257">
        <v>0</v>
      </c>
      <c r="L38" s="258">
        <v>0</v>
      </c>
      <c r="M38" s="259">
        <v>0</v>
      </c>
      <c r="N38" s="253">
        <v>0</v>
      </c>
      <c r="O38" s="257">
        <v>0</v>
      </c>
      <c r="P38" s="254">
        <v>0</v>
      </c>
      <c r="Q38" s="256">
        <v>0</v>
      </c>
      <c r="R38" s="257">
        <v>0</v>
      </c>
      <c r="S38" s="257">
        <v>0</v>
      </c>
      <c r="T38" s="257">
        <v>0</v>
      </c>
      <c r="U38" s="257">
        <v>0</v>
      </c>
      <c r="V38" s="257">
        <v>0</v>
      </c>
      <c r="W38" s="254">
        <v>0</v>
      </c>
      <c r="X38" s="259">
        <v>0</v>
      </c>
      <c r="Y38" s="253">
        <v>0</v>
      </c>
      <c r="Z38" s="257">
        <v>0</v>
      </c>
      <c r="AA38" s="254">
        <v>0</v>
      </c>
      <c r="AB38" s="256">
        <v>0</v>
      </c>
      <c r="AC38" s="257">
        <v>3</v>
      </c>
      <c r="AD38" s="257">
        <v>0</v>
      </c>
      <c r="AE38" s="257">
        <v>1</v>
      </c>
      <c r="AF38" s="257">
        <v>0</v>
      </c>
      <c r="AG38" s="257">
        <v>0</v>
      </c>
      <c r="AH38" s="254">
        <v>4</v>
      </c>
      <c r="AI38" s="259">
        <v>4</v>
      </c>
      <c r="AJ38" s="253">
        <v>0</v>
      </c>
      <c r="AK38" s="257">
        <v>0</v>
      </c>
      <c r="AL38" s="254">
        <v>0</v>
      </c>
      <c r="AM38" s="256">
        <v>0</v>
      </c>
      <c r="AN38" s="257">
        <v>0</v>
      </c>
      <c r="AO38" s="257">
        <v>0</v>
      </c>
      <c r="AP38" s="257">
        <v>0</v>
      </c>
      <c r="AQ38" s="257">
        <v>0</v>
      </c>
      <c r="AR38" s="257">
        <v>0</v>
      </c>
      <c r="AS38" s="254">
        <v>0</v>
      </c>
      <c r="AT38" s="259">
        <v>0</v>
      </c>
      <c r="AU38" s="253">
        <v>0</v>
      </c>
      <c r="AV38" s="257">
        <v>0</v>
      </c>
      <c r="AW38" s="254">
        <v>0</v>
      </c>
      <c r="AX38" s="256">
        <v>0</v>
      </c>
      <c r="AY38" s="257">
        <v>0</v>
      </c>
      <c r="AZ38" s="257">
        <v>0</v>
      </c>
      <c r="BA38" s="257">
        <v>1</v>
      </c>
      <c r="BB38" s="257">
        <v>0</v>
      </c>
      <c r="BC38" s="257">
        <v>0</v>
      </c>
      <c r="BD38" s="254">
        <v>1</v>
      </c>
      <c r="BE38" s="259">
        <v>1</v>
      </c>
      <c r="BF38" s="253">
        <v>0</v>
      </c>
      <c r="BG38" s="257">
        <v>0</v>
      </c>
      <c r="BH38" s="254">
        <v>0</v>
      </c>
      <c r="BI38" s="256">
        <v>0</v>
      </c>
      <c r="BJ38" s="257">
        <v>0</v>
      </c>
      <c r="BK38" s="257">
        <v>1</v>
      </c>
      <c r="BL38" s="257">
        <v>1</v>
      </c>
      <c r="BM38" s="257">
        <v>0</v>
      </c>
      <c r="BN38" s="257">
        <v>1</v>
      </c>
      <c r="BO38" s="258">
        <v>3</v>
      </c>
      <c r="BP38" s="259">
        <v>3</v>
      </c>
      <c r="BQ38" s="253">
        <v>0</v>
      </c>
      <c r="BR38" s="257">
        <v>0</v>
      </c>
      <c r="BS38" s="254">
        <v>0</v>
      </c>
      <c r="BT38" s="256">
        <v>0</v>
      </c>
      <c r="BU38" s="257">
        <v>0</v>
      </c>
      <c r="BV38" s="257">
        <v>0</v>
      </c>
      <c r="BW38" s="257">
        <v>0</v>
      </c>
      <c r="BX38" s="257">
        <v>0</v>
      </c>
      <c r="BY38" s="257">
        <v>0</v>
      </c>
      <c r="BZ38" s="254">
        <v>0</v>
      </c>
      <c r="CA38" s="259">
        <v>0</v>
      </c>
      <c r="CB38" s="253">
        <v>0</v>
      </c>
      <c r="CC38" s="257">
        <v>0</v>
      </c>
      <c r="CD38" s="254">
        <v>0</v>
      </c>
      <c r="CE38" s="256">
        <v>0</v>
      </c>
      <c r="CF38" s="257">
        <v>0</v>
      </c>
      <c r="CG38" s="257">
        <v>0</v>
      </c>
      <c r="CH38" s="257">
        <v>0</v>
      </c>
      <c r="CI38" s="257">
        <v>0</v>
      </c>
      <c r="CJ38" s="257">
        <v>0</v>
      </c>
      <c r="CK38" s="254">
        <v>0</v>
      </c>
      <c r="CL38" s="259">
        <v>0</v>
      </c>
      <c r="CM38" s="253">
        <v>0</v>
      </c>
      <c r="CN38" s="257">
        <v>0</v>
      </c>
      <c r="CO38" s="254">
        <v>0</v>
      </c>
      <c r="CP38" s="256">
        <v>0</v>
      </c>
      <c r="CQ38" s="257">
        <v>0</v>
      </c>
      <c r="CR38" s="257">
        <v>0</v>
      </c>
      <c r="CS38" s="257">
        <v>0</v>
      </c>
      <c r="CT38" s="257">
        <v>0</v>
      </c>
      <c r="CU38" s="257">
        <v>0</v>
      </c>
      <c r="CV38" s="254">
        <v>0</v>
      </c>
      <c r="CW38" s="259">
        <v>0</v>
      </c>
    </row>
    <row r="39" spans="2:101" ht="21" customHeight="1" thickBot="1" x14ac:dyDescent="0.25">
      <c r="B39" s="438" t="s">
        <v>37</v>
      </c>
      <c r="C39" s="260">
        <v>0</v>
      </c>
      <c r="D39" s="261">
        <v>0</v>
      </c>
      <c r="E39" s="262">
        <v>0</v>
      </c>
      <c r="F39" s="263">
        <v>0</v>
      </c>
      <c r="G39" s="264">
        <v>0</v>
      </c>
      <c r="H39" s="264">
        <v>0</v>
      </c>
      <c r="I39" s="264">
        <v>0</v>
      </c>
      <c r="J39" s="264">
        <v>0</v>
      </c>
      <c r="K39" s="264">
        <v>0</v>
      </c>
      <c r="L39" s="265">
        <v>0</v>
      </c>
      <c r="M39" s="266">
        <v>0</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0</v>
      </c>
      <c r="AG39" s="264">
        <v>1</v>
      </c>
      <c r="AH39" s="261">
        <v>1</v>
      </c>
      <c r="AI39" s="266">
        <v>1</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0</v>
      </c>
      <c r="BA39" s="264">
        <v>0</v>
      </c>
      <c r="BB39" s="264">
        <v>0</v>
      </c>
      <c r="BC39" s="264">
        <v>0</v>
      </c>
      <c r="BD39" s="261">
        <v>0</v>
      </c>
      <c r="BE39" s="266">
        <v>0</v>
      </c>
      <c r="BF39" s="260">
        <v>0</v>
      </c>
      <c r="BG39" s="264">
        <v>0</v>
      </c>
      <c r="BH39" s="261">
        <v>0</v>
      </c>
      <c r="BI39" s="263">
        <v>0</v>
      </c>
      <c r="BJ39" s="264">
        <v>0</v>
      </c>
      <c r="BK39" s="264">
        <v>0</v>
      </c>
      <c r="BL39" s="264">
        <v>0</v>
      </c>
      <c r="BM39" s="264">
        <v>0</v>
      </c>
      <c r="BN39" s="264">
        <v>0</v>
      </c>
      <c r="BO39" s="265">
        <v>0</v>
      </c>
      <c r="BP39" s="266">
        <v>0</v>
      </c>
      <c r="BQ39" s="260">
        <v>0</v>
      </c>
      <c r="BR39" s="264">
        <v>0</v>
      </c>
      <c r="BS39" s="261">
        <v>0</v>
      </c>
      <c r="BT39" s="263">
        <v>0</v>
      </c>
      <c r="BU39" s="264">
        <v>0</v>
      </c>
      <c r="BV39" s="264">
        <v>0</v>
      </c>
      <c r="BW39" s="264">
        <v>0</v>
      </c>
      <c r="BX39" s="264">
        <v>0</v>
      </c>
      <c r="BY39" s="264">
        <v>0</v>
      </c>
      <c r="BZ39" s="261">
        <v>0</v>
      </c>
      <c r="CA39" s="266">
        <v>0</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0</v>
      </c>
      <c r="CV39" s="261">
        <v>0</v>
      </c>
      <c r="CW39" s="266">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 style="238" customWidth="1"/>
    <col min="6" max="6" width="7.77734375" style="238" customWidth="1"/>
    <col min="7" max="7" width="10.77734375" style="238" customWidth="1"/>
    <col min="8" max="16" width="9" style="238"/>
    <col min="17" max="17" width="8" style="238" customWidth="1"/>
    <col min="18" max="16384" width="9" style="238"/>
  </cols>
  <sheetData>
    <row r="1" spans="2:24" ht="24" customHeight="1" x14ac:dyDescent="0.2">
      <c r="B1" s="267" t="s">
        <v>124</v>
      </c>
      <c r="H1" s="495">
        <f>第１表!F2</f>
        <v>6</v>
      </c>
      <c r="I1" s="495"/>
      <c r="J1" s="231">
        <f>第１表!G2</f>
        <v>3</v>
      </c>
      <c r="K1" s="499">
        <f>IF(J1&lt;3,J1+12-2,J1-2)</f>
        <v>1</v>
      </c>
      <c r="L1" s="499"/>
    </row>
    <row r="2" spans="2:24" ht="24" customHeight="1" thickBot="1" x14ac:dyDescent="0.25">
      <c r="B2" s="267" t="s">
        <v>131</v>
      </c>
    </row>
    <row r="3" spans="2:24" ht="21" customHeight="1" x14ac:dyDescent="0.2">
      <c r="B3" s="511"/>
      <c r="C3" s="507" t="s">
        <v>141</v>
      </c>
      <c r="D3" s="507"/>
      <c r="E3" s="507"/>
      <c r="F3" s="507"/>
      <c r="G3" s="507"/>
      <c r="H3" s="507"/>
      <c r="I3" s="507"/>
      <c r="J3" s="507"/>
      <c r="K3" s="507"/>
      <c r="L3" s="507"/>
      <c r="M3" s="537"/>
      <c r="N3" s="507" t="s">
        <v>113</v>
      </c>
      <c r="O3" s="507"/>
      <c r="P3" s="507"/>
      <c r="Q3" s="507"/>
      <c r="R3" s="507"/>
      <c r="S3" s="507"/>
      <c r="T3" s="507"/>
      <c r="U3" s="507"/>
      <c r="V3" s="507"/>
      <c r="W3" s="507"/>
      <c r="X3" s="537"/>
    </row>
    <row r="4" spans="2:24" ht="21" customHeight="1" x14ac:dyDescent="0.2">
      <c r="B4" s="535"/>
      <c r="C4" s="538" t="s">
        <v>61</v>
      </c>
      <c r="D4" s="538"/>
      <c r="E4" s="539"/>
      <c r="F4" s="540" t="s">
        <v>62</v>
      </c>
      <c r="G4" s="538"/>
      <c r="H4" s="538"/>
      <c r="I4" s="538"/>
      <c r="J4" s="538"/>
      <c r="K4" s="538"/>
      <c r="L4" s="541"/>
      <c r="M4" s="542" t="s">
        <v>52</v>
      </c>
      <c r="N4" s="538" t="s">
        <v>61</v>
      </c>
      <c r="O4" s="538"/>
      <c r="P4" s="539"/>
      <c r="Q4" s="540" t="s">
        <v>62</v>
      </c>
      <c r="R4" s="538"/>
      <c r="S4" s="538"/>
      <c r="T4" s="538"/>
      <c r="U4" s="538"/>
      <c r="V4" s="538"/>
      <c r="W4" s="541"/>
      <c r="X4" s="542" t="s">
        <v>52</v>
      </c>
    </row>
    <row r="5" spans="2:24" ht="30" customHeight="1" thickBot="1" x14ac:dyDescent="0.25">
      <c r="B5" s="536"/>
      <c r="C5" s="239" t="s">
        <v>43</v>
      </c>
      <c r="D5" s="239" t="s">
        <v>44</v>
      </c>
      <c r="E5" s="242" t="s">
        <v>45</v>
      </c>
      <c r="F5" s="244" t="s">
        <v>83</v>
      </c>
      <c r="G5" s="239" t="s">
        <v>47</v>
      </c>
      <c r="H5" s="239" t="s">
        <v>48</v>
      </c>
      <c r="I5" s="239" t="s">
        <v>49</v>
      </c>
      <c r="J5" s="239" t="s">
        <v>50</v>
      </c>
      <c r="K5" s="239" t="s">
        <v>51</v>
      </c>
      <c r="L5" s="242" t="s">
        <v>45</v>
      </c>
      <c r="M5" s="510"/>
      <c r="N5" s="239" t="s">
        <v>43</v>
      </c>
      <c r="O5" s="239" t="s">
        <v>44</v>
      </c>
      <c r="P5" s="242" t="s">
        <v>45</v>
      </c>
      <c r="Q5" s="244" t="s">
        <v>83</v>
      </c>
      <c r="R5" s="239" t="s">
        <v>47</v>
      </c>
      <c r="S5" s="239" t="s">
        <v>48</v>
      </c>
      <c r="T5" s="239" t="s">
        <v>49</v>
      </c>
      <c r="U5" s="239" t="s">
        <v>50</v>
      </c>
      <c r="V5" s="239" t="s">
        <v>51</v>
      </c>
      <c r="W5" s="242" t="s">
        <v>45</v>
      </c>
      <c r="X5" s="510"/>
    </row>
    <row r="6" spans="2:24" ht="21" customHeight="1" x14ac:dyDescent="0.2">
      <c r="B6" s="435" t="s">
        <v>4</v>
      </c>
      <c r="C6" s="250">
        <v>0</v>
      </c>
      <c r="D6" s="250">
        <v>0</v>
      </c>
      <c r="E6" s="247">
        <v>0</v>
      </c>
      <c r="F6" s="249">
        <v>0</v>
      </c>
      <c r="G6" s="250">
        <v>95401</v>
      </c>
      <c r="H6" s="250">
        <v>97100</v>
      </c>
      <c r="I6" s="250">
        <v>58399</v>
      </c>
      <c r="J6" s="250">
        <v>29964</v>
      </c>
      <c r="K6" s="250">
        <v>13642</v>
      </c>
      <c r="L6" s="247">
        <v>294506</v>
      </c>
      <c r="M6" s="252">
        <v>294506</v>
      </c>
      <c r="N6" s="250">
        <v>24</v>
      </c>
      <c r="O6" s="250">
        <v>38</v>
      </c>
      <c r="P6" s="247">
        <v>62</v>
      </c>
      <c r="Q6" s="249">
        <v>0</v>
      </c>
      <c r="R6" s="250">
        <v>6170</v>
      </c>
      <c r="S6" s="250">
        <v>8462</v>
      </c>
      <c r="T6" s="250">
        <v>10597</v>
      </c>
      <c r="U6" s="250">
        <v>6298</v>
      </c>
      <c r="V6" s="250">
        <v>4636</v>
      </c>
      <c r="W6" s="247">
        <v>36163</v>
      </c>
      <c r="X6" s="252">
        <v>36225</v>
      </c>
    </row>
    <row r="7" spans="2:24" ht="21" customHeight="1" x14ac:dyDescent="0.2">
      <c r="B7" s="436" t="s">
        <v>5</v>
      </c>
      <c r="C7" s="257">
        <v>0</v>
      </c>
      <c r="D7" s="257">
        <v>0</v>
      </c>
      <c r="E7" s="254">
        <v>0</v>
      </c>
      <c r="F7" s="256">
        <v>0</v>
      </c>
      <c r="G7" s="257">
        <v>33186</v>
      </c>
      <c r="H7" s="257">
        <v>46560</v>
      </c>
      <c r="I7" s="257">
        <v>27629</v>
      </c>
      <c r="J7" s="257">
        <v>13910</v>
      </c>
      <c r="K7" s="257">
        <v>6356</v>
      </c>
      <c r="L7" s="254">
        <v>127641</v>
      </c>
      <c r="M7" s="259">
        <v>127641</v>
      </c>
      <c r="N7" s="257">
        <v>12</v>
      </c>
      <c r="O7" s="257">
        <v>8</v>
      </c>
      <c r="P7" s="254">
        <v>20</v>
      </c>
      <c r="Q7" s="256">
        <v>0</v>
      </c>
      <c r="R7" s="257">
        <v>3121</v>
      </c>
      <c r="S7" s="257">
        <v>4353</v>
      </c>
      <c r="T7" s="257">
        <v>5504</v>
      </c>
      <c r="U7" s="257">
        <v>3618</v>
      </c>
      <c r="V7" s="257">
        <v>2454</v>
      </c>
      <c r="W7" s="254">
        <v>19050</v>
      </c>
      <c r="X7" s="259">
        <v>19070</v>
      </c>
    </row>
    <row r="8" spans="2:24" ht="21" customHeight="1" x14ac:dyDescent="0.2">
      <c r="B8" s="437" t="s">
        <v>6</v>
      </c>
      <c r="C8" s="257">
        <v>0</v>
      </c>
      <c r="D8" s="257">
        <v>0</v>
      </c>
      <c r="E8" s="254">
        <v>0</v>
      </c>
      <c r="F8" s="256">
        <v>0</v>
      </c>
      <c r="G8" s="257">
        <v>13688</v>
      </c>
      <c r="H8" s="257">
        <v>10678</v>
      </c>
      <c r="I8" s="257">
        <v>6734</v>
      </c>
      <c r="J8" s="257">
        <v>4152</v>
      </c>
      <c r="K8" s="257">
        <v>2071</v>
      </c>
      <c r="L8" s="254">
        <v>37323</v>
      </c>
      <c r="M8" s="259">
        <v>37323</v>
      </c>
      <c r="N8" s="257">
        <v>7</v>
      </c>
      <c r="O8" s="257">
        <v>0</v>
      </c>
      <c r="P8" s="254">
        <v>7</v>
      </c>
      <c r="Q8" s="256">
        <v>0</v>
      </c>
      <c r="R8" s="257">
        <v>1289</v>
      </c>
      <c r="S8" s="257">
        <v>1959</v>
      </c>
      <c r="T8" s="257">
        <v>2306</v>
      </c>
      <c r="U8" s="257">
        <v>1214</v>
      </c>
      <c r="V8" s="257">
        <v>1060</v>
      </c>
      <c r="W8" s="254">
        <v>7828</v>
      </c>
      <c r="X8" s="259">
        <v>7835</v>
      </c>
    </row>
    <row r="9" spans="2:24" ht="21" customHeight="1" x14ac:dyDescent="0.2">
      <c r="B9" s="437" t="s">
        <v>14</v>
      </c>
      <c r="C9" s="257">
        <v>0</v>
      </c>
      <c r="D9" s="257">
        <v>0</v>
      </c>
      <c r="E9" s="254">
        <v>0</v>
      </c>
      <c r="F9" s="256">
        <v>0</v>
      </c>
      <c r="G9" s="257">
        <v>7574</v>
      </c>
      <c r="H9" s="257">
        <v>8820</v>
      </c>
      <c r="I9" s="257">
        <v>5111</v>
      </c>
      <c r="J9" s="257">
        <v>2641</v>
      </c>
      <c r="K9" s="257">
        <v>1227</v>
      </c>
      <c r="L9" s="254">
        <v>25373</v>
      </c>
      <c r="M9" s="259">
        <v>25373</v>
      </c>
      <c r="N9" s="257">
        <v>0</v>
      </c>
      <c r="O9" s="257">
        <v>0</v>
      </c>
      <c r="P9" s="254">
        <v>0</v>
      </c>
      <c r="Q9" s="256">
        <v>0</v>
      </c>
      <c r="R9" s="257">
        <v>101</v>
      </c>
      <c r="S9" s="257">
        <v>201</v>
      </c>
      <c r="T9" s="257">
        <v>478</v>
      </c>
      <c r="U9" s="257">
        <v>213</v>
      </c>
      <c r="V9" s="257">
        <v>223</v>
      </c>
      <c r="W9" s="254">
        <v>1216</v>
      </c>
      <c r="X9" s="259">
        <v>1216</v>
      </c>
    </row>
    <row r="10" spans="2:24" ht="21" customHeight="1" x14ac:dyDescent="0.2">
      <c r="B10" s="437" t="s">
        <v>7</v>
      </c>
      <c r="C10" s="257">
        <v>0</v>
      </c>
      <c r="D10" s="257">
        <v>0</v>
      </c>
      <c r="E10" s="254">
        <v>0</v>
      </c>
      <c r="F10" s="256">
        <v>0</v>
      </c>
      <c r="G10" s="257">
        <v>7541</v>
      </c>
      <c r="H10" s="257">
        <v>4907</v>
      </c>
      <c r="I10" s="257">
        <v>2242</v>
      </c>
      <c r="J10" s="257">
        <v>888</v>
      </c>
      <c r="K10" s="257">
        <v>522</v>
      </c>
      <c r="L10" s="254">
        <v>16100</v>
      </c>
      <c r="M10" s="259">
        <v>16100</v>
      </c>
      <c r="N10" s="257">
        <v>0</v>
      </c>
      <c r="O10" s="257">
        <v>8</v>
      </c>
      <c r="P10" s="254">
        <v>8</v>
      </c>
      <c r="Q10" s="256">
        <v>0</v>
      </c>
      <c r="R10" s="257">
        <v>693</v>
      </c>
      <c r="S10" s="257">
        <v>750</v>
      </c>
      <c r="T10" s="257">
        <v>847</v>
      </c>
      <c r="U10" s="257">
        <v>467</v>
      </c>
      <c r="V10" s="257">
        <v>177</v>
      </c>
      <c r="W10" s="254">
        <v>2934</v>
      </c>
      <c r="X10" s="259">
        <v>2942</v>
      </c>
    </row>
    <row r="11" spans="2:24" ht="21" customHeight="1" x14ac:dyDescent="0.2">
      <c r="B11" s="437" t="s">
        <v>8</v>
      </c>
      <c r="C11" s="257">
        <v>0</v>
      </c>
      <c r="D11" s="257">
        <v>0</v>
      </c>
      <c r="E11" s="254">
        <v>0</v>
      </c>
      <c r="F11" s="256">
        <v>0</v>
      </c>
      <c r="G11" s="257">
        <v>4194</v>
      </c>
      <c r="H11" s="257">
        <v>4349</v>
      </c>
      <c r="I11" s="257">
        <v>2140</v>
      </c>
      <c r="J11" s="257">
        <v>1099</v>
      </c>
      <c r="K11" s="257">
        <v>522</v>
      </c>
      <c r="L11" s="254">
        <v>12304</v>
      </c>
      <c r="M11" s="259">
        <v>12304</v>
      </c>
      <c r="N11" s="257">
        <v>0</v>
      </c>
      <c r="O11" s="257">
        <v>0</v>
      </c>
      <c r="P11" s="254">
        <v>0</v>
      </c>
      <c r="Q11" s="256">
        <v>0</v>
      </c>
      <c r="R11" s="257">
        <v>43</v>
      </c>
      <c r="S11" s="257">
        <v>86</v>
      </c>
      <c r="T11" s="257">
        <v>43</v>
      </c>
      <c r="U11" s="257">
        <v>143</v>
      </c>
      <c r="V11" s="257">
        <v>89</v>
      </c>
      <c r="W11" s="254">
        <v>404</v>
      </c>
      <c r="X11" s="259">
        <v>404</v>
      </c>
    </row>
    <row r="12" spans="2:24" ht="21" customHeight="1" x14ac:dyDescent="0.2">
      <c r="B12" s="437" t="s">
        <v>9</v>
      </c>
      <c r="C12" s="257">
        <v>0</v>
      </c>
      <c r="D12" s="257">
        <v>0</v>
      </c>
      <c r="E12" s="254">
        <v>0</v>
      </c>
      <c r="F12" s="256">
        <v>0</v>
      </c>
      <c r="G12" s="257">
        <v>3057</v>
      </c>
      <c r="H12" s="257">
        <v>1874</v>
      </c>
      <c r="I12" s="257">
        <v>1735</v>
      </c>
      <c r="J12" s="257">
        <v>850</v>
      </c>
      <c r="K12" s="257">
        <v>320</v>
      </c>
      <c r="L12" s="254">
        <v>7836</v>
      </c>
      <c r="M12" s="259">
        <v>7836</v>
      </c>
      <c r="N12" s="257">
        <v>0</v>
      </c>
      <c r="O12" s="257">
        <v>0</v>
      </c>
      <c r="P12" s="254">
        <v>0</v>
      </c>
      <c r="Q12" s="256">
        <v>0</v>
      </c>
      <c r="R12" s="257">
        <v>16</v>
      </c>
      <c r="S12" s="257">
        <v>74</v>
      </c>
      <c r="T12" s="257">
        <v>61</v>
      </c>
      <c r="U12" s="257">
        <v>0</v>
      </c>
      <c r="V12" s="257">
        <v>55</v>
      </c>
      <c r="W12" s="254">
        <v>206</v>
      </c>
      <c r="X12" s="259">
        <v>206</v>
      </c>
    </row>
    <row r="13" spans="2:24" ht="21" customHeight="1" x14ac:dyDescent="0.2">
      <c r="B13" s="437" t="s">
        <v>10</v>
      </c>
      <c r="C13" s="257">
        <v>0</v>
      </c>
      <c r="D13" s="257">
        <v>0</v>
      </c>
      <c r="E13" s="254">
        <v>0</v>
      </c>
      <c r="F13" s="256">
        <v>0</v>
      </c>
      <c r="G13" s="257">
        <v>3846</v>
      </c>
      <c r="H13" s="257">
        <v>1970</v>
      </c>
      <c r="I13" s="257">
        <v>1117</v>
      </c>
      <c r="J13" s="257">
        <v>628</v>
      </c>
      <c r="K13" s="257">
        <v>189</v>
      </c>
      <c r="L13" s="254">
        <v>7750</v>
      </c>
      <c r="M13" s="259">
        <v>7750</v>
      </c>
      <c r="N13" s="257">
        <v>0</v>
      </c>
      <c r="O13" s="257">
        <v>4</v>
      </c>
      <c r="P13" s="254">
        <v>4</v>
      </c>
      <c r="Q13" s="256">
        <v>0</v>
      </c>
      <c r="R13" s="257">
        <v>99</v>
      </c>
      <c r="S13" s="257">
        <v>67</v>
      </c>
      <c r="T13" s="257">
        <v>234</v>
      </c>
      <c r="U13" s="257">
        <v>119</v>
      </c>
      <c r="V13" s="257">
        <v>97</v>
      </c>
      <c r="W13" s="254">
        <v>616</v>
      </c>
      <c r="X13" s="259">
        <v>620</v>
      </c>
    </row>
    <row r="14" spans="2:24" ht="21" customHeight="1" x14ac:dyDescent="0.2">
      <c r="B14" s="437" t="s">
        <v>11</v>
      </c>
      <c r="C14" s="257">
        <v>0</v>
      </c>
      <c r="D14" s="257">
        <v>0</v>
      </c>
      <c r="E14" s="254">
        <v>0</v>
      </c>
      <c r="F14" s="256">
        <v>0</v>
      </c>
      <c r="G14" s="257">
        <v>3848</v>
      </c>
      <c r="H14" s="257">
        <v>2306</v>
      </c>
      <c r="I14" s="257">
        <v>1531</v>
      </c>
      <c r="J14" s="257">
        <v>678</v>
      </c>
      <c r="K14" s="257">
        <v>502</v>
      </c>
      <c r="L14" s="254">
        <v>8865</v>
      </c>
      <c r="M14" s="259">
        <v>8865</v>
      </c>
      <c r="N14" s="257">
        <v>0</v>
      </c>
      <c r="O14" s="257">
        <v>0</v>
      </c>
      <c r="P14" s="254">
        <v>0</v>
      </c>
      <c r="Q14" s="256">
        <v>0</v>
      </c>
      <c r="R14" s="257">
        <v>166</v>
      </c>
      <c r="S14" s="257">
        <v>177</v>
      </c>
      <c r="T14" s="257">
        <v>136</v>
      </c>
      <c r="U14" s="257">
        <v>8</v>
      </c>
      <c r="V14" s="257">
        <v>10</v>
      </c>
      <c r="W14" s="254">
        <v>497</v>
      </c>
      <c r="X14" s="259">
        <v>497</v>
      </c>
    </row>
    <row r="15" spans="2:24" ht="21" customHeight="1" x14ac:dyDescent="0.2">
      <c r="B15" s="437" t="s">
        <v>12</v>
      </c>
      <c r="C15" s="257">
        <v>0</v>
      </c>
      <c r="D15" s="257">
        <v>0</v>
      </c>
      <c r="E15" s="254">
        <v>0</v>
      </c>
      <c r="F15" s="256">
        <v>0</v>
      </c>
      <c r="G15" s="257">
        <v>3040</v>
      </c>
      <c r="H15" s="257">
        <v>1981</v>
      </c>
      <c r="I15" s="257">
        <v>1299</v>
      </c>
      <c r="J15" s="257">
        <v>606</v>
      </c>
      <c r="K15" s="257">
        <v>172</v>
      </c>
      <c r="L15" s="254">
        <v>7098</v>
      </c>
      <c r="M15" s="259">
        <v>7098</v>
      </c>
      <c r="N15" s="257">
        <v>0</v>
      </c>
      <c r="O15" s="257">
        <v>0</v>
      </c>
      <c r="P15" s="254">
        <v>0</v>
      </c>
      <c r="Q15" s="256">
        <v>0</v>
      </c>
      <c r="R15" s="257">
        <v>22</v>
      </c>
      <c r="S15" s="257">
        <v>8</v>
      </c>
      <c r="T15" s="257">
        <v>3</v>
      </c>
      <c r="U15" s="257">
        <v>6</v>
      </c>
      <c r="V15" s="257">
        <v>16</v>
      </c>
      <c r="W15" s="254">
        <v>55</v>
      </c>
      <c r="X15" s="259">
        <v>55</v>
      </c>
    </row>
    <row r="16" spans="2:24" ht="21" customHeight="1" x14ac:dyDescent="0.2">
      <c r="B16" s="437" t="s">
        <v>13</v>
      </c>
      <c r="C16" s="257">
        <v>0</v>
      </c>
      <c r="D16" s="257">
        <v>0</v>
      </c>
      <c r="E16" s="254">
        <v>0</v>
      </c>
      <c r="F16" s="256">
        <v>0</v>
      </c>
      <c r="G16" s="257">
        <v>992</v>
      </c>
      <c r="H16" s="257">
        <v>1067</v>
      </c>
      <c r="I16" s="257">
        <v>692</v>
      </c>
      <c r="J16" s="257">
        <v>273</v>
      </c>
      <c r="K16" s="257">
        <v>112</v>
      </c>
      <c r="L16" s="254">
        <v>3136</v>
      </c>
      <c r="M16" s="259">
        <v>3136</v>
      </c>
      <c r="N16" s="257">
        <v>0</v>
      </c>
      <c r="O16" s="257">
        <v>0</v>
      </c>
      <c r="P16" s="254">
        <v>0</v>
      </c>
      <c r="Q16" s="256">
        <v>0</v>
      </c>
      <c r="R16" s="257">
        <v>11</v>
      </c>
      <c r="S16" s="257">
        <v>72</v>
      </c>
      <c r="T16" s="257">
        <v>92</v>
      </c>
      <c r="U16" s="257">
        <v>17</v>
      </c>
      <c r="V16" s="257">
        <v>73</v>
      </c>
      <c r="W16" s="254">
        <v>265</v>
      </c>
      <c r="X16" s="259">
        <v>265</v>
      </c>
    </row>
    <row r="17" spans="2:24" ht="21" customHeight="1" x14ac:dyDescent="0.2">
      <c r="B17" s="437" t="s">
        <v>15</v>
      </c>
      <c r="C17" s="257">
        <v>0</v>
      </c>
      <c r="D17" s="257">
        <v>0</v>
      </c>
      <c r="E17" s="254">
        <v>0</v>
      </c>
      <c r="F17" s="256">
        <v>0</v>
      </c>
      <c r="G17" s="257">
        <v>1209</v>
      </c>
      <c r="H17" s="257">
        <v>1235</v>
      </c>
      <c r="I17" s="257">
        <v>673</v>
      </c>
      <c r="J17" s="257">
        <v>291</v>
      </c>
      <c r="K17" s="257">
        <v>86</v>
      </c>
      <c r="L17" s="254">
        <v>3494</v>
      </c>
      <c r="M17" s="259">
        <v>3494</v>
      </c>
      <c r="N17" s="257">
        <v>0</v>
      </c>
      <c r="O17" s="257">
        <v>0</v>
      </c>
      <c r="P17" s="254">
        <v>0</v>
      </c>
      <c r="Q17" s="256">
        <v>0</v>
      </c>
      <c r="R17" s="257">
        <v>22</v>
      </c>
      <c r="S17" s="257">
        <v>21</v>
      </c>
      <c r="T17" s="257">
        <v>65</v>
      </c>
      <c r="U17" s="257">
        <v>15</v>
      </c>
      <c r="V17" s="257">
        <v>21</v>
      </c>
      <c r="W17" s="254">
        <v>144</v>
      </c>
      <c r="X17" s="259">
        <v>144</v>
      </c>
    </row>
    <row r="18" spans="2:24" ht="21" customHeight="1" x14ac:dyDescent="0.2">
      <c r="B18" s="437" t="s">
        <v>16</v>
      </c>
      <c r="C18" s="257">
        <v>0</v>
      </c>
      <c r="D18" s="257">
        <v>0</v>
      </c>
      <c r="E18" s="254">
        <v>0</v>
      </c>
      <c r="F18" s="256">
        <v>0</v>
      </c>
      <c r="G18" s="257">
        <v>1076</v>
      </c>
      <c r="H18" s="257">
        <v>1267</v>
      </c>
      <c r="I18" s="257">
        <v>861</v>
      </c>
      <c r="J18" s="257">
        <v>458</v>
      </c>
      <c r="K18" s="257">
        <v>156</v>
      </c>
      <c r="L18" s="254">
        <v>3818</v>
      </c>
      <c r="M18" s="259">
        <v>3818</v>
      </c>
      <c r="N18" s="257">
        <v>0</v>
      </c>
      <c r="O18" s="257">
        <v>0</v>
      </c>
      <c r="P18" s="254">
        <v>0</v>
      </c>
      <c r="Q18" s="256">
        <v>0</v>
      </c>
      <c r="R18" s="257">
        <v>52</v>
      </c>
      <c r="S18" s="257">
        <v>97</v>
      </c>
      <c r="T18" s="257">
        <v>31</v>
      </c>
      <c r="U18" s="257">
        <v>33</v>
      </c>
      <c r="V18" s="257">
        <v>44</v>
      </c>
      <c r="W18" s="254">
        <v>257</v>
      </c>
      <c r="X18" s="259">
        <v>257</v>
      </c>
    </row>
    <row r="19" spans="2:24" ht="21" customHeight="1" x14ac:dyDescent="0.2">
      <c r="B19" s="437" t="s">
        <v>17</v>
      </c>
      <c r="C19" s="257">
        <v>0</v>
      </c>
      <c r="D19" s="257">
        <v>0</v>
      </c>
      <c r="E19" s="254">
        <v>0</v>
      </c>
      <c r="F19" s="256">
        <v>0</v>
      </c>
      <c r="G19" s="257">
        <v>2034</v>
      </c>
      <c r="H19" s="257">
        <v>2592</v>
      </c>
      <c r="I19" s="257">
        <v>1468</v>
      </c>
      <c r="J19" s="257">
        <v>1225</v>
      </c>
      <c r="K19" s="257">
        <v>522</v>
      </c>
      <c r="L19" s="254">
        <v>7841</v>
      </c>
      <c r="M19" s="259">
        <v>7841</v>
      </c>
      <c r="N19" s="257">
        <v>5</v>
      </c>
      <c r="O19" s="257">
        <v>18</v>
      </c>
      <c r="P19" s="254">
        <v>23</v>
      </c>
      <c r="Q19" s="256">
        <v>0</v>
      </c>
      <c r="R19" s="257">
        <v>175</v>
      </c>
      <c r="S19" s="257">
        <v>172</v>
      </c>
      <c r="T19" s="257">
        <v>123</v>
      </c>
      <c r="U19" s="257">
        <v>162</v>
      </c>
      <c r="V19" s="257">
        <v>43</v>
      </c>
      <c r="W19" s="254">
        <v>675</v>
      </c>
      <c r="X19" s="259">
        <v>698</v>
      </c>
    </row>
    <row r="20" spans="2:24" ht="21" customHeight="1" x14ac:dyDescent="0.2">
      <c r="B20" s="437" t="s">
        <v>18</v>
      </c>
      <c r="C20" s="257">
        <v>0</v>
      </c>
      <c r="D20" s="257">
        <v>0</v>
      </c>
      <c r="E20" s="254">
        <v>0</v>
      </c>
      <c r="F20" s="256">
        <v>0</v>
      </c>
      <c r="G20" s="257">
        <v>2121</v>
      </c>
      <c r="H20" s="257">
        <v>1412</v>
      </c>
      <c r="I20" s="257">
        <v>966</v>
      </c>
      <c r="J20" s="257">
        <v>397</v>
      </c>
      <c r="K20" s="257">
        <v>166</v>
      </c>
      <c r="L20" s="254">
        <v>5062</v>
      </c>
      <c r="M20" s="259">
        <v>5062</v>
      </c>
      <c r="N20" s="257">
        <v>0</v>
      </c>
      <c r="O20" s="257">
        <v>0</v>
      </c>
      <c r="P20" s="254">
        <v>0</v>
      </c>
      <c r="Q20" s="256">
        <v>0</v>
      </c>
      <c r="R20" s="257">
        <v>104</v>
      </c>
      <c r="S20" s="257">
        <v>65</v>
      </c>
      <c r="T20" s="257">
        <v>276</v>
      </c>
      <c r="U20" s="257">
        <v>102</v>
      </c>
      <c r="V20" s="257">
        <v>64</v>
      </c>
      <c r="W20" s="254">
        <v>611</v>
      </c>
      <c r="X20" s="259">
        <v>611</v>
      </c>
    </row>
    <row r="21" spans="2:24" ht="21" customHeight="1" x14ac:dyDescent="0.2">
      <c r="B21" s="437" t="s">
        <v>19</v>
      </c>
      <c r="C21" s="257">
        <v>0</v>
      </c>
      <c r="D21" s="257">
        <v>0</v>
      </c>
      <c r="E21" s="254">
        <v>0</v>
      </c>
      <c r="F21" s="256">
        <v>0</v>
      </c>
      <c r="G21" s="257">
        <v>872</v>
      </c>
      <c r="H21" s="257">
        <v>812</v>
      </c>
      <c r="I21" s="257">
        <v>427</v>
      </c>
      <c r="J21" s="257">
        <v>207</v>
      </c>
      <c r="K21" s="257">
        <v>142</v>
      </c>
      <c r="L21" s="254">
        <v>2460</v>
      </c>
      <c r="M21" s="259">
        <v>2460</v>
      </c>
      <c r="N21" s="257">
        <v>0</v>
      </c>
      <c r="O21" s="257">
        <v>0</v>
      </c>
      <c r="P21" s="254">
        <v>0</v>
      </c>
      <c r="Q21" s="256">
        <v>0</v>
      </c>
      <c r="R21" s="257">
        <v>81</v>
      </c>
      <c r="S21" s="257">
        <v>190</v>
      </c>
      <c r="T21" s="257">
        <v>193</v>
      </c>
      <c r="U21" s="257">
        <v>19</v>
      </c>
      <c r="V21" s="257">
        <v>58</v>
      </c>
      <c r="W21" s="254">
        <v>541</v>
      </c>
      <c r="X21" s="259">
        <v>541</v>
      </c>
    </row>
    <row r="22" spans="2:24" ht="21" customHeight="1" x14ac:dyDescent="0.2">
      <c r="B22" s="437" t="s">
        <v>20</v>
      </c>
      <c r="C22" s="257">
        <v>0</v>
      </c>
      <c r="D22" s="257">
        <v>0</v>
      </c>
      <c r="E22" s="254">
        <v>0</v>
      </c>
      <c r="F22" s="256">
        <v>0</v>
      </c>
      <c r="G22" s="257">
        <v>1111</v>
      </c>
      <c r="H22" s="257">
        <v>729</v>
      </c>
      <c r="I22" s="257">
        <v>432</v>
      </c>
      <c r="J22" s="257">
        <v>162</v>
      </c>
      <c r="K22" s="257">
        <v>81</v>
      </c>
      <c r="L22" s="254">
        <v>2515</v>
      </c>
      <c r="M22" s="259">
        <v>2515</v>
      </c>
      <c r="N22" s="257">
        <v>0</v>
      </c>
      <c r="O22" s="257">
        <v>0</v>
      </c>
      <c r="P22" s="254">
        <v>0</v>
      </c>
      <c r="Q22" s="256">
        <v>0</v>
      </c>
      <c r="R22" s="257">
        <v>22</v>
      </c>
      <c r="S22" s="257">
        <v>4</v>
      </c>
      <c r="T22" s="257">
        <v>36</v>
      </c>
      <c r="U22" s="257">
        <v>12</v>
      </c>
      <c r="V22" s="257">
        <v>23</v>
      </c>
      <c r="W22" s="254">
        <v>97</v>
      </c>
      <c r="X22" s="259">
        <v>97</v>
      </c>
    </row>
    <row r="23" spans="2:24" ht="21" customHeight="1" x14ac:dyDescent="0.2">
      <c r="B23" s="437" t="s">
        <v>21</v>
      </c>
      <c r="C23" s="257">
        <v>0</v>
      </c>
      <c r="D23" s="257">
        <v>0</v>
      </c>
      <c r="E23" s="254">
        <v>0</v>
      </c>
      <c r="F23" s="256">
        <v>0</v>
      </c>
      <c r="G23" s="257">
        <v>1378</v>
      </c>
      <c r="H23" s="257">
        <v>1222</v>
      </c>
      <c r="I23" s="257">
        <v>714</v>
      </c>
      <c r="J23" s="257">
        <v>296</v>
      </c>
      <c r="K23" s="257">
        <v>91</v>
      </c>
      <c r="L23" s="254">
        <v>3701</v>
      </c>
      <c r="M23" s="259">
        <v>3701</v>
      </c>
      <c r="N23" s="257">
        <v>0</v>
      </c>
      <c r="O23" s="257">
        <v>0</v>
      </c>
      <c r="P23" s="254">
        <v>0</v>
      </c>
      <c r="Q23" s="256">
        <v>0</v>
      </c>
      <c r="R23" s="257">
        <v>0</v>
      </c>
      <c r="S23" s="257">
        <v>0</v>
      </c>
      <c r="T23" s="257">
        <v>0</v>
      </c>
      <c r="U23" s="257">
        <v>0</v>
      </c>
      <c r="V23" s="257">
        <v>0</v>
      </c>
      <c r="W23" s="254">
        <v>0</v>
      </c>
      <c r="X23" s="259">
        <v>0</v>
      </c>
    </row>
    <row r="24" spans="2:24" ht="21" customHeight="1" x14ac:dyDescent="0.2">
      <c r="B24" s="437" t="s">
        <v>22</v>
      </c>
      <c r="C24" s="257">
        <v>0</v>
      </c>
      <c r="D24" s="257">
        <v>0</v>
      </c>
      <c r="E24" s="254">
        <v>0</v>
      </c>
      <c r="F24" s="256">
        <v>0</v>
      </c>
      <c r="G24" s="257">
        <v>898</v>
      </c>
      <c r="H24" s="257">
        <v>913</v>
      </c>
      <c r="I24" s="257">
        <v>581</v>
      </c>
      <c r="J24" s="257">
        <v>323</v>
      </c>
      <c r="K24" s="257">
        <v>23</v>
      </c>
      <c r="L24" s="254">
        <v>2738</v>
      </c>
      <c r="M24" s="259">
        <v>2738</v>
      </c>
      <c r="N24" s="257">
        <v>0</v>
      </c>
      <c r="O24" s="257">
        <v>0</v>
      </c>
      <c r="P24" s="254">
        <v>0</v>
      </c>
      <c r="Q24" s="256">
        <v>0</v>
      </c>
      <c r="R24" s="257">
        <v>13</v>
      </c>
      <c r="S24" s="257">
        <v>9</v>
      </c>
      <c r="T24" s="257">
        <v>58</v>
      </c>
      <c r="U24" s="257">
        <v>26</v>
      </c>
      <c r="V24" s="257">
        <v>26</v>
      </c>
      <c r="W24" s="254">
        <v>132</v>
      </c>
      <c r="X24" s="259">
        <v>132</v>
      </c>
    </row>
    <row r="25" spans="2:24" ht="21" customHeight="1" x14ac:dyDescent="0.2">
      <c r="B25" s="437" t="s">
        <v>23</v>
      </c>
      <c r="C25" s="257">
        <v>0</v>
      </c>
      <c r="D25" s="257">
        <v>0</v>
      </c>
      <c r="E25" s="254">
        <v>0</v>
      </c>
      <c r="F25" s="256">
        <v>0</v>
      </c>
      <c r="G25" s="257">
        <v>432</v>
      </c>
      <c r="H25" s="257">
        <v>376</v>
      </c>
      <c r="I25" s="257">
        <v>268</v>
      </c>
      <c r="J25" s="257">
        <v>207</v>
      </c>
      <c r="K25" s="257">
        <v>33</v>
      </c>
      <c r="L25" s="254">
        <v>1316</v>
      </c>
      <c r="M25" s="259">
        <v>1316</v>
      </c>
      <c r="N25" s="257">
        <v>0</v>
      </c>
      <c r="O25" s="257">
        <v>0</v>
      </c>
      <c r="P25" s="254">
        <v>0</v>
      </c>
      <c r="Q25" s="256">
        <v>0</v>
      </c>
      <c r="R25" s="257">
        <v>0</v>
      </c>
      <c r="S25" s="257">
        <v>0</v>
      </c>
      <c r="T25" s="257">
        <v>15</v>
      </c>
      <c r="U25" s="257">
        <v>20</v>
      </c>
      <c r="V25" s="257">
        <v>0</v>
      </c>
      <c r="W25" s="254">
        <v>35</v>
      </c>
      <c r="X25" s="259">
        <v>35</v>
      </c>
    </row>
    <row r="26" spans="2:24" ht="21" customHeight="1" x14ac:dyDescent="0.2">
      <c r="B26" s="437" t="s">
        <v>24</v>
      </c>
      <c r="C26" s="257">
        <v>0</v>
      </c>
      <c r="D26" s="257">
        <v>0</v>
      </c>
      <c r="E26" s="254">
        <v>0</v>
      </c>
      <c r="F26" s="256">
        <v>0</v>
      </c>
      <c r="G26" s="257">
        <v>197</v>
      </c>
      <c r="H26" s="257">
        <v>140</v>
      </c>
      <c r="I26" s="257">
        <v>103</v>
      </c>
      <c r="J26" s="257">
        <v>52</v>
      </c>
      <c r="K26" s="257">
        <v>4</v>
      </c>
      <c r="L26" s="254">
        <v>496</v>
      </c>
      <c r="M26" s="259">
        <v>496</v>
      </c>
      <c r="N26" s="257">
        <v>0</v>
      </c>
      <c r="O26" s="257">
        <v>0</v>
      </c>
      <c r="P26" s="254">
        <v>0</v>
      </c>
      <c r="Q26" s="256">
        <v>0</v>
      </c>
      <c r="R26" s="257">
        <v>40</v>
      </c>
      <c r="S26" s="257">
        <v>55</v>
      </c>
      <c r="T26" s="257">
        <v>28</v>
      </c>
      <c r="U26" s="257">
        <v>28</v>
      </c>
      <c r="V26" s="257">
        <v>7</v>
      </c>
      <c r="W26" s="254">
        <v>158</v>
      </c>
      <c r="X26" s="259">
        <v>158</v>
      </c>
    </row>
    <row r="27" spans="2:24" ht="21" customHeight="1" x14ac:dyDescent="0.2">
      <c r="B27" s="437" t="s">
        <v>25</v>
      </c>
      <c r="C27" s="257">
        <v>0</v>
      </c>
      <c r="D27" s="257">
        <v>0</v>
      </c>
      <c r="E27" s="254">
        <v>0</v>
      </c>
      <c r="F27" s="256">
        <v>0</v>
      </c>
      <c r="G27" s="257">
        <v>647</v>
      </c>
      <c r="H27" s="257">
        <v>234</v>
      </c>
      <c r="I27" s="257">
        <v>135</v>
      </c>
      <c r="J27" s="257">
        <v>55</v>
      </c>
      <c r="K27" s="257">
        <v>0</v>
      </c>
      <c r="L27" s="254">
        <v>1071</v>
      </c>
      <c r="M27" s="259">
        <v>1071</v>
      </c>
      <c r="N27" s="257">
        <v>0</v>
      </c>
      <c r="O27" s="257">
        <v>0</v>
      </c>
      <c r="P27" s="254">
        <v>0</v>
      </c>
      <c r="Q27" s="256">
        <v>0</v>
      </c>
      <c r="R27" s="257">
        <v>0</v>
      </c>
      <c r="S27" s="257">
        <v>0</v>
      </c>
      <c r="T27" s="257">
        <v>0</v>
      </c>
      <c r="U27" s="257">
        <v>0</v>
      </c>
      <c r="V27" s="257">
        <v>0</v>
      </c>
      <c r="W27" s="254">
        <v>0</v>
      </c>
      <c r="X27" s="259">
        <v>0</v>
      </c>
    </row>
    <row r="28" spans="2:24" ht="21" customHeight="1" x14ac:dyDescent="0.2">
      <c r="B28" s="437" t="s">
        <v>26</v>
      </c>
      <c r="C28" s="257">
        <v>0</v>
      </c>
      <c r="D28" s="257">
        <v>0</v>
      </c>
      <c r="E28" s="254">
        <v>0</v>
      </c>
      <c r="F28" s="256">
        <v>0</v>
      </c>
      <c r="G28" s="257">
        <v>316</v>
      </c>
      <c r="H28" s="257">
        <v>284</v>
      </c>
      <c r="I28" s="257">
        <v>264</v>
      </c>
      <c r="J28" s="257">
        <v>95</v>
      </c>
      <c r="K28" s="257">
        <v>67</v>
      </c>
      <c r="L28" s="254">
        <v>1026</v>
      </c>
      <c r="M28" s="259">
        <v>1026</v>
      </c>
      <c r="N28" s="257">
        <v>0</v>
      </c>
      <c r="O28" s="257">
        <v>0</v>
      </c>
      <c r="P28" s="254">
        <v>0</v>
      </c>
      <c r="Q28" s="256">
        <v>0</v>
      </c>
      <c r="R28" s="257">
        <v>0</v>
      </c>
      <c r="S28" s="257">
        <v>27</v>
      </c>
      <c r="T28" s="257">
        <v>27</v>
      </c>
      <c r="U28" s="257">
        <v>8</v>
      </c>
      <c r="V28" s="257">
        <v>43</v>
      </c>
      <c r="W28" s="254">
        <v>105</v>
      </c>
      <c r="X28" s="259">
        <v>105</v>
      </c>
    </row>
    <row r="29" spans="2:24" ht="21" customHeight="1" x14ac:dyDescent="0.2">
      <c r="B29" s="437" t="s">
        <v>27</v>
      </c>
      <c r="C29" s="257">
        <v>0</v>
      </c>
      <c r="D29" s="257">
        <v>0</v>
      </c>
      <c r="E29" s="254">
        <v>0</v>
      </c>
      <c r="F29" s="256">
        <v>0</v>
      </c>
      <c r="G29" s="257">
        <v>245</v>
      </c>
      <c r="H29" s="257">
        <v>114</v>
      </c>
      <c r="I29" s="257">
        <v>57</v>
      </c>
      <c r="J29" s="257">
        <v>22</v>
      </c>
      <c r="K29" s="257">
        <v>0</v>
      </c>
      <c r="L29" s="254">
        <v>438</v>
      </c>
      <c r="M29" s="259">
        <v>438</v>
      </c>
      <c r="N29" s="257">
        <v>0</v>
      </c>
      <c r="O29" s="257">
        <v>0</v>
      </c>
      <c r="P29" s="254">
        <v>0</v>
      </c>
      <c r="Q29" s="256">
        <v>0</v>
      </c>
      <c r="R29" s="257">
        <v>5</v>
      </c>
      <c r="S29" s="257">
        <v>3</v>
      </c>
      <c r="T29" s="257">
        <v>18</v>
      </c>
      <c r="U29" s="257">
        <v>21</v>
      </c>
      <c r="V29" s="257">
        <v>24</v>
      </c>
      <c r="W29" s="254">
        <v>71</v>
      </c>
      <c r="X29" s="259">
        <v>71</v>
      </c>
    </row>
    <row r="30" spans="2:24" ht="21" customHeight="1" x14ac:dyDescent="0.2">
      <c r="B30" s="437" t="s">
        <v>28</v>
      </c>
      <c r="C30" s="257">
        <v>0</v>
      </c>
      <c r="D30" s="257">
        <v>0</v>
      </c>
      <c r="E30" s="254">
        <v>0</v>
      </c>
      <c r="F30" s="256">
        <v>0</v>
      </c>
      <c r="G30" s="257">
        <v>192</v>
      </c>
      <c r="H30" s="257">
        <v>88</v>
      </c>
      <c r="I30" s="257">
        <v>31</v>
      </c>
      <c r="J30" s="257">
        <v>24</v>
      </c>
      <c r="K30" s="257">
        <v>3</v>
      </c>
      <c r="L30" s="254">
        <v>338</v>
      </c>
      <c r="M30" s="259">
        <v>338</v>
      </c>
      <c r="N30" s="257">
        <v>0</v>
      </c>
      <c r="O30" s="257">
        <v>0</v>
      </c>
      <c r="P30" s="254">
        <v>0</v>
      </c>
      <c r="Q30" s="256">
        <v>0</v>
      </c>
      <c r="R30" s="257">
        <v>16</v>
      </c>
      <c r="S30" s="257">
        <v>16</v>
      </c>
      <c r="T30" s="257">
        <v>8</v>
      </c>
      <c r="U30" s="257">
        <v>23</v>
      </c>
      <c r="V30" s="257">
        <v>0</v>
      </c>
      <c r="W30" s="254">
        <v>63</v>
      </c>
      <c r="X30" s="259">
        <v>63</v>
      </c>
    </row>
    <row r="31" spans="2:24" ht="21" customHeight="1" x14ac:dyDescent="0.2">
      <c r="B31" s="437" t="s">
        <v>29</v>
      </c>
      <c r="C31" s="257">
        <v>0</v>
      </c>
      <c r="D31" s="257">
        <v>0</v>
      </c>
      <c r="E31" s="254">
        <v>0</v>
      </c>
      <c r="F31" s="256">
        <v>0</v>
      </c>
      <c r="G31" s="257">
        <v>104</v>
      </c>
      <c r="H31" s="257">
        <v>114</v>
      </c>
      <c r="I31" s="257">
        <v>72</v>
      </c>
      <c r="J31" s="257">
        <v>21</v>
      </c>
      <c r="K31" s="257">
        <v>0</v>
      </c>
      <c r="L31" s="254">
        <v>311</v>
      </c>
      <c r="M31" s="259">
        <v>311</v>
      </c>
      <c r="N31" s="257">
        <v>0</v>
      </c>
      <c r="O31" s="257">
        <v>0</v>
      </c>
      <c r="P31" s="254">
        <v>0</v>
      </c>
      <c r="Q31" s="256">
        <v>0</v>
      </c>
      <c r="R31" s="257">
        <v>10</v>
      </c>
      <c r="S31" s="257">
        <v>13</v>
      </c>
      <c r="T31" s="257">
        <v>0</v>
      </c>
      <c r="U31" s="257">
        <v>0</v>
      </c>
      <c r="V31" s="257">
        <v>0</v>
      </c>
      <c r="W31" s="254">
        <v>23</v>
      </c>
      <c r="X31" s="259">
        <v>23</v>
      </c>
    </row>
    <row r="32" spans="2:24" ht="21" customHeight="1" x14ac:dyDescent="0.2">
      <c r="B32" s="437" t="s">
        <v>30</v>
      </c>
      <c r="C32" s="257">
        <v>0</v>
      </c>
      <c r="D32" s="257">
        <v>0</v>
      </c>
      <c r="E32" s="254">
        <v>0</v>
      </c>
      <c r="F32" s="256">
        <v>0</v>
      </c>
      <c r="G32" s="257">
        <v>196</v>
      </c>
      <c r="H32" s="257">
        <v>54</v>
      </c>
      <c r="I32" s="257">
        <v>104</v>
      </c>
      <c r="J32" s="257">
        <v>44</v>
      </c>
      <c r="K32" s="257">
        <v>0</v>
      </c>
      <c r="L32" s="254">
        <v>398</v>
      </c>
      <c r="M32" s="259">
        <v>398</v>
      </c>
      <c r="N32" s="257">
        <v>0</v>
      </c>
      <c r="O32" s="257">
        <v>0</v>
      </c>
      <c r="P32" s="254">
        <v>0</v>
      </c>
      <c r="Q32" s="256">
        <v>0</v>
      </c>
      <c r="R32" s="257">
        <v>4</v>
      </c>
      <c r="S32" s="257">
        <v>30</v>
      </c>
      <c r="T32" s="257">
        <v>11</v>
      </c>
      <c r="U32" s="257">
        <v>0</v>
      </c>
      <c r="V32" s="257">
        <v>0</v>
      </c>
      <c r="W32" s="254">
        <v>45</v>
      </c>
      <c r="X32" s="259">
        <v>45</v>
      </c>
    </row>
    <row r="33" spans="2:24" ht="21" customHeight="1" x14ac:dyDescent="0.2">
      <c r="B33" s="437" t="s">
        <v>31</v>
      </c>
      <c r="C33" s="257">
        <v>0</v>
      </c>
      <c r="D33" s="257">
        <v>0</v>
      </c>
      <c r="E33" s="254">
        <v>0</v>
      </c>
      <c r="F33" s="256">
        <v>0</v>
      </c>
      <c r="G33" s="257">
        <v>159</v>
      </c>
      <c r="H33" s="257">
        <v>102</v>
      </c>
      <c r="I33" s="257">
        <v>153</v>
      </c>
      <c r="J33" s="257">
        <v>25</v>
      </c>
      <c r="K33" s="257">
        <v>0</v>
      </c>
      <c r="L33" s="254">
        <v>439</v>
      </c>
      <c r="M33" s="259">
        <v>439</v>
      </c>
      <c r="N33" s="257">
        <v>0</v>
      </c>
      <c r="O33" s="257">
        <v>0</v>
      </c>
      <c r="P33" s="254">
        <v>0</v>
      </c>
      <c r="Q33" s="256">
        <v>0</v>
      </c>
      <c r="R33" s="257">
        <v>0</v>
      </c>
      <c r="S33" s="257">
        <v>4</v>
      </c>
      <c r="T33" s="257">
        <v>4</v>
      </c>
      <c r="U33" s="257">
        <v>14</v>
      </c>
      <c r="V33" s="257">
        <v>17</v>
      </c>
      <c r="W33" s="254">
        <v>39</v>
      </c>
      <c r="X33" s="259">
        <v>39</v>
      </c>
    </row>
    <row r="34" spans="2:24" ht="21" customHeight="1" x14ac:dyDescent="0.2">
      <c r="B34" s="437" t="s">
        <v>32</v>
      </c>
      <c r="C34" s="257">
        <v>0</v>
      </c>
      <c r="D34" s="257">
        <v>0</v>
      </c>
      <c r="E34" s="254">
        <v>0</v>
      </c>
      <c r="F34" s="256">
        <v>0</v>
      </c>
      <c r="G34" s="257">
        <v>282</v>
      </c>
      <c r="H34" s="257">
        <v>202</v>
      </c>
      <c r="I34" s="257">
        <v>65</v>
      </c>
      <c r="J34" s="257">
        <v>33</v>
      </c>
      <c r="K34" s="257">
        <v>17</v>
      </c>
      <c r="L34" s="254">
        <v>599</v>
      </c>
      <c r="M34" s="259">
        <v>599</v>
      </c>
      <c r="N34" s="257">
        <v>0</v>
      </c>
      <c r="O34" s="257">
        <v>0</v>
      </c>
      <c r="P34" s="254">
        <v>0</v>
      </c>
      <c r="Q34" s="256">
        <v>0</v>
      </c>
      <c r="R34" s="257">
        <v>61</v>
      </c>
      <c r="S34" s="257">
        <v>9</v>
      </c>
      <c r="T34" s="257">
        <v>0</v>
      </c>
      <c r="U34" s="257">
        <v>0</v>
      </c>
      <c r="V34" s="257">
        <v>12</v>
      </c>
      <c r="W34" s="254">
        <v>82</v>
      </c>
      <c r="X34" s="259">
        <v>82</v>
      </c>
    </row>
    <row r="35" spans="2:24" ht="21" customHeight="1" x14ac:dyDescent="0.2">
      <c r="B35" s="437" t="s">
        <v>33</v>
      </c>
      <c r="C35" s="257">
        <v>0</v>
      </c>
      <c r="D35" s="257">
        <v>0</v>
      </c>
      <c r="E35" s="254">
        <v>0</v>
      </c>
      <c r="F35" s="256">
        <v>0</v>
      </c>
      <c r="G35" s="257">
        <v>150</v>
      </c>
      <c r="H35" s="257">
        <v>141</v>
      </c>
      <c r="I35" s="257">
        <v>79</v>
      </c>
      <c r="J35" s="257">
        <v>17</v>
      </c>
      <c r="K35" s="257">
        <v>8</v>
      </c>
      <c r="L35" s="254">
        <v>395</v>
      </c>
      <c r="M35" s="259">
        <v>395</v>
      </c>
      <c r="N35" s="257">
        <v>0</v>
      </c>
      <c r="O35" s="257">
        <v>0</v>
      </c>
      <c r="P35" s="254">
        <v>0</v>
      </c>
      <c r="Q35" s="256">
        <v>0</v>
      </c>
      <c r="R35" s="257">
        <v>0</v>
      </c>
      <c r="S35" s="257">
        <v>0</v>
      </c>
      <c r="T35" s="257">
        <v>0</v>
      </c>
      <c r="U35" s="257">
        <v>0</v>
      </c>
      <c r="V35" s="257">
        <v>0</v>
      </c>
      <c r="W35" s="254">
        <v>0</v>
      </c>
      <c r="X35" s="259">
        <v>0</v>
      </c>
    </row>
    <row r="36" spans="2:24" ht="21" customHeight="1" x14ac:dyDescent="0.2">
      <c r="B36" s="437" t="s">
        <v>34</v>
      </c>
      <c r="C36" s="257">
        <v>0</v>
      </c>
      <c r="D36" s="257">
        <v>0</v>
      </c>
      <c r="E36" s="254">
        <v>0</v>
      </c>
      <c r="F36" s="256">
        <v>0</v>
      </c>
      <c r="G36" s="257">
        <v>84</v>
      </c>
      <c r="H36" s="257">
        <v>34</v>
      </c>
      <c r="I36" s="257">
        <v>51</v>
      </c>
      <c r="J36" s="257">
        <v>22</v>
      </c>
      <c r="K36" s="257">
        <v>0</v>
      </c>
      <c r="L36" s="254">
        <v>191</v>
      </c>
      <c r="M36" s="259">
        <v>191</v>
      </c>
      <c r="N36" s="257">
        <v>0</v>
      </c>
      <c r="O36" s="257">
        <v>0</v>
      </c>
      <c r="P36" s="254">
        <v>0</v>
      </c>
      <c r="Q36" s="256">
        <v>0</v>
      </c>
      <c r="R36" s="257">
        <v>0</v>
      </c>
      <c r="S36" s="257">
        <v>0</v>
      </c>
      <c r="T36" s="257">
        <v>0</v>
      </c>
      <c r="U36" s="257">
        <v>0</v>
      </c>
      <c r="V36" s="257">
        <v>0</v>
      </c>
      <c r="W36" s="254">
        <v>0</v>
      </c>
      <c r="X36" s="259">
        <v>0</v>
      </c>
    </row>
    <row r="37" spans="2:24" ht="21" customHeight="1" x14ac:dyDescent="0.2">
      <c r="B37" s="437" t="s">
        <v>35</v>
      </c>
      <c r="C37" s="257">
        <v>0</v>
      </c>
      <c r="D37" s="257">
        <v>0</v>
      </c>
      <c r="E37" s="254">
        <v>0</v>
      </c>
      <c r="F37" s="256">
        <v>0</v>
      </c>
      <c r="G37" s="257">
        <v>126</v>
      </c>
      <c r="H37" s="257">
        <v>131</v>
      </c>
      <c r="I37" s="257">
        <v>144</v>
      </c>
      <c r="J37" s="257">
        <v>103</v>
      </c>
      <c r="K37" s="257">
        <v>22</v>
      </c>
      <c r="L37" s="254">
        <v>526</v>
      </c>
      <c r="M37" s="259">
        <v>526</v>
      </c>
      <c r="N37" s="257">
        <v>0</v>
      </c>
      <c r="O37" s="257">
        <v>0</v>
      </c>
      <c r="P37" s="254">
        <v>0</v>
      </c>
      <c r="Q37" s="256">
        <v>0</v>
      </c>
      <c r="R37" s="257">
        <v>0</v>
      </c>
      <c r="S37" s="257">
        <v>0</v>
      </c>
      <c r="T37" s="257">
        <v>0</v>
      </c>
      <c r="U37" s="257">
        <v>0</v>
      </c>
      <c r="V37" s="257">
        <v>0</v>
      </c>
      <c r="W37" s="254">
        <v>0</v>
      </c>
      <c r="X37" s="259">
        <v>0</v>
      </c>
    </row>
    <row r="38" spans="2:24" ht="21" customHeight="1" x14ac:dyDescent="0.2">
      <c r="B38" s="437" t="s">
        <v>36</v>
      </c>
      <c r="C38" s="257">
        <v>0</v>
      </c>
      <c r="D38" s="257">
        <v>0</v>
      </c>
      <c r="E38" s="254">
        <v>0</v>
      </c>
      <c r="F38" s="256">
        <v>0</v>
      </c>
      <c r="G38" s="257">
        <v>485</v>
      </c>
      <c r="H38" s="257">
        <v>345</v>
      </c>
      <c r="I38" s="257">
        <v>462</v>
      </c>
      <c r="J38" s="257">
        <v>160</v>
      </c>
      <c r="K38" s="257">
        <v>202</v>
      </c>
      <c r="L38" s="254">
        <v>1654</v>
      </c>
      <c r="M38" s="259">
        <v>1654</v>
      </c>
      <c r="N38" s="257">
        <v>0</v>
      </c>
      <c r="O38" s="257">
        <v>0</v>
      </c>
      <c r="P38" s="254">
        <v>0</v>
      </c>
      <c r="Q38" s="256">
        <v>0</v>
      </c>
      <c r="R38" s="257">
        <v>0</v>
      </c>
      <c r="S38" s="257">
        <v>0</v>
      </c>
      <c r="T38" s="257">
        <v>0</v>
      </c>
      <c r="U38" s="257">
        <v>0</v>
      </c>
      <c r="V38" s="257">
        <v>0</v>
      </c>
      <c r="W38" s="254">
        <v>0</v>
      </c>
      <c r="X38" s="259">
        <v>0</v>
      </c>
    </row>
    <row r="39" spans="2:24" ht="21" customHeight="1" thickBot="1" x14ac:dyDescent="0.25">
      <c r="B39" s="438" t="s">
        <v>37</v>
      </c>
      <c r="C39" s="264">
        <v>0</v>
      </c>
      <c r="D39" s="264">
        <v>0</v>
      </c>
      <c r="E39" s="261">
        <v>0</v>
      </c>
      <c r="F39" s="263">
        <v>0</v>
      </c>
      <c r="G39" s="264">
        <v>121</v>
      </c>
      <c r="H39" s="264">
        <v>47</v>
      </c>
      <c r="I39" s="264">
        <v>59</v>
      </c>
      <c r="J39" s="264">
        <v>0</v>
      </c>
      <c r="K39" s="264">
        <v>26</v>
      </c>
      <c r="L39" s="261">
        <v>253</v>
      </c>
      <c r="M39" s="266">
        <v>253</v>
      </c>
      <c r="N39" s="264">
        <v>0</v>
      </c>
      <c r="O39" s="264">
        <v>0</v>
      </c>
      <c r="P39" s="261">
        <v>0</v>
      </c>
      <c r="Q39" s="263">
        <v>0</v>
      </c>
      <c r="R39" s="264">
        <v>4</v>
      </c>
      <c r="S39" s="264">
        <v>0</v>
      </c>
      <c r="T39" s="264">
        <v>0</v>
      </c>
      <c r="U39" s="264">
        <v>10</v>
      </c>
      <c r="V39" s="264">
        <v>0</v>
      </c>
      <c r="W39" s="261">
        <v>14</v>
      </c>
      <c r="X39" s="266">
        <v>14</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 style="238" customWidth="1"/>
    <col min="6" max="6" width="7.77734375" style="238" customWidth="1"/>
    <col min="7" max="7" width="10.77734375" style="238" customWidth="1"/>
    <col min="8" max="16" width="9" style="238"/>
    <col min="17" max="17" width="7.6640625" style="238" customWidth="1"/>
    <col min="18" max="16384" width="9" style="238"/>
  </cols>
  <sheetData>
    <row r="1" spans="2:24" ht="24" customHeight="1" x14ac:dyDescent="0.2">
      <c r="B1" s="267" t="s">
        <v>124</v>
      </c>
      <c r="H1" s="495">
        <f>第１表!F2</f>
        <v>6</v>
      </c>
      <c r="I1" s="495"/>
      <c r="J1" s="231">
        <f>第１表!G2</f>
        <v>3</v>
      </c>
      <c r="K1" s="499">
        <f>IF(J1&lt;3,J1+12-2,J1-2)</f>
        <v>1</v>
      </c>
      <c r="L1" s="499"/>
    </row>
    <row r="2" spans="2:24" ht="24" customHeight="1" thickBot="1" x14ac:dyDescent="0.25">
      <c r="B2" s="267" t="s">
        <v>133</v>
      </c>
    </row>
    <row r="3" spans="2:24" ht="21" customHeight="1" x14ac:dyDescent="0.2">
      <c r="B3" s="511"/>
      <c r="C3" s="507" t="s">
        <v>141</v>
      </c>
      <c r="D3" s="507"/>
      <c r="E3" s="507"/>
      <c r="F3" s="507"/>
      <c r="G3" s="507"/>
      <c r="H3" s="507"/>
      <c r="I3" s="507"/>
      <c r="J3" s="507"/>
      <c r="K3" s="507"/>
      <c r="L3" s="507"/>
      <c r="M3" s="537"/>
      <c r="N3" s="507" t="s">
        <v>113</v>
      </c>
      <c r="O3" s="507"/>
      <c r="P3" s="507"/>
      <c r="Q3" s="507"/>
      <c r="R3" s="507"/>
      <c r="S3" s="507"/>
      <c r="T3" s="507"/>
      <c r="U3" s="507"/>
      <c r="V3" s="507"/>
      <c r="W3" s="507"/>
      <c r="X3" s="537"/>
    </row>
    <row r="4" spans="2:24" ht="21" customHeight="1" x14ac:dyDescent="0.2">
      <c r="B4" s="535"/>
      <c r="C4" s="538" t="s">
        <v>61</v>
      </c>
      <c r="D4" s="538"/>
      <c r="E4" s="539"/>
      <c r="F4" s="540" t="s">
        <v>62</v>
      </c>
      <c r="G4" s="538"/>
      <c r="H4" s="538"/>
      <c r="I4" s="538"/>
      <c r="J4" s="538"/>
      <c r="K4" s="538"/>
      <c r="L4" s="541"/>
      <c r="M4" s="542" t="s">
        <v>52</v>
      </c>
      <c r="N4" s="538" t="s">
        <v>61</v>
      </c>
      <c r="O4" s="538"/>
      <c r="P4" s="539"/>
      <c r="Q4" s="540" t="s">
        <v>62</v>
      </c>
      <c r="R4" s="538"/>
      <c r="S4" s="538"/>
      <c r="T4" s="538"/>
      <c r="U4" s="538"/>
      <c r="V4" s="538"/>
      <c r="W4" s="541"/>
      <c r="X4" s="542" t="s">
        <v>52</v>
      </c>
    </row>
    <row r="5" spans="2:24" ht="30" customHeight="1" thickBot="1" x14ac:dyDescent="0.25">
      <c r="B5" s="536"/>
      <c r="C5" s="239" t="s">
        <v>43</v>
      </c>
      <c r="D5" s="239" t="s">
        <v>44</v>
      </c>
      <c r="E5" s="242" t="s">
        <v>45</v>
      </c>
      <c r="F5" s="244" t="s">
        <v>83</v>
      </c>
      <c r="G5" s="239" t="s">
        <v>47</v>
      </c>
      <c r="H5" s="239" t="s">
        <v>48</v>
      </c>
      <c r="I5" s="239" t="s">
        <v>49</v>
      </c>
      <c r="J5" s="239" t="s">
        <v>50</v>
      </c>
      <c r="K5" s="239" t="s">
        <v>51</v>
      </c>
      <c r="L5" s="242" t="s">
        <v>45</v>
      </c>
      <c r="M5" s="510"/>
      <c r="N5" s="239" t="s">
        <v>43</v>
      </c>
      <c r="O5" s="239" t="s">
        <v>44</v>
      </c>
      <c r="P5" s="242" t="s">
        <v>45</v>
      </c>
      <c r="Q5" s="244" t="s">
        <v>83</v>
      </c>
      <c r="R5" s="239" t="s">
        <v>47</v>
      </c>
      <c r="S5" s="239" t="s">
        <v>48</v>
      </c>
      <c r="T5" s="239" t="s">
        <v>49</v>
      </c>
      <c r="U5" s="239" t="s">
        <v>50</v>
      </c>
      <c r="V5" s="239" t="s">
        <v>51</v>
      </c>
      <c r="W5" s="242" t="s">
        <v>45</v>
      </c>
      <c r="X5" s="510"/>
    </row>
    <row r="6" spans="2:24" ht="21" customHeight="1" x14ac:dyDescent="0.2">
      <c r="B6" s="435" t="s">
        <v>4</v>
      </c>
      <c r="C6" s="250">
        <v>0</v>
      </c>
      <c r="D6" s="250">
        <v>0</v>
      </c>
      <c r="E6" s="247">
        <v>0</v>
      </c>
      <c r="F6" s="249">
        <v>0</v>
      </c>
      <c r="G6" s="250">
        <v>6096</v>
      </c>
      <c r="H6" s="250">
        <v>5746</v>
      </c>
      <c r="I6" s="250">
        <v>3079</v>
      </c>
      <c r="J6" s="250">
        <v>1438</v>
      </c>
      <c r="K6" s="250">
        <v>533</v>
      </c>
      <c r="L6" s="247">
        <v>16892</v>
      </c>
      <c r="M6" s="252">
        <v>16892</v>
      </c>
      <c r="N6" s="250">
        <v>0</v>
      </c>
      <c r="O6" s="250">
        <v>0</v>
      </c>
      <c r="P6" s="247">
        <v>0</v>
      </c>
      <c r="Q6" s="249">
        <v>0</v>
      </c>
      <c r="R6" s="250">
        <v>511</v>
      </c>
      <c r="S6" s="250">
        <v>588</v>
      </c>
      <c r="T6" s="250">
        <v>764</v>
      </c>
      <c r="U6" s="250">
        <v>454</v>
      </c>
      <c r="V6" s="250">
        <v>170</v>
      </c>
      <c r="W6" s="247">
        <v>2487</v>
      </c>
      <c r="X6" s="252">
        <v>2487</v>
      </c>
    </row>
    <row r="7" spans="2:24" ht="21" customHeight="1" x14ac:dyDescent="0.2">
      <c r="B7" s="436" t="s">
        <v>5</v>
      </c>
      <c r="C7" s="257">
        <v>0</v>
      </c>
      <c r="D7" s="257">
        <v>0</v>
      </c>
      <c r="E7" s="254">
        <v>0</v>
      </c>
      <c r="F7" s="256">
        <v>0</v>
      </c>
      <c r="G7" s="257">
        <v>2423</v>
      </c>
      <c r="H7" s="257">
        <v>2896</v>
      </c>
      <c r="I7" s="257">
        <v>1479</v>
      </c>
      <c r="J7" s="257">
        <v>712</v>
      </c>
      <c r="K7" s="257">
        <v>222</v>
      </c>
      <c r="L7" s="254">
        <v>7732</v>
      </c>
      <c r="M7" s="259">
        <v>7732</v>
      </c>
      <c r="N7" s="257">
        <v>0</v>
      </c>
      <c r="O7" s="257">
        <v>0</v>
      </c>
      <c r="P7" s="254">
        <v>0</v>
      </c>
      <c r="Q7" s="256">
        <v>0</v>
      </c>
      <c r="R7" s="257">
        <v>237</v>
      </c>
      <c r="S7" s="257">
        <v>288</v>
      </c>
      <c r="T7" s="257">
        <v>369</v>
      </c>
      <c r="U7" s="257">
        <v>211</v>
      </c>
      <c r="V7" s="257">
        <v>76</v>
      </c>
      <c r="W7" s="254">
        <v>1181</v>
      </c>
      <c r="X7" s="259">
        <v>1181</v>
      </c>
    </row>
    <row r="8" spans="2:24" ht="21" customHeight="1" x14ac:dyDescent="0.2">
      <c r="B8" s="437" t="s">
        <v>6</v>
      </c>
      <c r="C8" s="257">
        <v>0</v>
      </c>
      <c r="D8" s="257">
        <v>0</v>
      </c>
      <c r="E8" s="254">
        <v>0</v>
      </c>
      <c r="F8" s="256">
        <v>0</v>
      </c>
      <c r="G8" s="257">
        <v>747</v>
      </c>
      <c r="H8" s="257">
        <v>510</v>
      </c>
      <c r="I8" s="257">
        <v>251</v>
      </c>
      <c r="J8" s="257">
        <v>186</v>
      </c>
      <c r="K8" s="257">
        <v>65</v>
      </c>
      <c r="L8" s="254">
        <v>1759</v>
      </c>
      <c r="M8" s="259">
        <v>1759</v>
      </c>
      <c r="N8" s="257">
        <v>0</v>
      </c>
      <c r="O8" s="257">
        <v>0</v>
      </c>
      <c r="P8" s="254">
        <v>0</v>
      </c>
      <c r="Q8" s="256">
        <v>0</v>
      </c>
      <c r="R8" s="257">
        <v>125</v>
      </c>
      <c r="S8" s="257">
        <v>109</v>
      </c>
      <c r="T8" s="257">
        <v>127</v>
      </c>
      <c r="U8" s="257">
        <v>88</v>
      </c>
      <c r="V8" s="257">
        <v>59</v>
      </c>
      <c r="W8" s="254">
        <v>508</v>
      </c>
      <c r="X8" s="259">
        <v>508</v>
      </c>
    </row>
    <row r="9" spans="2:24" ht="21" customHeight="1" x14ac:dyDescent="0.2">
      <c r="B9" s="437" t="s">
        <v>14</v>
      </c>
      <c r="C9" s="257">
        <v>0</v>
      </c>
      <c r="D9" s="257">
        <v>0</v>
      </c>
      <c r="E9" s="254">
        <v>0</v>
      </c>
      <c r="F9" s="256">
        <v>0</v>
      </c>
      <c r="G9" s="257">
        <v>507</v>
      </c>
      <c r="H9" s="257">
        <v>547</v>
      </c>
      <c r="I9" s="257">
        <v>356</v>
      </c>
      <c r="J9" s="257">
        <v>167</v>
      </c>
      <c r="K9" s="257">
        <v>38</v>
      </c>
      <c r="L9" s="254">
        <v>1615</v>
      </c>
      <c r="M9" s="259">
        <v>1615</v>
      </c>
      <c r="N9" s="257">
        <v>0</v>
      </c>
      <c r="O9" s="257">
        <v>0</v>
      </c>
      <c r="P9" s="254">
        <v>0</v>
      </c>
      <c r="Q9" s="256">
        <v>0</v>
      </c>
      <c r="R9" s="257">
        <v>4</v>
      </c>
      <c r="S9" s="257">
        <v>34</v>
      </c>
      <c r="T9" s="257">
        <v>25</v>
      </c>
      <c r="U9" s="257">
        <v>0</v>
      </c>
      <c r="V9" s="257">
        <v>0</v>
      </c>
      <c r="W9" s="254">
        <v>63</v>
      </c>
      <c r="X9" s="259">
        <v>63</v>
      </c>
    </row>
    <row r="10" spans="2:24" ht="21" customHeight="1" x14ac:dyDescent="0.2">
      <c r="B10" s="437" t="s">
        <v>7</v>
      </c>
      <c r="C10" s="257">
        <v>0</v>
      </c>
      <c r="D10" s="257">
        <v>0</v>
      </c>
      <c r="E10" s="254">
        <v>0</v>
      </c>
      <c r="F10" s="256">
        <v>0</v>
      </c>
      <c r="G10" s="257">
        <v>450</v>
      </c>
      <c r="H10" s="257">
        <v>364</v>
      </c>
      <c r="I10" s="257">
        <v>141</v>
      </c>
      <c r="J10" s="257">
        <v>44</v>
      </c>
      <c r="K10" s="257">
        <v>20</v>
      </c>
      <c r="L10" s="254">
        <v>1019</v>
      </c>
      <c r="M10" s="259">
        <v>1019</v>
      </c>
      <c r="N10" s="257">
        <v>0</v>
      </c>
      <c r="O10" s="257">
        <v>0</v>
      </c>
      <c r="P10" s="254">
        <v>0</v>
      </c>
      <c r="Q10" s="256">
        <v>0</v>
      </c>
      <c r="R10" s="257">
        <v>45</v>
      </c>
      <c r="S10" s="257">
        <v>53</v>
      </c>
      <c r="T10" s="257">
        <v>46</v>
      </c>
      <c r="U10" s="257">
        <v>85</v>
      </c>
      <c r="V10" s="257">
        <v>15</v>
      </c>
      <c r="W10" s="254">
        <v>244</v>
      </c>
      <c r="X10" s="259">
        <v>244</v>
      </c>
    </row>
    <row r="11" spans="2:24" ht="21" customHeight="1" x14ac:dyDescent="0.2">
      <c r="B11" s="437" t="s">
        <v>8</v>
      </c>
      <c r="C11" s="257">
        <v>0</v>
      </c>
      <c r="D11" s="257">
        <v>0</v>
      </c>
      <c r="E11" s="254">
        <v>0</v>
      </c>
      <c r="F11" s="256">
        <v>0</v>
      </c>
      <c r="G11" s="257">
        <v>202</v>
      </c>
      <c r="H11" s="257">
        <v>246</v>
      </c>
      <c r="I11" s="257">
        <v>140</v>
      </c>
      <c r="J11" s="257">
        <v>52</v>
      </c>
      <c r="K11" s="257">
        <v>27</v>
      </c>
      <c r="L11" s="254">
        <v>667</v>
      </c>
      <c r="M11" s="259">
        <v>667</v>
      </c>
      <c r="N11" s="257">
        <v>0</v>
      </c>
      <c r="O11" s="257">
        <v>0</v>
      </c>
      <c r="P11" s="254">
        <v>0</v>
      </c>
      <c r="Q11" s="256">
        <v>0</v>
      </c>
      <c r="R11" s="257">
        <v>5</v>
      </c>
      <c r="S11" s="257">
        <v>0</v>
      </c>
      <c r="T11" s="257">
        <v>0</v>
      </c>
      <c r="U11" s="257">
        <v>8</v>
      </c>
      <c r="V11" s="257">
        <v>0</v>
      </c>
      <c r="W11" s="254">
        <v>13</v>
      </c>
      <c r="X11" s="259">
        <v>13</v>
      </c>
    </row>
    <row r="12" spans="2:24" ht="21" customHeight="1" x14ac:dyDescent="0.2">
      <c r="B12" s="437" t="s">
        <v>9</v>
      </c>
      <c r="C12" s="257">
        <v>0</v>
      </c>
      <c r="D12" s="257">
        <v>0</v>
      </c>
      <c r="E12" s="254">
        <v>0</v>
      </c>
      <c r="F12" s="256">
        <v>0</v>
      </c>
      <c r="G12" s="257">
        <v>268</v>
      </c>
      <c r="H12" s="257">
        <v>145</v>
      </c>
      <c r="I12" s="257">
        <v>134</v>
      </c>
      <c r="J12" s="257">
        <v>41</v>
      </c>
      <c r="K12" s="257">
        <v>42</v>
      </c>
      <c r="L12" s="254">
        <v>630</v>
      </c>
      <c r="M12" s="259">
        <v>630</v>
      </c>
      <c r="N12" s="257">
        <v>0</v>
      </c>
      <c r="O12" s="257">
        <v>0</v>
      </c>
      <c r="P12" s="254">
        <v>0</v>
      </c>
      <c r="Q12" s="256">
        <v>0</v>
      </c>
      <c r="R12" s="257">
        <v>0</v>
      </c>
      <c r="S12" s="257">
        <v>0</v>
      </c>
      <c r="T12" s="257">
        <v>7</v>
      </c>
      <c r="U12" s="257">
        <v>0</v>
      </c>
      <c r="V12" s="257">
        <v>12</v>
      </c>
      <c r="W12" s="254">
        <v>19</v>
      </c>
      <c r="X12" s="259">
        <v>19</v>
      </c>
    </row>
    <row r="13" spans="2:24" ht="21" customHeight="1" x14ac:dyDescent="0.2">
      <c r="B13" s="437" t="s">
        <v>10</v>
      </c>
      <c r="C13" s="257">
        <v>0</v>
      </c>
      <c r="D13" s="257">
        <v>0</v>
      </c>
      <c r="E13" s="254">
        <v>0</v>
      </c>
      <c r="F13" s="256">
        <v>0</v>
      </c>
      <c r="G13" s="257">
        <v>273</v>
      </c>
      <c r="H13" s="257">
        <v>100</v>
      </c>
      <c r="I13" s="257">
        <v>54</v>
      </c>
      <c r="J13" s="257">
        <v>31</v>
      </c>
      <c r="K13" s="257">
        <v>34</v>
      </c>
      <c r="L13" s="254">
        <v>492</v>
      </c>
      <c r="M13" s="259">
        <v>492</v>
      </c>
      <c r="N13" s="257">
        <v>0</v>
      </c>
      <c r="O13" s="257">
        <v>0</v>
      </c>
      <c r="P13" s="254">
        <v>0</v>
      </c>
      <c r="Q13" s="256">
        <v>0</v>
      </c>
      <c r="R13" s="257">
        <v>39</v>
      </c>
      <c r="S13" s="257">
        <v>0</v>
      </c>
      <c r="T13" s="257">
        <v>24</v>
      </c>
      <c r="U13" s="257">
        <v>0</v>
      </c>
      <c r="V13" s="257">
        <v>4</v>
      </c>
      <c r="W13" s="254">
        <v>67</v>
      </c>
      <c r="X13" s="259">
        <v>67</v>
      </c>
    </row>
    <row r="14" spans="2:24" ht="21" customHeight="1" x14ac:dyDescent="0.2">
      <c r="B14" s="437" t="s">
        <v>11</v>
      </c>
      <c r="C14" s="257">
        <v>0</v>
      </c>
      <c r="D14" s="257">
        <v>0</v>
      </c>
      <c r="E14" s="254">
        <v>0</v>
      </c>
      <c r="F14" s="256">
        <v>0</v>
      </c>
      <c r="G14" s="257">
        <v>98</v>
      </c>
      <c r="H14" s="257">
        <v>43</v>
      </c>
      <c r="I14" s="257">
        <v>60</v>
      </c>
      <c r="J14" s="257">
        <v>21</v>
      </c>
      <c r="K14" s="257">
        <v>20</v>
      </c>
      <c r="L14" s="254">
        <v>242</v>
      </c>
      <c r="M14" s="259">
        <v>242</v>
      </c>
      <c r="N14" s="257">
        <v>0</v>
      </c>
      <c r="O14" s="257">
        <v>0</v>
      </c>
      <c r="P14" s="254">
        <v>0</v>
      </c>
      <c r="Q14" s="256">
        <v>0</v>
      </c>
      <c r="R14" s="257">
        <v>12</v>
      </c>
      <c r="S14" s="257">
        <v>28</v>
      </c>
      <c r="T14" s="257">
        <v>16</v>
      </c>
      <c r="U14" s="257">
        <v>0</v>
      </c>
      <c r="V14" s="257">
        <v>0</v>
      </c>
      <c r="W14" s="254">
        <v>56</v>
      </c>
      <c r="X14" s="259">
        <v>56</v>
      </c>
    </row>
    <row r="15" spans="2:24" ht="21" customHeight="1" x14ac:dyDescent="0.2">
      <c r="B15" s="437" t="s">
        <v>12</v>
      </c>
      <c r="C15" s="257">
        <v>0</v>
      </c>
      <c r="D15" s="257">
        <v>0</v>
      </c>
      <c r="E15" s="254">
        <v>0</v>
      </c>
      <c r="F15" s="256">
        <v>0</v>
      </c>
      <c r="G15" s="257">
        <v>143</v>
      </c>
      <c r="H15" s="257">
        <v>129</v>
      </c>
      <c r="I15" s="257">
        <v>76</v>
      </c>
      <c r="J15" s="257">
        <v>28</v>
      </c>
      <c r="K15" s="257">
        <v>7</v>
      </c>
      <c r="L15" s="254">
        <v>383</v>
      </c>
      <c r="M15" s="259">
        <v>383</v>
      </c>
      <c r="N15" s="257">
        <v>0</v>
      </c>
      <c r="O15" s="257">
        <v>0</v>
      </c>
      <c r="P15" s="254">
        <v>0</v>
      </c>
      <c r="Q15" s="256">
        <v>0</v>
      </c>
      <c r="R15" s="257">
        <v>0</v>
      </c>
      <c r="S15" s="257">
        <v>0</v>
      </c>
      <c r="T15" s="257">
        <v>0</v>
      </c>
      <c r="U15" s="257">
        <v>0</v>
      </c>
      <c r="V15" s="257">
        <v>0</v>
      </c>
      <c r="W15" s="254">
        <v>0</v>
      </c>
      <c r="X15" s="259">
        <v>0</v>
      </c>
    </row>
    <row r="16" spans="2:24" ht="21" customHeight="1" x14ac:dyDescent="0.2">
      <c r="B16" s="437" t="s">
        <v>13</v>
      </c>
      <c r="C16" s="257">
        <v>0</v>
      </c>
      <c r="D16" s="257">
        <v>0</v>
      </c>
      <c r="E16" s="254">
        <v>0</v>
      </c>
      <c r="F16" s="256">
        <v>0</v>
      </c>
      <c r="G16" s="257">
        <v>115</v>
      </c>
      <c r="H16" s="257">
        <v>77</v>
      </c>
      <c r="I16" s="257">
        <v>36</v>
      </c>
      <c r="J16" s="257">
        <v>33</v>
      </c>
      <c r="K16" s="257">
        <v>0</v>
      </c>
      <c r="L16" s="254">
        <v>261</v>
      </c>
      <c r="M16" s="259">
        <v>261</v>
      </c>
      <c r="N16" s="257">
        <v>0</v>
      </c>
      <c r="O16" s="257">
        <v>0</v>
      </c>
      <c r="P16" s="254">
        <v>0</v>
      </c>
      <c r="Q16" s="256">
        <v>0</v>
      </c>
      <c r="R16" s="257">
        <v>0</v>
      </c>
      <c r="S16" s="257">
        <v>16</v>
      </c>
      <c r="T16" s="257">
        <v>24</v>
      </c>
      <c r="U16" s="257">
        <v>2</v>
      </c>
      <c r="V16" s="257">
        <v>4</v>
      </c>
      <c r="W16" s="254">
        <v>46</v>
      </c>
      <c r="X16" s="259">
        <v>46</v>
      </c>
    </row>
    <row r="17" spans="2:24" ht="21" customHeight="1" x14ac:dyDescent="0.2">
      <c r="B17" s="437" t="s">
        <v>15</v>
      </c>
      <c r="C17" s="257">
        <v>0</v>
      </c>
      <c r="D17" s="257">
        <v>0</v>
      </c>
      <c r="E17" s="254">
        <v>0</v>
      </c>
      <c r="F17" s="256">
        <v>0</v>
      </c>
      <c r="G17" s="257">
        <v>52</v>
      </c>
      <c r="H17" s="257">
        <v>52</v>
      </c>
      <c r="I17" s="257">
        <v>33</v>
      </c>
      <c r="J17" s="257">
        <v>11</v>
      </c>
      <c r="K17" s="257">
        <v>0</v>
      </c>
      <c r="L17" s="254">
        <v>148</v>
      </c>
      <c r="M17" s="259">
        <v>148</v>
      </c>
      <c r="N17" s="257">
        <v>0</v>
      </c>
      <c r="O17" s="257">
        <v>0</v>
      </c>
      <c r="P17" s="254">
        <v>0</v>
      </c>
      <c r="Q17" s="256">
        <v>0</v>
      </c>
      <c r="R17" s="257">
        <v>9</v>
      </c>
      <c r="S17" s="257">
        <v>0</v>
      </c>
      <c r="T17" s="257">
        <v>0</v>
      </c>
      <c r="U17" s="257">
        <v>7</v>
      </c>
      <c r="V17" s="257">
        <v>0</v>
      </c>
      <c r="W17" s="254">
        <v>16</v>
      </c>
      <c r="X17" s="259">
        <v>16</v>
      </c>
    </row>
    <row r="18" spans="2:24" ht="21" customHeight="1" x14ac:dyDescent="0.2">
      <c r="B18" s="437" t="s">
        <v>16</v>
      </c>
      <c r="C18" s="257">
        <v>0</v>
      </c>
      <c r="D18" s="257">
        <v>0</v>
      </c>
      <c r="E18" s="254">
        <v>0</v>
      </c>
      <c r="F18" s="256">
        <v>0</v>
      </c>
      <c r="G18" s="257">
        <v>34</v>
      </c>
      <c r="H18" s="257">
        <v>59</v>
      </c>
      <c r="I18" s="257">
        <v>42</v>
      </c>
      <c r="J18" s="257">
        <v>53</v>
      </c>
      <c r="K18" s="257">
        <v>26</v>
      </c>
      <c r="L18" s="254">
        <v>214</v>
      </c>
      <c r="M18" s="259">
        <v>214</v>
      </c>
      <c r="N18" s="257">
        <v>0</v>
      </c>
      <c r="O18" s="257">
        <v>0</v>
      </c>
      <c r="P18" s="254">
        <v>0</v>
      </c>
      <c r="Q18" s="256">
        <v>0</v>
      </c>
      <c r="R18" s="257">
        <v>11</v>
      </c>
      <c r="S18" s="257">
        <v>12</v>
      </c>
      <c r="T18" s="257">
        <v>4</v>
      </c>
      <c r="U18" s="257">
        <v>0</v>
      </c>
      <c r="V18" s="257">
        <v>0</v>
      </c>
      <c r="W18" s="254">
        <v>27</v>
      </c>
      <c r="X18" s="259">
        <v>27</v>
      </c>
    </row>
    <row r="19" spans="2:24" ht="21" customHeight="1" x14ac:dyDescent="0.2">
      <c r="B19" s="437" t="s">
        <v>17</v>
      </c>
      <c r="C19" s="257">
        <v>0</v>
      </c>
      <c r="D19" s="257">
        <v>0</v>
      </c>
      <c r="E19" s="254">
        <v>0</v>
      </c>
      <c r="F19" s="256">
        <v>0</v>
      </c>
      <c r="G19" s="257">
        <v>157</v>
      </c>
      <c r="H19" s="257">
        <v>162</v>
      </c>
      <c r="I19" s="257">
        <v>81</v>
      </c>
      <c r="J19" s="257">
        <v>12</v>
      </c>
      <c r="K19" s="257">
        <v>0</v>
      </c>
      <c r="L19" s="254">
        <v>412</v>
      </c>
      <c r="M19" s="259">
        <v>412</v>
      </c>
      <c r="N19" s="257">
        <v>0</v>
      </c>
      <c r="O19" s="257">
        <v>0</v>
      </c>
      <c r="P19" s="254">
        <v>0</v>
      </c>
      <c r="Q19" s="256">
        <v>0</v>
      </c>
      <c r="R19" s="257">
        <v>12</v>
      </c>
      <c r="S19" s="257">
        <v>14</v>
      </c>
      <c r="T19" s="257">
        <v>1</v>
      </c>
      <c r="U19" s="257">
        <v>0</v>
      </c>
      <c r="V19" s="257">
        <v>0</v>
      </c>
      <c r="W19" s="254">
        <v>27</v>
      </c>
      <c r="X19" s="259">
        <v>27</v>
      </c>
    </row>
    <row r="20" spans="2:24" ht="21" customHeight="1" x14ac:dyDescent="0.2">
      <c r="B20" s="437" t="s">
        <v>18</v>
      </c>
      <c r="C20" s="257">
        <v>0</v>
      </c>
      <c r="D20" s="257">
        <v>0</v>
      </c>
      <c r="E20" s="254">
        <v>0</v>
      </c>
      <c r="F20" s="256">
        <v>0</v>
      </c>
      <c r="G20" s="257">
        <v>142</v>
      </c>
      <c r="H20" s="257">
        <v>114</v>
      </c>
      <c r="I20" s="257">
        <v>27</v>
      </c>
      <c r="J20" s="257">
        <v>0</v>
      </c>
      <c r="K20" s="257">
        <v>0</v>
      </c>
      <c r="L20" s="254">
        <v>283</v>
      </c>
      <c r="M20" s="259">
        <v>283</v>
      </c>
      <c r="N20" s="257">
        <v>0</v>
      </c>
      <c r="O20" s="257">
        <v>0</v>
      </c>
      <c r="P20" s="254">
        <v>0</v>
      </c>
      <c r="Q20" s="256">
        <v>0</v>
      </c>
      <c r="R20" s="257">
        <v>0</v>
      </c>
      <c r="S20" s="257">
        <v>19</v>
      </c>
      <c r="T20" s="257">
        <v>42</v>
      </c>
      <c r="U20" s="257">
        <v>18</v>
      </c>
      <c r="V20" s="257">
        <v>0</v>
      </c>
      <c r="W20" s="254">
        <v>79</v>
      </c>
      <c r="X20" s="259">
        <v>79</v>
      </c>
    </row>
    <row r="21" spans="2:24" ht="21" customHeight="1" x14ac:dyDescent="0.2">
      <c r="B21" s="437" t="s">
        <v>19</v>
      </c>
      <c r="C21" s="257">
        <v>0</v>
      </c>
      <c r="D21" s="257">
        <v>0</v>
      </c>
      <c r="E21" s="254">
        <v>0</v>
      </c>
      <c r="F21" s="256">
        <v>0</v>
      </c>
      <c r="G21" s="257">
        <v>54</v>
      </c>
      <c r="H21" s="257">
        <v>46</v>
      </c>
      <c r="I21" s="257">
        <v>20</v>
      </c>
      <c r="J21" s="257">
        <v>0</v>
      </c>
      <c r="K21" s="257">
        <v>0</v>
      </c>
      <c r="L21" s="254">
        <v>120</v>
      </c>
      <c r="M21" s="259">
        <v>120</v>
      </c>
      <c r="N21" s="257">
        <v>0</v>
      </c>
      <c r="O21" s="257">
        <v>0</v>
      </c>
      <c r="P21" s="254">
        <v>0</v>
      </c>
      <c r="Q21" s="256">
        <v>0</v>
      </c>
      <c r="R21" s="257">
        <v>12</v>
      </c>
      <c r="S21" s="257">
        <v>12</v>
      </c>
      <c r="T21" s="257">
        <v>42</v>
      </c>
      <c r="U21" s="257">
        <v>0</v>
      </c>
      <c r="V21" s="257">
        <v>0</v>
      </c>
      <c r="W21" s="254">
        <v>66</v>
      </c>
      <c r="X21" s="259">
        <v>66</v>
      </c>
    </row>
    <row r="22" spans="2:24" ht="21" customHeight="1" x14ac:dyDescent="0.2">
      <c r="B22" s="437" t="s">
        <v>20</v>
      </c>
      <c r="C22" s="257">
        <v>0</v>
      </c>
      <c r="D22" s="257">
        <v>0</v>
      </c>
      <c r="E22" s="254">
        <v>0</v>
      </c>
      <c r="F22" s="256">
        <v>0</v>
      </c>
      <c r="G22" s="257">
        <v>75</v>
      </c>
      <c r="H22" s="257">
        <v>74</v>
      </c>
      <c r="I22" s="257">
        <v>54</v>
      </c>
      <c r="J22" s="257">
        <v>7</v>
      </c>
      <c r="K22" s="257">
        <v>20</v>
      </c>
      <c r="L22" s="254">
        <v>230</v>
      </c>
      <c r="M22" s="259">
        <v>230</v>
      </c>
      <c r="N22" s="257">
        <v>0</v>
      </c>
      <c r="O22" s="257">
        <v>0</v>
      </c>
      <c r="P22" s="254">
        <v>0</v>
      </c>
      <c r="Q22" s="256">
        <v>0</v>
      </c>
      <c r="R22" s="257">
        <v>0</v>
      </c>
      <c r="S22" s="257">
        <v>0</v>
      </c>
      <c r="T22" s="257">
        <v>0</v>
      </c>
      <c r="U22" s="257">
        <v>0</v>
      </c>
      <c r="V22" s="257">
        <v>0</v>
      </c>
      <c r="W22" s="254">
        <v>0</v>
      </c>
      <c r="X22" s="259">
        <v>0</v>
      </c>
    </row>
    <row r="23" spans="2:24" ht="21" customHeight="1" x14ac:dyDescent="0.2">
      <c r="B23" s="437" t="s">
        <v>21</v>
      </c>
      <c r="C23" s="257">
        <v>0</v>
      </c>
      <c r="D23" s="257">
        <v>0</v>
      </c>
      <c r="E23" s="254">
        <v>0</v>
      </c>
      <c r="F23" s="256">
        <v>0</v>
      </c>
      <c r="G23" s="257">
        <v>105</v>
      </c>
      <c r="H23" s="257">
        <v>42</v>
      </c>
      <c r="I23" s="257">
        <v>24</v>
      </c>
      <c r="J23" s="257">
        <v>20</v>
      </c>
      <c r="K23" s="257">
        <v>0</v>
      </c>
      <c r="L23" s="254">
        <v>191</v>
      </c>
      <c r="M23" s="259">
        <v>191</v>
      </c>
      <c r="N23" s="257">
        <v>0</v>
      </c>
      <c r="O23" s="257">
        <v>0</v>
      </c>
      <c r="P23" s="254">
        <v>0</v>
      </c>
      <c r="Q23" s="256">
        <v>0</v>
      </c>
      <c r="R23" s="257">
        <v>0</v>
      </c>
      <c r="S23" s="257">
        <v>0</v>
      </c>
      <c r="T23" s="257">
        <v>0</v>
      </c>
      <c r="U23" s="257">
        <v>0</v>
      </c>
      <c r="V23" s="257">
        <v>0</v>
      </c>
      <c r="W23" s="254">
        <v>0</v>
      </c>
      <c r="X23" s="259">
        <v>0</v>
      </c>
    </row>
    <row r="24" spans="2:24" ht="21" customHeight="1" x14ac:dyDescent="0.2">
      <c r="B24" s="437" t="s">
        <v>22</v>
      </c>
      <c r="C24" s="257">
        <v>0</v>
      </c>
      <c r="D24" s="257">
        <v>0</v>
      </c>
      <c r="E24" s="254">
        <v>0</v>
      </c>
      <c r="F24" s="256">
        <v>0</v>
      </c>
      <c r="G24" s="257">
        <v>49</v>
      </c>
      <c r="H24" s="257">
        <v>11</v>
      </c>
      <c r="I24" s="257">
        <v>8</v>
      </c>
      <c r="J24" s="257">
        <v>9</v>
      </c>
      <c r="K24" s="257">
        <v>0</v>
      </c>
      <c r="L24" s="254">
        <v>77</v>
      </c>
      <c r="M24" s="259">
        <v>77</v>
      </c>
      <c r="N24" s="257">
        <v>0</v>
      </c>
      <c r="O24" s="257">
        <v>0</v>
      </c>
      <c r="P24" s="254">
        <v>0</v>
      </c>
      <c r="Q24" s="256">
        <v>0</v>
      </c>
      <c r="R24" s="257">
        <v>0</v>
      </c>
      <c r="S24" s="257">
        <v>0</v>
      </c>
      <c r="T24" s="257">
        <v>14</v>
      </c>
      <c r="U24" s="257">
        <v>0</v>
      </c>
      <c r="V24" s="257">
        <v>0</v>
      </c>
      <c r="W24" s="254">
        <v>14</v>
      </c>
      <c r="X24" s="259">
        <v>14</v>
      </c>
    </row>
    <row r="25" spans="2:24" ht="21" customHeight="1" x14ac:dyDescent="0.2">
      <c r="B25" s="437" t="s">
        <v>23</v>
      </c>
      <c r="C25" s="257">
        <v>0</v>
      </c>
      <c r="D25" s="257">
        <v>0</v>
      </c>
      <c r="E25" s="254">
        <v>0</v>
      </c>
      <c r="F25" s="256">
        <v>0</v>
      </c>
      <c r="G25" s="257">
        <v>20</v>
      </c>
      <c r="H25" s="257">
        <v>18</v>
      </c>
      <c r="I25" s="257">
        <v>27</v>
      </c>
      <c r="J25" s="257">
        <v>0</v>
      </c>
      <c r="K25" s="257">
        <v>0</v>
      </c>
      <c r="L25" s="254">
        <v>65</v>
      </c>
      <c r="M25" s="259">
        <v>65</v>
      </c>
      <c r="N25" s="257">
        <v>0</v>
      </c>
      <c r="O25" s="257">
        <v>0</v>
      </c>
      <c r="P25" s="254">
        <v>0</v>
      </c>
      <c r="Q25" s="256">
        <v>0</v>
      </c>
      <c r="R25" s="257">
        <v>0</v>
      </c>
      <c r="S25" s="257">
        <v>0</v>
      </c>
      <c r="T25" s="257">
        <v>0</v>
      </c>
      <c r="U25" s="257">
        <v>0</v>
      </c>
      <c r="V25" s="257">
        <v>0</v>
      </c>
      <c r="W25" s="254">
        <v>0</v>
      </c>
      <c r="X25" s="259">
        <v>0</v>
      </c>
    </row>
    <row r="26" spans="2:24" ht="21" customHeight="1" x14ac:dyDescent="0.2">
      <c r="B26" s="437" t="s">
        <v>24</v>
      </c>
      <c r="C26" s="257">
        <v>0</v>
      </c>
      <c r="D26" s="257">
        <v>0</v>
      </c>
      <c r="E26" s="254">
        <v>0</v>
      </c>
      <c r="F26" s="256">
        <v>0</v>
      </c>
      <c r="G26" s="257">
        <v>4</v>
      </c>
      <c r="H26" s="257">
        <v>5</v>
      </c>
      <c r="I26" s="257">
        <v>4</v>
      </c>
      <c r="J26" s="257">
        <v>0</v>
      </c>
      <c r="K26" s="257">
        <v>0</v>
      </c>
      <c r="L26" s="254">
        <v>13</v>
      </c>
      <c r="M26" s="259">
        <v>13</v>
      </c>
      <c r="N26" s="257">
        <v>0</v>
      </c>
      <c r="O26" s="257">
        <v>0</v>
      </c>
      <c r="P26" s="254">
        <v>0</v>
      </c>
      <c r="Q26" s="256">
        <v>0</v>
      </c>
      <c r="R26" s="257">
        <v>0</v>
      </c>
      <c r="S26" s="257">
        <v>0</v>
      </c>
      <c r="T26" s="257">
        <v>12</v>
      </c>
      <c r="U26" s="257">
        <v>0</v>
      </c>
      <c r="V26" s="257">
        <v>0</v>
      </c>
      <c r="W26" s="254">
        <v>12</v>
      </c>
      <c r="X26" s="259">
        <v>12</v>
      </c>
    </row>
    <row r="27" spans="2:24" ht="21" customHeight="1" x14ac:dyDescent="0.2">
      <c r="B27" s="437" t="s">
        <v>25</v>
      </c>
      <c r="C27" s="257">
        <v>0</v>
      </c>
      <c r="D27" s="257">
        <v>0</v>
      </c>
      <c r="E27" s="254">
        <v>0</v>
      </c>
      <c r="F27" s="256">
        <v>0</v>
      </c>
      <c r="G27" s="257">
        <v>47</v>
      </c>
      <c r="H27" s="257">
        <v>3</v>
      </c>
      <c r="I27" s="257">
        <v>0</v>
      </c>
      <c r="J27" s="257">
        <v>0</v>
      </c>
      <c r="K27" s="257">
        <v>0</v>
      </c>
      <c r="L27" s="254">
        <v>50</v>
      </c>
      <c r="M27" s="259">
        <v>50</v>
      </c>
      <c r="N27" s="257">
        <v>0</v>
      </c>
      <c r="O27" s="257">
        <v>0</v>
      </c>
      <c r="P27" s="254">
        <v>0</v>
      </c>
      <c r="Q27" s="256">
        <v>0</v>
      </c>
      <c r="R27" s="257">
        <v>0</v>
      </c>
      <c r="S27" s="257">
        <v>0</v>
      </c>
      <c r="T27" s="257">
        <v>0</v>
      </c>
      <c r="U27" s="257">
        <v>0</v>
      </c>
      <c r="V27" s="257">
        <v>0</v>
      </c>
      <c r="W27" s="254">
        <v>0</v>
      </c>
      <c r="X27" s="259">
        <v>0</v>
      </c>
    </row>
    <row r="28" spans="2:24" ht="21" customHeight="1" x14ac:dyDescent="0.2">
      <c r="B28" s="437" t="s">
        <v>26</v>
      </c>
      <c r="C28" s="257">
        <v>0</v>
      </c>
      <c r="D28" s="257">
        <v>0</v>
      </c>
      <c r="E28" s="254">
        <v>0</v>
      </c>
      <c r="F28" s="256">
        <v>0</v>
      </c>
      <c r="G28" s="257">
        <v>44</v>
      </c>
      <c r="H28" s="257">
        <v>17</v>
      </c>
      <c r="I28" s="257">
        <v>8</v>
      </c>
      <c r="J28" s="257">
        <v>8</v>
      </c>
      <c r="K28" s="257">
        <v>8</v>
      </c>
      <c r="L28" s="254">
        <v>85</v>
      </c>
      <c r="M28" s="259">
        <v>85</v>
      </c>
      <c r="N28" s="257">
        <v>0</v>
      </c>
      <c r="O28" s="257">
        <v>0</v>
      </c>
      <c r="P28" s="254">
        <v>0</v>
      </c>
      <c r="Q28" s="256">
        <v>0</v>
      </c>
      <c r="R28" s="257">
        <v>0</v>
      </c>
      <c r="S28" s="257">
        <v>3</v>
      </c>
      <c r="T28" s="257">
        <v>11</v>
      </c>
      <c r="U28" s="257">
        <v>0</v>
      </c>
      <c r="V28" s="257">
        <v>0</v>
      </c>
      <c r="W28" s="254">
        <v>14</v>
      </c>
      <c r="X28" s="259">
        <v>14</v>
      </c>
    </row>
    <row r="29" spans="2:24" ht="21" customHeight="1" x14ac:dyDescent="0.2">
      <c r="B29" s="437" t="s">
        <v>27</v>
      </c>
      <c r="C29" s="257">
        <v>0</v>
      </c>
      <c r="D29" s="257">
        <v>0</v>
      </c>
      <c r="E29" s="254">
        <v>0</v>
      </c>
      <c r="F29" s="256">
        <v>0</v>
      </c>
      <c r="G29" s="257">
        <v>0</v>
      </c>
      <c r="H29" s="257">
        <v>4</v>
      </c>
      <c r="I29" s="257">
        <v>0</v>
      </c>
      <c r="J29" s="257">
        <v>0</v>
      </c>
      <c r="K29" s="257">
        <v>0</v>
      </c>
      <c r="L29" s="254">
        <v>4</v>
      </c>
      <c r="M29" s="259">
        <v>4</v>
      </c>
      <c r="N29" s="257">
        <v>0</v>
      </c>
      <c r="O29" s="257">
        <v>0</v>
      </c>
      <c r="P29" s="254">
        <v>0</v>
      </c>
      <c r="Q29" s="256">
        <v>0</v>
      </c>
      <c r="R29" s="257">
        <v>0</v>
      </c>
      <c r="S29" s="257">
        <v>0</v>
      </c>
      <c r="T29" s="257">
        <v>0</v>
      </c>
      <c r="U29" s="257">
        <v>21</v>
      </c>
      <c r="V29" s="257">
        <v>0</v>
      </c>
      <c r="W29" s="254">
        <v>21</v>
      </c>
      <c r="X29" s="259">
        <v>21</v>
      </c>
    </row>
    <row r="30" spans="2:24" ht="21" customHeight="1" x14ac:dyDescent="0.2">
      <c r="B30" s="437" t="s">
        <v>28</v>
      </c>
      <c r="C30" s="257">
        <v>0</v>
      </c>
      <c r="D30" s="257">
        <v>0</v>
      </c>
      <c r="E30" s="254">
        <v>0</v>
      </c>
      <c r="F30" s="256">
        <v>0</v>
      </c>
      <c r="G30" s="257">
        <v>30</v>
      </c>
      <c r="H30" s="257">
        <v>0</v>
      </c>
      <c r="I30" s="257">
        <v>0</v>
      </c>
      <c r="J30" s="257">
        <v>0</v>
      </c>
      <c r="K30" s="257">
        <v>0</v>
      </c>
      <c r="L30" s="254">
        <v>30</v>
      </c>
      <c r="M30" s="259">
        <v>30</v>
      </c>
      <c r="N30" s="257">
        <v>0</v>
      </c>
      <c r="O30" s="257">
        <v>0</v>
      </c>
      <c r="P30" s="254">
        <v>0</v>
      </c>
      <c r="Q30" s="256">
        <v>0</v>
      </c>
      <c r="R30" s="257">
        <v>0</v>
      </c>
      <c r="S30" s="257">
        <v>0</v>
      </c>
      <c r="T30" s="257">
        <v>0</v>
      </c>
      <c r="U30" s="257">
        <v>0</v>
      </c>
      <c r="V30" s="257">
        <v>0</v>
      </c>
      <c r="W30" s="254">
        <v>0</v>
      </c>
      <c r="X30" s="259">
        <v>0</v>
      </c>
    </row>
    <row r="31" spans="2:24" ht="21" customHeight="1" x14ac:dyDescent="0.2">
      <c r="B31" s="437" t="s">
        <v>29</v>
      </c>
      <c r="C31" s="257">
        <v>0</v>
      </c>
      <c r="D31" s="257">
        <v>0</v>
      </c>
      <c r="E31" s="254">
        <v>0</v>
      </c>
      <c r="F31" s="256">
        <v>0</v>
      </c>
      <c r="G31" s="257">
        <v>0</v>
      </c>
      <c r="H31" s="257">
        <v>14</v>
      </c>
      <c r="I31" s="257">
        <v>8</v>
      </c>
      <c r="J31" s="257">
        <v>0</v>
      </c>
      <c r="K31" s="257">
        <v>0</v>
      </c>
      <c r="L31" s="254">
        <v>22</v>
      </c>
      <c r="M31" s="259">
        <v>22</v>
      </c>
      <c r="N31" s="257">
        <v>0</v>
      </c>
      <c r="O31" s="257">
        <v>0</v>
      </c>
      <c r="P31" s="254">
        <v>0</v>
      </c>
      <c r="Q31" s="256">
        <v>0</v>
      </c>
      <c r="R31" s="257">
        <v>0</v>
      </c>
      <c r="S31" s="257">
        <v>0</v>
      </c>
      <c r="T31" s="257">
        <v>0</v>
      </c>
      <c r="U31" s="257">
        <v>0</v>
      </c>
      <c r="V31" s="257">
        <v>0</v>
      </c>
      <c r="W31" s="254">
        <v>0</v>
      </c>
      <c r="X31" s="259">
        <v>0</v>
      </c>
    </row>
    <row r="32" spans="2:24" ht="21" customHeight="1" x14ac:dyDescent="0.2">
      <c r="B32" s="437" t="s">
        <v>30</v>
      </c>
      <c r="C32" s="257">
        <v>0</v>
      </c>
      <c r="D32" s="257">
        <v>0</v>
      </c>
      <c r="E32" s="254">
        <v>0</v>
      </c>
      <c r="F32" s="256">
        <v>0</v>
      </c>
      <c r="G32" s="257">
        <v>7</v>
      </c>
      <c r="H32" s="257">
        <v>0</v>
      </c>
      <c r="I32" s="257">
        <v>14</v>
      </c>
      <c r="J32" s="257">
        <v>0</v>
      </c>
      <c r="K32" s="257">
        <v>0</v>
      </c>
      <c r="L32" s="254">
        <v>21</v>
      </c>
      <c r="M32" s="259">
        <v>21</v>
      </c>
      <c r="N32" s="257">
        <v>0</v>
      </c>
      <c r="O32" s="257">
        <v>0</v>
      </c>
      <c r="P32" s="254">
        <v>0</v>
      </c>
      <c r="Q32" s="256">
        <v>0</v>
      </c>
      <c r="R32" s="257">
        <v>0</v>
      </c>
      <c r="S32" s="257">
        <v>0</v>
      </c>
      <c r="T32" s="257">
        <v>0</v>
      </c>
      <c r="U32" s="257">
        <v>0</v>
      </c>
      <c r="V32" s="257">
        <v>0</v>
      </c>
      <c r="W32" s="254">
        <v>0</v>
      </c>
      <c r="X32" s="259">
        <v>0</v>
      </c>
    </row>
    <row r="33" spans="2:24" ht="21" customHeight="1" x14ac:dyDescent="0.2">
      <c r="B33" s="437" t="s">
        <v>31</v>
      </c>
      <c r="C33" s="257">
        <v>0</v>
      </c>
      <c r="D33" s="257">
        <v>0</v>
      </c>
      <c r="E33" s="254">
        <v>0</v>
      </c>
      <c r="F33" s="256">
        <v>0</v>
      </c>
      <c r="G33" s="257">
        <v>0</v>
      </c>
      <c r="H33" s="257">
        <v>4</v>
      </c>
      <c r="I33" s="257">
        <v>2</v>
      </c>
      <c r="J33" s="257">
        <v>0</v>
      </c>
      <c r="K33" s="257">
        <v>0</v>
      </c>
      <c r="L33" s="254">
        <v>6</v>
      </c>
      <c r="M33" s="259">
        <v>6</v>
      </c>
      <c r="N33" s="257">
        <v>0</v>
      </c>
      <c r="O33" s="257">
        <v>0</v>
      </c>
      <c r="P33" s="254">
        <v>0</v>
      </c>
      <c r="Q33" s="256">
        <v>0</v>
      </c>
      <c r="R33" s="257">
        <v>0</v>
      </c>
      <c r="S33" s="257">
        <v>0</v>
      </c>
      <c r="T33" s="257">
        <v>0</v>
      </c>
      <c r="U33" s="257">
        <v>14</v>
      </c>
      <c r="V33" s="257">
        <v>0</v>
      </c>
      <c r="W33" s="254">
        <v>14</v>
      </c>
      <c r="X33" s="259">
        <v>14</v>
      </c>
    </row>
    <row r="34" spans="2:24" ht="21" customHeight="1" x14ac:dyDescent="0.2">
      <c r="B34" s="437" t="s">
        <v>32</v>
      </c>
      <c r="C34" s="257">
        <v>0</v>
      </c>
      <c r="D34" s="257">
        <v>0</v>
      </c>
      <c r="E34" s="254">
        <v>0</v>
      </c>
      <c r="F34" s="256">
        <v>0</v>
      </c>
      <c r="G34" s="257">
        <v>15</v>
      </c>
      <c r="H34" s="257">
        <v>29</v>
      </c>
      <c r="I34" s="257">
        <v>0</v>
      </c>
      <c r="J34" s="257">
        <v>0</v>
      </c>
      <c r="K34" s="257">
        <v>4</v>
      </c>
      <c r="L34" s="254">
        <v>48</v>
      </c>
      <c r="M34" s="259">
        <v>48</v>
      </c>
      <c r="N34" s="257">
        <v>0</v>
      </c>
      <c r="O34" s="257">
        <v>0</v>
      </c>
      <c r="P34" s="254">
        <v>0</v>
      </c>
      <c r="Q34" s="256">
        <v>0</v>
      </c>
      <c r="R34" s="257">
        <v>0</v>
      </c>
      <c r="S34" s="257">
        <v>0</v>
      </c>
      <c r="T34" s="257">
        <v>0</v>
      </c>
      <c r="U34" s="257">
        <v>0</v>
      </c>
      <c r="V34" s="257">
        <v>0</v>
      </c>
      <c r="W34" s="254">
        <v>0</v>
      </c>
      <c r="X34" s="259">
        <v>0</v>
      </c>
    </row>
    <row r="35" spans="2:24" ht="21" customHeight="1" x14ac:dyDescent="0.2">
      <c r="B35" s="437" t="s">
        <v>33</v>
      </c>
      <c r="C35" s="257">
        <v>0</v>
      </c>
      <c r="D35" s="257">
        <v>0</v>
      </c>
      <c r="E35" s="254">
        <v>0</v>
      </c>
      <c r="F35" s="256">
        <v>0</v>
      </c>
      <c r="G35" s="257">
        <v>7</v>
      </c>
      <c r="H35" s="257">
        <v>0</v>
      </c>
      <c r="I35" s="257">
        <v>0</v>
      </c>
      <c r="J35" s="257">
        <v>0</v>
      </c>
      <c r="K35" s="257">
        <v>0</v>
      </c>
      <c r="L35" s="254">
        <v>7</v>
      </c>
      <c r="M35" s="259">
        <v>7</v>
      </c>
      <c r="N35" s="257">
        <v>0</v>
      </c>
      <c r="O35" s="257">
        <v>0</v>
      </c>
      <c r="P35" s="254">
        <v>0</v>
      </c>
      <c r="Q35" s="256">
        <v>0</v>
      </c>
      <c r="R35" s="257">
        <v>0</v>
      </c>
      <c r="S35" s="257">
        <v>0</v>
      </c>
      <c r="T35" s="257">
        <v>0</v>
      </c>
      <c r="U35" s="257">
        <v>0</v>
      </c>
      <c r="V35" s="257">
        <v>0</v>
      </c>
      <c r="W35" s="254">
        <v>0</v>
      </c>
      <c r="X35" s="259">
        <v>0</v>
      </c>
    </row>
    <row r="36" spans="2:24" ht="21" customHeight="1" x14ac:dyDescent="0.2">
      <c r="B36" s="437" t="s">
        <v>34</v>
      </c>
      <c r="C36" s="257">
        <v>0</v>
      </c>
      <c r="D36" s="257">
        <v>0</v>
      </c>
      <c r="E36" s="254">
        <v>0</v>
      </c>
      <c r="F36" s="256">
        <v>0</v>
      </c>
      <c r="G36" s="257">
        <v>12</v>
      </c>
      <c r="H36" s="257">
        <v>12</v>
      </c>
      <c r="I36" s="257">
        <v>0</v>
      </c>
      <c r="J36" s="257">
        <v>0</v>
      </c>
      <c r="K36" s="257">
        <v>0</v>
      </c>
      <c r="L36" s="254">
        <v>24</v>
      </c>
      <c r="M36" s="259">
        <v>24</v>
      </c>
      <c r="N36" s="257">
        <v>0</v>
      </c>
      <c r="O36" s="257">
        <v>0</v>
      </c>
      <c r="P36" s="254">
        <v>0</v>
      </c>
      <c r="Q36" s="256">
        <v>0</v>
      </c>
      <c r="R36" s="257">
        <v>0</v>
      </c>
      <c r="S36" s="257">
        <v>0</v>
      </c>
      <c r="T36" s="257">
        <v>0</v>
      </c>
      <c r="U36" s="257">
        <v>0</v>
      </c>
      <c r="V36" s="257">
        <v>0</v>
      </c>
      <c r="W36" s="254">
        <v>0</v>
      </c>
      <c r="X36" s="259">
        <v>0</v>
      </c>
    </row>
    <row r="37" spans="2:24" ht="21" customHeight="1" x14ac:dyDescent="0.2">
      <c r="B37" s="437" t="s">
        <v>35</v>
      </c>
      <c r="C37" s="257">
        <v>0</v>
      </c>
      <c r="D37" s="257">
        <v>0</v>
      </c>
      <c r="E37" s="254">
        <v>0</v>
      </c>
      <c r="F37" s="256">
        <v>0</v>
      </c>
      <c r="G37" s="257">
        <v>0</v>
      </c>
      <c r="H37" s="257">
        <v>19</v>
      </c>
      <c r="I37" s="257">
        <v>0</v>
      </c>
      <c r="J37" s="257">
        <v>0</v>
      </c>
      <c r="K37" s="257">
        <v>0</v>
      </c>
      <c r="L37" s="254">
        <v>19</v>
      </c>
      <c r="M37" s="259">
        <v>19</v>
      </c>
      <c r="N37" s="257">
        <v>0</v>
      </c>
      <c r="O37" s="257">
        <v>0</v>
      </c>
      <c r="P37" s="254">
        <v>0</v>
      </c>
      <c r="Q37" s="256">
        <v>0</v>
      </c>
      <c r="R37" s="257">
        <v>0</v>
      </c>
      <c r="S37" s="257">
        <v>0</v>
      </c>
      <c r="T37" s="257">
        <v>0</v>
      </c>
      <c r="U37" s="257">
        <v>0</v>
      </c>
      <c r="V37" s="257">
        <v>0</v>
      </c>
      <c r="W37" s="254">
        <v>0</v>
      </c>
      <c r="X37" s="259">
        <v>0</v>
      </c>
    </row>
    <row r="38" spans="2:24" ht="21" customHeight="1" x14ac:dyDescent="0.2">
      <c r="B38" s="437" t="s">
        <v>36</v>
      </c>
      <c r="C38" s="257">
        <v>0</v>
      </c>
      <c r="D38" s="257">
        <v>0</v>
      </c>
      <c r="E38" s="254">
        <v>0</v>
      </c>
      <c r="F38" s="256">
        <v>0</v>
      </c>
      <c r="G38" s="257">
        <v>16</v>
      </c>
      <c r="H38" s="257">
        <v>4</v>
      </c>
      <c r="I38" s="257">
        <v>0</v>
      </c>
      <c r="J38" s="257">
        <v>3</v>
      </c>
      <c r="K38" s="257">
        <v>0</v>
      </c>
      <c r="L38" s="254">
        <v>23</v>
      </c>
      <c r="M38" s="259">
        <v>23</v>
      </c>
      <c r="N38" s="257">
        <v>0</v>
      </c>
      <c r="O38" s="257">
        <v>0</v>
      </c>
      <c r="P38" s="254">
        <v>0</v>
      </c>
      <c r="Q38" s="256">
        <v>0</v>
      </c>
      <c r="R38" s="257">
        <v>0</v>
      </c>
      <c r="S38" s="257">
        <v>0</v>
      </c>
      <c r="T38" s="257">
        <v>0</v>
      </c>
      <c r="U38" s="257">
        <v>0</v>
      </c>
      <c r="V38" s="257">
        <v>0</v>
      </c>
      <c r="W38" s="254">
        <v>0</v>
      </c>
      <c r="X38" s="259">
        <v>0</v>
      </c>
    </row>
    <row r="39" spans="2:24" ht="21" customHeight="1" thickBot="1" x14ac:dyDescent="0.25">
      <c r="B39" s="438" t="s">
        <v>37</v>
      </c>
      <c r="C39" s="264">
        <v>0</v>
      </c>
      <c r="D39" s="264">
        <v>0</v>
      </c>
      <c r="E39" s="261">
        <v>0</v>
      </c>
      <c r="F39" s="263">
        <v>0</v>
      </c>
      <c r="G39" s="264">
        <v>0</v>
      </c>
      <c r="H39" s="264">
        <v>0</v>
      </c>
      <c r="I39" s="264">
        <v>0</v>
      </c>
      <c r="J39" s="264">
        <v>0</v>
      </c>
      <c r="K39" s="264">
        <v>0</v>
      </c>
      <c r="L39" s="261">
        <v>0</v>
      </c>
      <c r="M39" s="266">
        <v>0</v>
      </c>
      <c r="N39" s="264">
        <v>0</v>
      </c>
      <c r="O39" s="264">
        <v>0</v>
      </c>
      <c r="P39" s="261">
        <v>0</v>
      </c>
      <c r="Q39" s="263">
        <v>0</v>
      </c>
      <c r="R39" s="264">
        <v>0</v>
      </c>
      <c r="S39" s="264">
        <v>0</v>
      </c>
      <c r="T39" s="264">
        <v>0</v>
      </c>
      <c r="U39" s="264">
        <v>0</v>
      </c>
      <c r="V39" s="264">
        <v>0</v>
      </c>
      <c r="W39" s="261">
        <v>0</v>
      </c>
      <c r="X39" s="266">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 style="238" customWidth="1"/>
    <col min="6" max="6" width="7.77734375" style="238" customWidth="1"/>
    <col min="7" max="7" width="10.77734375" style="238" customWidth="1"/>
    <col min="8" max="16" width="9" style="238"/>
    <col min="17" max="17" width="7.6640625" style="238" customWidth="1"/>
    <col min="18" max="16384" width="9" style="238"/>
  </cols>
  <sheetData>
    <row r="1" spans="2:24" ht="24" customHeight="1" x14ac:dyDescent="0.2">
      <c r="B1" s="267" t="s">
        <v>124</v>
      </c>
      <c r="H1" s="495">
        <f>第１表!F2</f>
        <v>6</v>
      </c>
      <c r="I1" s="495"/>
      <c r="J1" s="231">
        <f>第１表!G2</f>
        <v>3</v>
      </c>
      <c r="K1" s="499">
        <f>IF(J1&lt;3,J1+12-2,J1-2)</f>
        <v>1</v>
      </c>
      <c r="L1" s="499"/>
    </row>
    <row r="2" spans="2:24" ht="24" customHeight="1" thickBot="1" x14ac:dyDescent="0.25">
      <c r="B2" s="267" t="s">
        <v>153</v>
      </c>
    </row>
    <row r="3" spans="2:24" ht="21" customHeight="1" x14ac:dyDescent="0.2">
      <c r="B3" s="511"/>
      <c r="C3" s="507" t="s">
        <v>140</v>
      </c>
      <c r="D3" s="507"/>
      <c r="E3" s="507"/>
      <c r="F3" s="507"/>
      <c r="G3" s="507"/>
      <c r="H3" s="507"/>
      <c r="I3" s="507"/>
      <c r="J3" s="507"/>
      <c r="K3" s="507"/>
      <c r="L3" s="507"/>
      <c r="M3" s="537"/>
      <c r="N3" s="507" t="s">
        <v>113</v>
      </c>
      <c r="O3" s="507"/>
      <c r="P3" s="507"/>
      <c r="Q3" s="507"/>
      <c r="R3" s="507"/>
      <c r="S3" s="507"/>
      <c r="T3" s="507"/>
      <c r="U3" s="507"/>
      <c r="V3" s="507"/>
      <c r="W3" s="507"/>
      <c r="X3" s="537"/>
    </row>
    <row r="4" spans="2:24" ht="21" customHeight="1" x14ac:dyDescent="0.2">
      <c r="B4" s="535"/>
      <c r="C4" s="538" t="s">
        <v>61</v>
      </c>
      <c r="D4" s="538"/>
      <c r="E4" s="539"/>
      <c r="F4" s="540" t="s">
        <v>62</v>
      </c>
      <c r="G4" s="538"/>
      <c r="H4" s="538"/>
      <c r="I4" s="538"/>
      <c r="J4" s="538"/>
      <c r="K4" s="538"/>
      <c r="L4" s="541"/>
      <c r="M4" s="542" t="s">
        <v>52</v>
      </c>
      <c r="N4" s="538" t="s">
        <v>61</v>
      </c>
      <c r="O4" s="538"/>
      <c r="P4" s="539"/>
      <c r="Q4" s="540" t="s">
        <v>62</v>
      </c>
      <c r="R4" s="538"/>
      <c r="S4" s="538"/>
      <c r="T4" s="538"/>
      <c r="U4" s="538"/>
      <c r="V4" s="538"/>
      <c r="W4" s="541"/>
      <c r="X4" s="542" t="s">
        <v>52</v>
      </c>
    </row>
    <row r="5" spans="2:24" ht="30" customHeight="1" thickBot="1" x14ac:dyDescent="0.25">
      <c r="B5" s="536"/>
      <c r="C5" s="239" t="s">
        <v>43</v>
      </c>
      <c r="D5" s="239" t="s">
        <v>44</v>
      </c>
      <c r="E5" s="242" t="s">
        <v>45</v>
      </c>
      <c r="F5" s="244" t="s">
        <v>83</v>
      </c>
      <c r="G5" s="239" t="s">
        <v>47</v>
      </c>
      <c r="H5" s="239" t="s">
        <v>48</v>
      </c>
      <c r="I5" s="239" t="s">
        <v>49</v>
      </c>
      <c r="J5" s="239" t="s">
        <v>50</v>
      </c>
      <c r="K5" s="239" t="s">
        <v>51</v>
      </c>
      <c r="L5" s="242" t="s">
        <v>45</v>
      </c>
      <c r="M5" s="510"/>
      <c r="N5" s="239" t="s">
        <v>43</v>
      </c>
      <c r="O5" s="239" t="s">
        <v>44</v>
      </c>
      <c r="P5" s="242" t="s">
        <v>45</v>
      </c>
      <c r="Q5" s="244" t="s">
        <v>83</v>
      </c>
      <c r="R5" s="239" t="s">
        <v>47</v>
      </c>
      <c r="S5" s="239" t="s">
        <v>48</v>
      </c>
      <c r="T5" s="239" t="s">
        <v>49</v>
      </c>
      <c r="U5" s="239" t="s">
        <v>50</v>
      </c>
      <c r="V5" s="239" t="s">
        <v>51</v>
      </c>
      <c r="W5" s="242" t="s">
        <v>45</v>
      </c>
      <c r="X5" s="510"/>
    </row>
    <row r="6" spans="2:24" ht="21" customHeight="1" x14ac:dyDescent="0.2">
      <c r="B6" s="435" t="s">
        <v>4</v>
      </c>
      <c r="C6" s="250">
        <v>0</v>
      </c>
      <c r="D6" s="250">
        <v>0</v>
      </c>
      <c r="E6" s="247">
        <v>0</v>
      </c>
      <c r="F6" s="249">
        <v>0</v>
      </c>
      <c r="G6" s="250">
        <v>5251</v>
      </c>
      <c r="H6" s="250">
        <v>4812</v>
      </c>
      <c r="I6" s="250">
        <v>2647</v>
      </c>
      <c r="J6" s="250">
        <v>1210</v>
      </c>
      <c r="K6" s="250">
        <v>582</v>
      </c>
      <c r="L6" s="247">
        <v>14502</v>
      </c>
      <c r="M6" s="252">
        <v>14502</v>
      </c>
      <c r="N6" s="250">
        <v>5</v>
      </c>
      <c r="O6" s="250">
        <v>0</v>
      </c>
      <c r="P6" s="247">
        <v>5</v>
      </c>
      <c r="Q6" s="249">
        <v>0</v>
      </c>
      <c r="R6" s="250">
        <v>380</v>
      </c>
      <c r="S6" s="250">
        <v>486</v>
      </c>
      <c r="T6" s="250">
        <v>675</v>
      </c>
      <c r="U6" s="250">
        <v>178</v>
      </c>
      <c r="V6" s="250">
        <v>187</v>
      </c>
      <c r="W6" s="247">
        <v>1906</v>
      </c>
      <c r="X6" s="252">
        <v>1911</v>
      </c>
    </row>
    <row r="7" spans="2:24" ht="21" customHeight="1" x14ac:dyDescent="0.2">
      <c r="B7" s="436" t="s">
        <v>5</v>
      </c>
      <c r="C7" s="257">
        <v>0</v>
      </c>
      <c r="D7" s="257">
        <v>0</v>
      </c>
      <c r="E7" s="254">
        <v>0</v>
      </c>
      <c r="F7" s="256">
        <v>0</v>
      </c>
      <c r="G7" s="257">
        <v>1977</v>
      </c>
      <c r="H7" s="257">
        <v>2534</v>
      </c>
      <c r="I7" s="257">
        <v>1330</v>
      </c>
      <c r="J7" s="257">
        <v>611</v>
      </c>
      <c r="K7" s="257">
        <v>293</v>
      </c>
      <c r="L7" s="254">
        <v>6745</v>
      </c>
      <c r="M7" s="259">
        <v>6745</v>
      </c>
      <c r="N7" s="257">
        <v>5</v>
      </c>
      <c r="O7" s="257">
        <v>0</v>
      </c>
      <c r="P7" s="254">
        <v>5</v>
      </c>
      <c r="Q7" s="256">
        <v>0</v>
      </c>
      <c r="R7" s="257">
        <v>171</v>
      </c>
      <c r="S7" s="257">
        <v>228</v>
      </c>
      <c r="T7" s="257">
        <v>351</v>
      </c>
      <c r="U7" s="257">
        <v>103</v>
      </c>
      <c r="V7" s="257">
        <v>153</v>
      </c>
      <c r="W7" s="254">
        <v>1006</v>
      </c>
      <c r="X7" s="259">
        <v>1011</v>
      </c>
    </row>
    <row r="8" spans="2:24" ht="21" customHeight="1" x14ac:dyDescent="0.2">
      <c r="B8" s="437" t="s">
        <v>6</v>
      </c>
      <c r="C8" s="257">
        <v>0</v>
      </c>
      <c r="D8" s="257">
        <v>0</v>
      </c>
      <c r="E8" s="254">
        <v>0</v>
      </c>
      <c r="F8" s="256">
        <v>0</v>
      </c>
      <c r="G8" s="257">
        <v>934</v>
      </c>
      <c r="H8" s="257">
        <v>643</v>
      </c>
      <c r="I8" s="257">
        <v>298</v>
      </c>
      <c r="J8" s="257">
        <v>134</v>
      </c>
      <c r="K8" s="257">
        <v>89</v>
      </c>
      <c r="L8" s="254">
        <v>2098</v>
      </c>
      <c r="M8" s="259">
        <v>2098</v>
      </c>
      <c r="N8" s="257">
        <v>0</v>
      </c>
      <c r="O8" s="257">
        <v>0</v>
      </c>
      <c r="P8" s="254">
        <v>0</v>
      </c>
      <c r="Q8" s="256">
        <v>0</v>
      </c>
      <c r="R8" s="257">
        <v>104</v>
      </c>
      <c r="S8" s="257">
        <v>178</v>
      </c>
      <c r="T8" s="257">
        <v>219</v>
      </c>
      <c r="U8" s="257">
        <v>20</v>
      </c>
      <c r="V8" s="257">
        <v>23</v>
      </c>
      <c r="W8" s="254">
        <v>544</v>
      </c>
      <c r="X8" s="259">
        <v>544</v>
      </c>
    </row>
    <row r="9" spans="2:24" ht="21" customHeight="1" x14ac:dyDescent="0.2">
      <c r="B9" s="437" t="s">
        <v>14</v>
      </c>
      <c r="C9" s="257">
        <v>0</v>
      </c>
      <c r="D9" s="257">
        <v>0</v>
      </c>
      <c r="E9" s="254">
        <v>0</v>
      </c>
      <c r="F9" s="256">
        <v>0</v>
      </c>
      <c r="G9" s="257">
        <v>218</v>
      </c>
      <c r="H9" s="257">
        <v>386</v>
      </c>
      <c r="I9" s="257">
        <v>155</v>
      </c>
      <c r="J9" s="257">
        <v>90</v>
      </c>
      <c r="K9" s="257">
        <v>44</v>
      </c>
      <c r="L9" s="254">
        <v>893</v>
      </c>
      <c r="M9" s="259">
        <v>893</v>
      </c>
      <c r="N9" s="257">
        <v>0</v>
      </c>
      <c r="O9" s="257">
        <v>0</v>
      </c>
      <c r="P9" s="254">
        <v>0</v>
      </c>
      <c r="Q9" s="256">
        <v>0</v>
      </c>
      <c r="R9" s="257">
        <v>3</v>
      </c>
      <c r="S9" s="257">
        <v>10</v>
      </c>
      <c r="T9" s="257">
        <v>0</v>
      </c>
      <c r="U9" s="257">
        <v>3</v>
      </c>
      <c r="V9" s="257">
        <v>0</v>
      </c>
      <c r="W9" s="254">
        <v>16</v>
      </c>
      <c r="X9" s="259">
        <v>16</v>
      </c>
    </row>
    <row r="10" spans="2:24" ht="21" customHeight="1" x14ac:dyDescent="0.2">
      <c r="B10" s="437" t="s">
        <v>7</v>
      </c>
      <c r="C10" s="257">
        <v>0</v>
      </c>
      <c r="D10" s="257">
        <v>0</v>
      </c>
      <c r="E10" s="254">
        <v>0</v>
      </c>
      <c r="F10" s="256">
        <v>0</v>
      </c>
      <c r="G10" s="257">
        <v>238</v>
      </c>
      <c r="H10" s="257">
        <v>140</v>
      </c>
      <c r="I10" s="257">
        <v>69</v>
      </c>
      <c r="J10" s="257">
        <v>21</v>
      </c>
      <c r="K10" s="257">
        <v>21</v>
      </c>
      <c r="L10" s="254">
        <v>489</v>
      </c>
      <c r="M10" s="259">
        <v>489</v>
      </c>
      <c r="N10" s="257">
        <v>0</v>
      </c>
      <c r="O10" s="257">
        <v>0</v>
      </c>
      <c r="P10" s="254">
        <v>0</v>
      </c>
      <c r="Q10" s="256">
        <v>0</v>
      </c>
      <c r="R10" s="257">
        <v>30</v>
      </c>
      <c r="S10" s="257">
        <v>32</v>
      </c>
      <c r="T10" s="257">
        <v>46</v>
      </c>
      <c r="U10" s="257">
        <v>16</v>
      </c>
      <c r="V10" s="257">
        <v>0</v>
      </c>
      <c r="W10" s="254">
        <v>124</v>
      </c>
      <c r="X10" s="259">
        <v>124</v>
      </c>
    </row>
    <row r="11" spans="2:24" ht="21" customHeight="1" x14ac:dyDescent="0.2">
      <c r="B11" s="437" t="s">
        <v>8</v>
      </c>
      <c r="C11" s="257">
        <v>0</v>
      </c>
      <c r="D11" s="257">
        <v>0</v>
      </c>
      <c r="E11" s="254">
        <v>0</v>
      </c>
      <c r="F11" s="256">
        <v>0</v>
      </c>
      <c r="G11" s="257">
        <v>241</v>
      </c>
      <c r="H11" s="257">
        <v>103</v>
      </c>
      <c r="I11" s="257">
        <v>35</v>
      </c>
      <c r="J11" s="257">
        <v>55</v>
      </c>
      <c r="K11" s="257">
        <v>23</v>
      </c>
      <c r="L11" s="254">
        <v>457</v>
      </c>
      <c r="M11" s="259">
        <v>457</v>
      </c>
      <c r="N11" s="257">
        <v>0</v>
      </c>
      <c r="O11" s="257">
        <v>0</v>
      </c>
      <c r="P11" s="254">
        <v>0</v>
      </c>
      <c r="Q11" s="256">
        <v>0</v>
      </c>
      <c r="R11" s="257">
        <v>0</v>
      </c>
      <c r="S11" s="257">
        <v>0</v>
      </c>
      <c r="T11" s="257">
        <v>0</v>
      </c>
      <c r="U11" s="257">
        <v>0</v>
      </c>
      <c r="V11" s="257">
        <v>0</v>
      </c>
      <c r="W11" s="254">
        <v>0</v>
      </c>
      <c r="X11" s="259">
        <v>0</v>
      </c>
    </row>
    <row r="12" spans="2:24" ht="21" customHeight="1" x14ac:dyDescent="0.2">
      <c r="B12" s="437" t="s">
        <v>9</v>
      </c>
      <c r="C12" s="257">
        <v>0</v>
      </c>
      <c r="D12" s="257">
        <v>0</v>
      </c>
      <c r="E12" s="254">
        <v>0</v>
      </c>
      <c r="F12" s="256">
        <v>0</v>
      </c>
      <c r="G12" s="257">
        <v>298</v>
      </c>
      <c r="H12" s="257">
        <v>157</v>
      </c>
      <c r="I12" s="257">
        <v>302</v>
      </c>
      <c r="J12" s="257">
        <v>44</v>
      </c>
      <c r="K12" s="257">
        <v>18</v>
      </c>
      <c r="L12" s="254">
        <v>819</v>
      </c>
      <c r="M12" s="259">
        <v>819</v>
      </c>
      <c r="N12" s="257">
        <v>0</v>
      </c>
      <c r="O12" s="257">
        <v>0</v>
      </c>
      <c r="P12" s="254">
        <v>0</v>
      </c>
      <c r="Q12" s="256">
        <v>0</v>
      </c>
      <c r="R12" s="257">
        <v>0</v>
      </c>
      <c r="S12" s="257">
        <v>7</v>
      </c>
      <c r="T12" s="257">
        <v>0</v>
      </c>
      <c r="U12" s="257">
        <v>0</v>
      </c>
      <c r="V12" s="257">
        <v>0</v>
      </c>
      <c r="W12" s="254">
        <v>7</v>
      </c>
      <c r="X12" s="259">
        <v>7</v>
      </c>
    </row>
    <row r="13" spans="2:24" ht="21" customHeight="1" x14ac:dyDescent="0.2">
      <c r="B13" s="437" t="s">
        <v>10</v>
      </c>
      <c r="C13" s="257">
        <v>0</v>
      </c>
      <c r="D13" s="257">
        <v>0</v>
      </c>
      <c r="E13" s="254">
        <v>0</v>
      </c>
      <c r="F13" s="256">
        <v>0</v>
      </c>
      <c r="G13" s="257">
        <v>214</v>
      </c>
      <c r="H13" s="257">
        <v>128</v>
      </c>
      <c r="I13" s="257">
        <v>28</v>
      </c>
      <c r="J13" s="257">
        <v>41</v>
      </c>
      <c r="K13" s="257">
        <v>0</v>
      </c>
      <c r="L13" s="254">
        <v>411</v>
      </c>
      <c r="M13" s="259">
        <v>411</v>
      </c>
      <c r="N13" s="257">
        <v>0</v>
      </c>
      <c r="O13" s="257">
        <v>0</v>
      </c>
      <c r="P13" s="254">
        <v>0</v>
      </c>
      <c r="Q13" s="256">
        <v>0</v>
      </c>
      <c r="R13" s="257">
        <v>25</v>
      </c>
      <c r="S13" s="257">
        <v>0</v>
      </c>
      <c r="T13" s="257">
        <v>17</v>
      </c>
      <c r="U13" s="257">
        <v>24</v>
      </c>
      <c r="V13" s="257">
        <v>0</v>
      </c>
      <c r="W13" s="254">
        <v>66</v>
      </c>
      <c r="X13" s="259">
        <v>66</v>
      </c>
    </row>
    <row r="14" spans="2:24" ht="21" customHeight="1" x14ac:dyDescent="0.2">
      <c r="B14" s="437" t="s">
        <v>11</v>
      </c>
      <c r="C14" s="257">
        <v>0</v>
      </c>
      <c r="D14" s="257">
        <v>0</v>
      </c>
      <c r="E14" s="254">
        <v>0</v>
      </c>
      <c r="F14" s="256">
        <v>0</v>
      </c>
      <c r="G14" s="257">
        <v>238</v>
      </c>
      <c r="H14" s="257">
        <v>56</v>
      </c>
      <c r="I14" s="257">
        <v>28</v>
      </c>
      <c r="J14" s="257">
        <v>39</v>
      </c>
      <c r="K14" s="257">
        <v>20</v>
      </c>
      <c r="L14" s="254">
        <v>381</v>
      </c>
      <c r="M14" s="259">
        <v>381</v>
      </c>
      <c r="N14" s="257">
        <v>0</v>
      </c>
      <c r="O14" s="257">
        <v>0</v>
      </c>
      <c r="P14" s="254">
        <v>0</v>
      </c>
      <c r="Q14" s="256">
        <v>0</v>
      </c>
      <c r="R14" s="257">
        <v>12</v>
      </c>
      <c r="S14" s="257">
        <v>0</v>
      </c>
      <c r="T14" s="257">
        <v>0</v>
      </c>
      <c r="U14" s="257">
        <v>0</v>
      </c>
      <c r="V14" s="257">
        <v>0</v>
      </c>
      <c r="W14" s="254">
        <v>12</v>
      </c>
      <c r="X14" s="259">
        <v>12</v>
      </c>
    </row>
    <row r="15" spans="2:24" ht="21" customHeight="1" x14ac:dyDescent="0.2">
      <c r="B15" s="437" t="s">
        <v>12</v>
      </c>
      <c r="C15" s="257">
        <v>0</v>
      </c>
      <c r="D15" s="257">
        <v>0</v>
      </c>
      <c r="E15" s="254">
        <v>0</v>
      </c>
      <c r="F15" s="256">
        <v>0</v>
      </c>
      <c r="G15" s="257">
        <v>111</v>
      </c>
      <c r="H15" s="257">
        <v>119</v>
      </c>
      <c r="I15" s="257">
        <v>33</v>
      </c>
      <c r="J15" s="257">
        <v>14</v>
      </c>
      <c r="K15" s="257">
        <v>15</v>
      </c>
      <c r="L15" s="254">
        <v>292</v>
      </c>
      <c r="M15" s="259">
        <v>292</v>
      </c>
      <c r="N15" s="257">
        <v>0</v>
      </c>
      <c r="O15" s="257">
        <v>0</v>
      </c>
      <c r="P15" s="254">
        <v>0</v>
      </c>
      <c r="Q15" s="256">
        <v>0</v>
      </c>
      <c r="R15" s="257">
        <v>0</v>
      </c>
      <c r="S15" s="257">
        <v>0</v>
      </c>
      <c r="T15" s="257">
        <v>0</v>
      </c>
      <c r="U15" s="257">
        <v>0</v>
      </c>
      <c r="V15" s="257">
        <v>0</v>
      </c>
      <c r="W15" s="254">
        <v>0</v>
      </c>
      <c r="X15" s="259">
        <v>0</v>
      </c>
    </row>
    <row r="16" spans="2:24" ht="21" customHeight="1" x14ac:dyDescent="0.2">
      <c r="B16" s="437" t="s">
        <v>13</v>
      </c>
      <c r="C16" s="257">
        <v>0</v>
      </c>
      <c r="D16" s="257">
        <v>0</v>
      </c>
      <c r="E16" s="254">
        <v>0</v>
      </c>
      <c r="F16" s="256">
        <v>0</v>
      </c>
      <c r="G16" s="257">
        <v>61</v>
      </c>
      <c r="H16" s="257">
        <v>94</v>
      </c>
      <c r="I16" s="257">
        <v>65</v>
      </c>
      <c r="J16" s="257">
        <v>26</v>
      </c>
      <c r="K16" s="257">
        <v>19</v>
      </c>
      <c r="L16" s="254">
        <v>265</v>
      </c>
      <c r="M16" s="259">
        <v>265</v>
      </c>
      <c r="N16" s="257">
        <v>0</v>
      </c>
      <c r="O16" s="257">
        <v>0</v>
      </c>
      <c r="P16" s="254">
        <v>0</v>
      </c>
      <c r="Q16" s="256">
        <v>0</v>
      </c>
      <c r="R16" s="257">
        <v>4</v>
      </c>
      <c r="S16" s="257">
        <v>0</v>
      </c>
      <c r="T16" s="257">
        <v>0</v>
      </c>
      <c r="U16" s="257">
        <v>0</v>
      </c>
      <c r="V16" s="257">
        <v>0</v>
      </c>
      <c r="W16" s="254">
        <v>4</v>
      </c>
      <c r="X16" s="259">
        <v>4</v>
      </c>
    </row>
    <row r="17" spans="2:24" ht="21" customHeight="1" x14ac:dyDescent="0.2">
      <c r="B17" s="437" t="s">
        <v>15</v>
      </c>
      <c r="C17" s="257">
        <v>0</v>
      </c>
      <c r="D17" s="257">
        <v>0</v>
      </c>
      <c r="E17" s="254">
        <v>0</v>
      </c>
      <c r="F17" s="256">
        <v>0</v>
      </c>
      <c r="G17" s="257">
        <v>40</v>
      </c>
      <c r="H17" s="257">
        <v>49</v>
      </c>
      <c r="I17" s="257">
        <v>3</v>
      </c>
      <c r="J17" s="257">
        <v>14</v>
      </c>
      <c r="K17" s="257">
        <v>14</v>
      </c>
      <c r="L17" s="254">
        <v>120</v>
      </c>
      <c r="M17" s="259">
        <v>120</v>
      </c>
      <c r="N17" s="257">
        <v>0</v>
      </c>
      <c r="O17" s="257">
        <v>0</v>
      </c>
      <c r="P17" s="254">
        <v>0</v>
      </c>
      <c r="Q17" s="256">
        <v>0</v>
      </c>
      <c r="R17" s="257">
        <v>0</v>
      </c>
      <c r="S17" s="257">
        <v>0</v>
      </c>
      <c r="T17" s="257">
        <v>0</v>
      </c>
      <c r="U17" s="257">
        <v>0</v>
      </c>
      <c r="V17" s="257">
        <v>0</v>
      </c>
      <c r="W17" s="254">
        <v>0</v>
      </c>
      <c r="X17" s="259">
        <v>0</v>
      </c>
    </row>
    <row r="18" spans="2:24" ht="21" customHeight="1" x14ac:dyDescent="0.2">
      <c r="B18" s="437" t="s">
        <v>16</v>
      </c>
      <c r="C18" s="257">
        <v>0</v>
      </c>
      <c r="D18" s="257">
        <v>0</v>
      </c>
      <c r="E18" s="254">
        <v>0</v>
      </c>
      <c r="F18" s="256">
        <v>0</v>
      </c>
      <c r="G18" s="257">
        <v>30</v>
      </c>
      <c r="H18" s="257">
        <v>53</v>
      </c>
      <c r="I18" s="257">
        <v>73</v>
      </c>
      <c r="J18" s="257">
        <v>3</v>
      </c>
      <c r="K18" s="257">
        <v>0</v>
      </c>
      <c r="L18" s="254">
        <v>159</v>
      </c>
      <c r="M18" s="259">
        <v>159</v>
      </c>
      <c r="N18" s="257">
        <v>0</v>
      </c>
      <c r="O18" s="257">
        <v>0</v>
      </c>
      <c r="P18" s="254">
        <v>0</v>
      </c>
      <c r="Q18" s="256">
        <v>0</v>
      </c>
      <c r="R18" s="257">
        <v>4</v>
      </c>
      <c r="S18" s="257">
        <v>10</v>
      </c>
      <c r="T18" s="257">
        <v>8</v>
      </c>
      <c r="U18" s="257">
        <v>0</v>
      </c>
      <c r="V18" s="257">
        <v>0</v>
      </c>
      <c r="W18" s="254">
        <v>22</v>
      </c>
      <c r="X18" s="259">
        <v>22</v>
      </c>
    </row>
    <row r="19" spans="2:24" ht="21" customHeight="1" x14ac:dyDescent="0.2">
      <c r="B19" s="437" t="s">
        <v>17</v>
      </c>
      <c r="C19" s="257">
        <v>0</v>
      </c>
      <c r="D19" s="257">
        <v>0</v>
      </c>
      <c r="E19" s="254">
        <v>0</v>
      </c>
      <c r="F19" s="256">
        <v>0</v>
      </c>
      <c r="G19" s="257">
        <v>123</v>
      </c>
      <c r="H19" s="257">
        <v>104</v>
      </c>
      <c r="I19" s="257">
        <v>68</v>
      </c>
      <c r="J19" s="257">
        <v>17</v>
      </c>
      <c r="K19" s="257">
        <v>8</v>
      </c>
      <c r="L19" s="254">
        <v>320</v>
      </c>
      <c r="M19" s="259">
        <v>320</v>
      </c>
      <c r="N19" s="257">
        <v>0</v>
      </c>
      <c r="O19" s="257">
        <v>0</v>
      </c>
      <c r="P19" s="254">
        <v>0</v>
      </c>
      <c r="Q19" s="256">
        <v>0</v>
      </c>
      <c r="R19" s="257">
        <v>0</v>
      </c>
      <c r="S19" s="257">
        <v>0</v>
      </c>
      <c r="T19" s="257">
        <v>0</v>
      </c>
      <c r="U19" s="257">
        <v>0</v>
      </c>
      <c r="V19" s="257">
        <v>4</v>
      </c>
      <c r="W19" s="254">
        <v>4</v>
      </c>
      <c r="X19" s="259">
        <v>4</v>
      </c>
    </row>
    <row r="20" spans="2:24" ht="21" customHeight="1" x14ac:dyDescent="0.2">
      <c r="B20" s="437" t="s">
        <v>18</v>
      </c>
      <c r="C20" s="257">
        <v>0</v>
      </c>
      <c r="D20" s="257">
        <v>0</v>
      </c>
      <c r="E20" s="254">
        <v>0</v>
      </c>
      <c r="F20" s="256">
        <v>0</v>
      </c>
      <c r="G20" s="257">
        <v>126</v>
      </c>
      <c r="H20" s="257">
        <v>48</v>
      </c>
      <c r="I20" s="257">
        <v>69</v>
      </c>
      <c r="J20" s="257">
        <v>49</v>
      </c>
      <c r="K20" s="257">
        <v>0</v>
      </c>
      <c r="L20" s="254">
        <v>292</v>
      </c>
      <c r="M20" s="259">
        <v>292</v>
      </c>
      <c r="N20" s="257">
        <v>0</v>
      </c>
      <c r="O20" s="257">
        <v>0</v>
      </c>
      <c r="P20" s="254">
        <v>0</v>
      </c>
      <c r="Q20" s="256">
        <v>0</v>
      </c>
      <c r="R20" s="257">
        <v>6</v>
      </c>
      <c r="S20" s="257">
        <v>0</v>
      </c>
      <c r="T20" s="257">
        <v>20</v>
      </c>
      <c r="U20" s="257">
        <v>12</v>
      </c>
      <c r="V20" s="257">
        <v>0</v>
      </c>
      <c r="W20" s="254">
        <v>38</v>
      </c>
      <c r="X20" s="259">
        <v>38</v>
      </c>
    </row>
    <row r="21" spans="2:24" ht="21" customHeight="1" x14ac:dyDescent="0.2">
      <c r="B21" s="437" t="s">
        <v>19</v>
      </c>
      <c r="C21" s="257">
        <v>0</v>
      </c>
      <c r="D21" s="257">
        <v>0</v>
      </c>
      <c r="E21" s="254">
        <v>0</v>
      </c>
      <c r="F21" s="256">
        <v>0</v>
      </c>
      <c r="G21" s="257">
        <v>53</v>
      </c>
      <c r="H21" s="257">
        <v>50</v>
      </c>
      <c r="I21" s="257">
        <v>7</v>
      </c>
      <c r="J21" s="257">
        <v>16</v>
      </c>
      <c r="K21" s="257">
        <v>0</v>
      </c>
      <c r="L21" s="254">
        <v>126</v>
      </c>
      <c r="M21" s="259">
        <v>126</v>
      </c>
      <c r="N21" s="257">
        <v>0</v>
      </c>
      <c r="O21" s="257">
        <v>0</v>
      </c>
      <c r="P21" s="254">
        <v>0</v>
      </c>
      <c r="Q21" s="256">
        <v>0</v>
      </c>
      <c r="R21" s="257">
        <v>4</v>
      </c>
      <c r="S21" s="257">
        <v>11</v>
      </c>
      <c r="T21" s="257">
        <v>0</v>
      </c>
      <c r="U21" s="257">
        <v>0</v>
      </c>
      <c r="V21" s="257">
        <v>0</v>
      </c>
      <c r="W21" s="254">
        <v>15</v>
      </c>
      <c r="X21" s="259">
        <v>15</v>
      </c>
    </row>
    <row r="22" spans="2:24" ht="21" customHeight="1" x14ac:dyDescent="0.2">
      <c r="B22" s="437" t="s">
        <v>20</v>
      </c>
      <c r="C22" s="257">
        <v>0</v>
      </c>
      <c r="D22" s="257">
        <v>0</v>
      </c>
      <c r="E22" s="254">
        <v>0</v>
      </c>
      <c r="F22" s="256">
        <v>0</v>
      </c>
      <c r="G22" s="257">
        <v>48</v>
      </c>
      <c r="H22" s="257">
        <v>39</v>
      </c>
      <c r="I22" s="257">
        <v>19</v>
      </c>
      <c r="J22" s="257">
        <v>0</v>
      </c>
      <c r="K22" s="257">
        <v>0</v>
      </c>
      <c r="L22" s="254">
        <v>106</v>
      </c>
      <c r="M22" s="259">
        <v>106</v>
      </c>
      <c r="N22" s="257">
        <v>0</v>
      </c>
      <c r="O22" s="257">
        <v>0</v>
      </c>
      <c r="P22" s="254">
        <v>0</v>
      </c>
      <c r="Q22" s="256">
        <v>0</v>
      </c>
      <c r="R22" s="257">
        <v>0</v>
      </c>
      <c r="S22" s="257">
        <v>0</v>
      </c>
      <c r="T22" s="257">
        <v>0</v>
      </c>
      <c r="U22" s="257">
        <v>0</v>
      </c>
      <c r="V22" s="257">
        <v>0</v>
      </c>
      <c r="W22" s="254">
        <v>0</v>
      </c>
      <c r="X22" s="259">
        <v>0</v>
      </c>
    </row>
    <row r="23" spans="2:24" ht="21" customHeight="1" x14ac:dyDescent="0.2">
      <c r="B23" s="437" t="s">
        <v>21</v>
      </c>
      <c r="C23" s="257">
        <v>0</v>
      </c>
      <c r="D23" s="257">
        <v>0</v>
      </c>
      <c r="E23" s="254">
        <v>0</v>
      </c>
      <c r="F23" s="256">
        <v>0</v>
      </c>
      <c r="G23" s="257">
        <v>96</v>
      </c>
      <c r="H23" s="257">
        <v>16</v>
      </c>
      <c r="I23" s="257">
        <v>11</v>
      </c>
      <c r="J23" s="257">
        <v>4</v>
      </c>
      <c r="K23" s="257">
        <v>0</v>
      </c>
      <c r="L23" s="254">
        <v>127</v>
      </c>
      <c r="M23" s="259">
        <v>127</v>
      </c>
      <c r="N23" s="257">
        <v>0</v>
      </c>
      <c r="O23" s="257">
        <v>0</v>
      </c>
      <c r="P23" s="254">
        <v>0</v>
      </c>
      <c r="Q23" s="256">
        <v>0</v>
      </c>
      <c r="R23" s="257">
        <v>0</v>
      </c>
      <c r="S23" s="257">
        <v>0</v>
      </c>
      <c r="T23" s="257">
        <v>0</v>
      </c>
      <c r="U23" s="257">
        <v>0</v>
      </c>
      <c r="V23" s="257">
        <v>0</v>
      </c>
      <c r="W23" s="254">
        <v>0</v>
      </c>
      <c r="X23" s="259">
        <v>0</v>
      </c>
    </row>
    <row r="24" spans="2:24" ht="21" customHeight="1" x14ac:dyDescent="0.2">
      <c r="B24" s="437" t="s">
        <v>22</v>
      </c>
      <c r="C24" s="257">
        <v>0</v>
      </c>
      <c r="D24" s="257">
        <v>0</v>
      </c>
      <c r="E24" s="254">
        <v>0</v>
      </c>
      <c r="F24" s="256">
        <v>0</v>
      </c>
      <c r="G24" s="257">
        <v>44</v>
      </c>
      <c r="H24" s="257">
        <v>40</v>
      </c>
      <c r="I24" s="257">
        <v>6</v>
      </c>
      <c r="J24" s="257">
        <v>7</v>
      </c>
      <c r="K24" s="257">
        <v>0</v>
      </c>
      <c r="L24" s="254">
        <v>97</v>
      </c>
      <c r="M24" s="259">
        <v>97</v>
      </c>
      <c r="N24" s="257">
        <v>0</v>
      </c>
      <c r="O24" s="257">
        <v>0</v>
      </c>
      <c r="P24" s="254">
        <v>0</v>
      </c>
      <c r="Q24" s="256">
        <v>0</v>
      </c>
      <c r="R24" s="257">
        <v>0</v>
      </c>
      <c r="S24" s="257">
        <v>0</v>
      </c>
      <c r="T24" s="257">
        <v>6</v>
      </c>
      <c r="U24" s="257">
        <v>0</v>
      </c>
      <c r="V24" s="257">
        <v>0</v>
      </c>
      <c r="W24" s="254">
        <v>6</v>
      </c>
      <c r="X24" s="259">
        <v>6</v>
      </c>
    </row>
    <row r="25" spans="2:24" ht="21" customHeight="1" x14ac:dyDescent="0.2">
      <c r="B25" s="437" t="s">
        <v>23</v>
      </c>
      <c r="C25" s="257">
        <v>0</v>
      </c>
      <c r="D25" s="257">
        <v>0</v>
      </c>
      <c r="E25" s="254">
        <v>0</v>
      </c>
      <c r="F25" s="256">
        <v>0</v>
      </c>
      <c r="G25" s="257">
        <v>9</v>
      </c>
      <c r="H25" s="257">
        <v>12</v>
      </c>
      <c r="I25" s="257">
        <v>7</v>
      </c>
      <c r="J25" s="257">
        <v>0</v>
      </c>
      <c r="K25" s="257">
        <v>0</v>
      </c>
      <c r="L25" s="254">
        <v>28</v>
      </c>
      <c r="M25" s="259">
        <v>28</v>
      </c>
      <c r="N25" s="257">
        <v>0</v>
      </c>
      <c r="O25" s="257">
        <v>0</v>
      </c>
      <c r="P25" s="254">
        <v>0</v>
      </c>
      <c r="Q25" s="256">
        <v>0</v>
      </c>
      <c r="R25" s="257">
        <v>0</v>
      </c>
      <c r="S25" s="257">
        <v>0</v>
      </c>
      <c r="T25" s="257">
        <v>0</v>
      </c>
      <c r="U25" s="257">
        <v>0</v>
      </c>
      <c r="V25" s="257">
        <v>0</v>
      </c>
      <c r="W25" s="254">
        <v>0</v>
      </c>
      <c r="X25" s="259">
        <v>0</v>
      </c>
    </row>
    <row r="26" spans="2:24" ht="21" customHeight="1" x14ac:dyDescent="0.2">
      <c r="B26" s="437" t="s">
        <v>24</v>
      </c>
      <c r="C26" s="257">
        <v>0</v>
      </c>
      <c r="D26" s="257">
        <v>0</v>
      </c>
      <c r="E26" s="254">
        <v>0</v>
      </c>
      <c r="F26" s="256">
        <v>0</v>
      </c>
      <c r="G26" s="257">
        <v>0</v>
      </c>
      <c r="H26" s="257">
        <v>0</v>
      </c>
      <c r="I26" s="257">
        <v>0</v>
      </c>
      <c r="J26" s="257">
        <v>12</v>
      </c>
      <c r="K26" s="257">
        <v>0</v>
      </c>
      <c r="L26" s="254">
        <v>12</v>
      </c>
      <c r="M26" s="259">
        <v>12</v>
      </c>
      <c r="N26" s="257">
        <v>0</v>
      </c>
      <c r="O26" s="257">
        <v>0</v>
      </c>
      <c r="P26" s="254">
        <v>0</v>
      </c>
      <c r="Q26" s="256">
        <v>0</v>
      </c>
      <c r="R26" s="257">
        <v>0</v>
      </c>
      <c r="S26" s="257">
        <v>2</v>
      </c>
      <c r="T26" s="257">
        <v>0</v>
      </c>
      <c r="U26" s="257">
        <v>0</v>
      </c>
      <c r="V26" s="257">
        <v>7</v>
      </c>
      <c r="W26" s="254">
        <v>9</v>
      </c>
      <c r="X26" s="259">
        <v>9</v>
      </c>
    </row>
    <row r="27" spans="2:24" ht="21" customHeight="1" x14ac:dyDescent="0.2">
      <c r="B27" s="437" t="s">
        <v>25</v>
      </c>
      <c r="C27" s="257">
        <v>0</v>
      </c>
      <c r="D27" s="257">
        <v>0</v>
      </c>
      <c r="E27" s="254">
        <v>0</v>
      </c>
      <c r="F27" s="256">
        <v>0</v>
      </c>
      <c r="G27" s="257">
        <v>22</v>
      </c>
      <c r="H27" s="257">
        <v>4</v>
      </c>
      <c r="I27" s="257">
        <v>0</v>
      </c>
      <c r="J27" s="257">
        <v>0</v>
      </c>
      <c r="K27" s="257">
        <v>0</v>
      </c>
      <c r="L27" s="254">
        <v>26</v>
      </c>
      <c r="M27" s="259">
        <v>26</v>
      </c>
      <c r="N27" s="257">
        <v>0</v>
      </c>
      <c r="O27" s="257">
        <v>0</v>
      </c>
      <c r="P27" s="254">
        <v>0</v>
      </c>
      <c r="Q27" s="256">
        <v>0</v>
      </c>
      <c r="R27" s="257">
        <v>0</v>
      </c>
      <c r="S27" s="257">
        <v>0</v>
      </c>
      <c r="T27" s="257">
        <v>0</v>
      </c>
      <c r="U27" s="257">
        <v>0</v>
      </c>
      <c r="V27" s="257">
        <v>0</v>
      </c>
      <c r="W27" s="254">
        <v>0</v>
      </c>
      <c r="X27" s="259">
        <v>0</v>
      </c>
    </row>
    <row r="28" spans="2:24" ht="21" customHeight="1" x14ac:dyDescent="0.2">
      <c r="B28" s="437" t="s">
        <v>26</v>
      </c>
      <c r="C28" s="257">
        <v>0</v>
      </c>
      <c r="D28" s="257">
        <v>0</v>
      </c>
      <c r="E28" s="254">
        <v>0</v>
      </c>
      <c r="F28" s="256">
        <v>0</v>
      </c>
      <c r="G28" s="257">
        <v>8</v>
      </c>
      <c r="H28" s="257">
        <v>16</v>
      </c>
      <c r="I28" s="257">
        <v>26</v>
      </c>
      <c r="J28" s="257">
        <v>0</v>
      </c>
      <c r="K28" s="257">
        <v>4</v>
      </c>
      <c r="L28" s="254">
        <v>54</v>
      </c>
      <c r="M28" s="259">
        <v>54</v>
      </c>
      <c r="N28" s="257">
        <v>0</v>
      </c>
      <c r="O28" s="257">
        <v>0</v>
      </c>
      <c r="P28" s="254">
        <v>0</v>
      </c>
      <c r="Q28" s="256">
        <v>0</v>
      </c>
      <c r="R28" s="257">
        <v>0</v>
      </c>
      <c r="S28" s="257">
        <v>0</v>
      </c>
      <c r="T28" s="257">
        <v>0</v>
      </c>
      <c r="U28" s="257">
        <v>0</v>
      </c>
      <c r="V28" s="257">
        <v>0</v>
      </c>
      <c r="W28" s="254">
        <v>0</v>
      </c>
      <c r="X28" s="259">
        <v>0</v>
      </c>
    </row>
    <row r="29" spans="2:24" ht="21" customHeight="1" x14ac:dyDescent="0.2">
      <c r="B29" s="437" t="s">
        <v>27</v>
      </c>
      <c r="C29" s="257">
        <v>0</v>
      </c>
      <c r="D29" s="257">
        <v>0</v>
      </c>
      <c r="E29" s="254">
        <v>0</v>
      </c>
      <c r="F29" s="256">
        <v>0</v>
      </c>
      <c r="G29" s="257">
        <v>26</v>
      </c>
      <c r="H29" s="257">
        <v>14</v>
      </c>
      <c r="I29" s="257">
        <v>0</v>
      </c>
      <c r="J29" s="257">
        <v>0</v>
      </c>
      <c r="K29" s="257">
        <v>0</v>
      </c>
      <c r="L29" s="254">
        <v>40</v>
      </c>
      <c r="M29" s="259">
        <v>40</v>
      </c>
      <c r="N29" s="257">
        <v>0</v>
      </c>
      <c r="O29" s="257">
        <v>0</v>
      </c>
      <c r="P29" s="254">
        <v>0</v>
      </c>
      <c r="Q29" s="256">
        <v>0</v>
      </c>
      <c r="R29" s="257">
        <v>0</v>
      </c>
      <c r="S29" s="257">
        <v>3</v>
      </c>
      <c r="T29" s="257">
        <v>8</v>
      </c>
      <c r="U29" s="257">
        <v>0</v>
      </c>
      <c r="V29" s="257">
        <v>0</v>
      </c>
      <c r="W29" s="254">
        <v>11</v>
      </c>
      <c r="X29" s="259">
        <v>11</v>
      </c>
    </row>
    <row r="30" spans="2:24" ht="21" customHeight="1" x14ac:dyDescent="0.2">
      <c r="B30" s="437" t="s">
        <v>28</v>
      </c>
      <c r="C30" s="257">
        <v>0</v>
      </c>
      <c r="D30" s="257">
        <v>0</v>
      </c>
      <c r="E30" s="254">
        <v>0</v>
      </c>
      <c r="F30" s="256">
        <v>0</v>
      </c>
      <c r="G30" s="257">
        <v>41</v>
      </c>
      <c r="H30" s="257">
        <v>0</v>
      </c>
      <c r="I30" s="257">
        <v>0</v>
      </c>
      <c r="J30" s="257">
        <v>0</v>
      </c>
      <c r="K30" s="257">
        <v>0</v>
      </c>
      <c r="L30" s="254">
        <v>41</v>
      </c>
      <c r="M30" s="259">
        <v>41</v>
      </c>
      <c r="N30" s="257">
        <v>0</v>
      </c>
      <c r="O30" s="257">
        <v>0</v>
      </c>
      <c r="P30" s="254">
        <v>0</v>
      </c>
      <c r="Q30" s="256">
        <v>0</v>
      </c>
      <c r="R30" s="257">
        <v>0</v>
      </c>
      <c r="S30" s="257">
        <v>0</v>
      </c>
      <c r="T30" s="257">
        <v>0</v>
      </c>
      <c r="U30" s="257">
        <v>0</v>
      </c>
      <c r="V30" s="257">
        <v>0</v>
      </c>
      <c r="W30" s="254">
        <v>0</v>
      </c>
      <c r="X30" s="259">
        <v>0</v>
      </c>
    </row>
    <row r="31" spans="2:24" ht="21" customHeight="1" x14ac:dyDescent="0.2">
      <c r="B31" s="437" t="s">
        <v>29</v>
      </c>
      <c r="C31" s="257">
        <v>0</v>
      </c>
      <c r="D31" s="257">
        <v>0</v>
      </c>
      <c r="E31" s="254">
        <v>0</v>
      </c>
      <c r="F31" s="256">
        <v>0</v>
      </c>
      <c r="G31" s="257">
        <v>11</v>
      </c>
      <c r="H31" s="257">
        <v>0</v>
      </c>
      <c r="I31" s="257">
        <v>0</v>
      </c>
      <c r="J31" s="257">
        <v>4</v>
      </c>
      <c r="K31" s="257">
        <v>0</v>
      </c>
      <c r="L31" s="254">
        <v>15</v>
      </c>
      <c r="M31" s="259">
        <v>15</v>
      </c>
      <c r="N31" s="257">
        <v>0</v>
      </c>
      <c r="O31" s="257">
        <v>0</v>
      </c>
      <c r="P31" s="254">
        <v>0</v>
      </c>
      <c r="Q31" s="256">
        <v>0</v>
      </c>
      <c r="R31" s="257">
        <v>0</v>
      </c>
      <c r="S31" s="257">
        <v>0</v>
      </c>
      <c r="T31" s="257">
        <v>0</v>
      </c>
      <c r="U31" s="257">
        <v>0</v>
      </c>
      <c r="V31" s="257">
        <v>0</v>
      </c>
      <c r="W31" s="254">
        <v>0</v>
      </c>
      <c r="X31" s="259">
        <v>0</v>
      </c>
    </row>
    <row r="32" spans="2:24" ht="21" customHeight="1" x14ac:dyDescent="0.2">
      <c r="B32" s="437" t="s">
        <v>30</v>
      </c>
      <c r="C32" s="257">
        <v>0</v>
      </c>
      <c r="D32" s="257">
        <v>0</v>
      </c>
      <c r="E32" s="254">
        <v>0</v>
      </c>
      <c r="F32" s="256">
        <v>0</v>
      </c>
      <c r="G32" s="257">
        <v>7</v>
      </c>
      <c r="H32" s="257">
        <v>0</v>
      </c>
      <c r="I32" s="257">
        <v>0</v>
      </c>
      <c r="J32" s="257">
        <v>0</v>
      </c>
      <c r="K32" s="257">
        <v>0</v>
      </c>
      <c r="L32" s="254">
        <v>7</v>
      </c>
      <c r="M32" s="259">
        <v>7</v>
      </c>
      <c r="N32" s="257">
        <v>0</v>
      </c>
      <c r="O32" s="257">
        <v>0</v>
      </c>
      <c r="P32" s="254">
        <v>0</v>
      </c>
      <c r="Q32" s="256">
        <v>0</v>
      </c>
      <c r="R32" s="257">
        <v>0</v>
      </c>
      <c r="S32" s="257">
        <v>5</v>
      </c>
      <c r="T32" s="257">
        <v>0</v>
      </c>
      <c r="U32" s="257">
        <v>0</v>
      </c>
      <c r="V32" s="257">
        <v>0</v>
      </c>
      <c r="W32" s="254">
        <v>5</v>
      </c>
      <c r="X32" s="259">
        <v>5</v>
      </c>
    </row>
    <row r="33" spans="2:24" ht="21" customHeight="1" x14ac:dyDescent="0.2">
      <c r="B33" s="437" t="s">
        <v>31</v>
      </c>
      <c r="C33" s="257">
        <v>0</v>
      </c>
      <c r="D33" s="257">
        <v>0</v>
      </c>
      <c r="E33" s="254">
        <v>0</v>
      </c>
      <c r="F33" s="256">
        <v>0</v>
      </c>
      <c r="G33" s="257">
        <v>6</v>
      </c>
      <c r="H33" s="257">
        <v>7</v>
      </c>
      <c r="I33" s="257">
        <v>8</v>
      </c>
      <c r="J33" s="257">
        <v>0</v>
      </c>
      <c r="K33" s="257">
        <v>0</v>
      </c>
      <c r="L33" s="254">
        <v>21</v>
      </c>
      <c r="M33" s="259">
        <v>21</v>
      </c>
      <c r="N33" s="257">
        <v>0</v>
      </c>
      <c r="O33" s="257">
        <v>0</v>
      </c>
      <c r="P33" s="254">
        <v>0</v>
      </c>
      <c r="Q33" s="256">
        <v>0</v>
      </c>
      <c r="R33" s="257">
        <v>0</v>
      </c>
      <c r="S33" s="257">
        <v>0</v>
      </c>
      <c r="T33" s="257">
        <v>0</v>
      </c>
      <c r="U33" s="257">
        <v>0</v>
      </c>
      <c r="V33" s="257">
        <v>0</v>
      </c>
      <c r="W33" s="254">
        <v>0</v>
      </c>
      <c r="X33" s="259">
        <v>0</v>
      </c>
    </row>
    <row r="34" spans="2:24" ht="21" customHeight="1" x14ac:dyDescent="0.2">
      <c r="B34" s="437" t="s">
        <v>32</v>
      </c>
      <c r="C34" s="257">
        <v>0</v>
      </c>
      <c r="D34" s="257">
        <v>0</v>
      </c>
      <c r="E34" s="254">
        <v>0</v>
      </c>
      <c r="F34" s="256">
        <v>0</v>
      </c>
      <c r="G34" s="257">
        <v>14</v>
      </c>
      <c r="H34" s="257">
        <v>0</v>
      </c>
      <c r="I34" s="257">
        <v>0</v>
      </c>
      <c r="J34" s="257">
        <v>0</v>
      </c>
      <c r="K34" s="257">
        <v>0</v>
      </c>
      <c r="L34" s="254">
        <v>14</v>
      </c>
      <c r="M34" s="259">
        <v>14</v>
      </c>
      <c r="N34" s="257">
        <v>0</v>
      </c>
      <c r="O34" s="257">
        <v>0</v>
      </c>
      <c r="P34" s="254">
        <v>0</v>
      </c>
      <c r="Q34" s="256">
        <v>0</v>
      </c>
      <c r="R34" s="257">
        <v>17</v>
      </c>
      <c r="S34" s="257">
        <v>0</v>
      </c>
      <c r="T34" s="257">
        <v>0</v>
      </c>
      <c r="U34" s="257">
        <v>0</v>
      </c>
      <c r="V34" s="257">
        <v>0</v>
      </c>
      <c r="W34" s="254">
        <v>17</v>
      </c>
      <c r="X34" s="259">
        <v>17</v>
      </c>
    </row>
    <row r="35" spans="2:24" ht="21" customHeight="1" x14ac:dyDescent="0.2">
      <c r="B35" s="437" t="s">
        <v>33</v>
      </c>
      <c r="C35" s="257">
        <v>0</v>
      </c>
      <c r="D35" s="257">
        <v>0</v>
      </c>
      <c r="E35" s="254">
        <v>0</v>
      </c>
      <c r="F35" s="256">
        <v>0</v>
      </c>
      <c r="G35" s="257">
        <v>0</v>
      </c>
      <c r="H35" s="257">
        <v>0</v>
      </c>
      <c r="I35" s="257">
        <v>6</v>
      </c>
      <c r="J35" s="257">
        <v>9</v>
      </c>
      <c r="K35" s="257">
        <v>0</v>
      </c>
      <c r="L35" s="254">
        <v>15</v>
      </c>
      <c r="M35" s="259">
        <v>15</v>
      </c>
      <c r="N35" s="257">
        <v>0</v>
      </c>
      <c r="O35" s="257">
        <v>0</v>
      </c>
      <c r="P35" s="254">
        <v>0</v>
      </c>
      <c r="Q35" s="256">
        <v>0</v>
      </c>
      <c r="R35" s="257">
        <v>0</v>
      </c>
      <c r="S35" s="257">
        <v>0</v>
      </c>
      <c r="T35" s="257">
        <v>0</v>
      </c>
      <c r="U35" s="257">
        <v>0</v>
      </c>
      <c r="V35" s="257">
        <v>0</v>
      </c>
      <c r="W35" s="254">
        <v>0</v>
      </c>
      <c r="X35" s="259">
        <v>0</v>
      </c>
    </row>
    <row r="36" spans="2:24" ht="21" customHeight="1" x14ac:dyDescent="0.2">
      <c r="B36" s="437" t="s">
        <v>34</v>
      </c>
      <c r="C36" s="257">
        <v>0</v>
      </c>
      <c r="D36" s="257">
        <v>0</v>
      </c>
      <c r="E36" s="254">
        <v>0</v>
      </c>
      <c r="F36" s="256">
        <v>0</v>
      </c>
      <c r="G36" s="257">
        <v>0</v>
      </c>
      <c r="H36" s="257">
        <v>0</v>
      </c>
      <c r="I36" s="257">
        <v>0</v>
      </c>
      <c r="J36" s="257">
        <v>0</v>
      </c>
      <c r="K36" s="257">
        <v>0</v>
      </c>
      <c r="L36" s="254">
        <v>0</v>
      </c>
      <c r="M36" s="259">
        <v>0</v>
      </c>
      <c r="N36" s="257">
        <v>0</v>
      </c>
      <c r="O36" s="257">
        <v>0</v>
      </c>
      <c r="P36" s="254">
        <v>0</v>
      </c>
      <c r="Q36" s="256">
        <v>0</v>
      </c>
      <c r="R36" s="257">
        <v>0</v>
      </c>
      <c r="S36" s="257">
        <v>0</v>
      </c>
      <c r="T36" s="257">
        <v>0</v>
      </c>
      <c r="U36" s="257">
        <v>0</v>
      </c>
      <c r="V36" s="257">
        <v>0</v>
      </c>
      <c r="W36" s="254">
        <v>0</v>
      </c>
      <c r="X36" s="259">
        <v>0</v>
      </c>
    </row>
    <row r="37" spans="2:24" ht="21" customHeight="1" x14ac:dyDescent="0.2">
      <c r="B37" s="437" t="s">
        <v>35</v>
      </c>
      <c r="C37" s="257">
        <v>0</v>
      </c>
      <c r="D37" s="257">
        <v>0</v>
      </c>
      <c r="E37" s="254">
        <v>0</v>
      </c>
      <c r="F37" s="256">
        <v>0</v>
      </c>
      <c r="G37" s="257">
        <v>0</v>
      </c>
      <c r="H37" s="257">
        <v>0</v>
      </c>
      <c r="I37" s="257">
        <v>0</v>
      </c>
      <c r="J37" s="257">
        <v>0</v>
      </c>
      <c r="K37" s="257">
        <v>0</v>
      </c>
      <c r="L37" s="254">
        <v>0</v>
      </c>
      <c r="M37" s="259">
        <v>0</v>
      </c>
      <c r="N37" s="257">
        <v>0</v>
      </c>
      <c r="O37" s="257">
        <v>0</v>
      </c>
      <c r="P37" s="254">
        <v>0</v>
      </c>
      <c r="Q37" s="256">
        <v>0</v>
      </c>
      <c r="R37" s="257">
        <v>0</v>
      </c>
      <c r="S37" s="257">
        <v>0</v>
      </c>
      <c r="T37" s="257">
        <v>0</v>
      </c>
      <c r="U37" s="257">
        <v>0</v>
      </c>
      <c r="V37" s="257">
        <v>0</v>
      </c>
      <c r="W37" s="254">
        <v>0</v>
      </c>
      <c r="X37" s="259">
        <v>0</v>
      </c>
    </row>
    <row r="38" spans="2:24" ht="21" customHeight="1" x14ac:dyDescent="0.2">
      <c r="B38" s="437" t="s">
        <v>36</v>
      </c>
      <c r="C38" s="257">
        <v>0</v>
      </c>
      <c r="D38" s="257">
        <v>0</v>
      </c>
      <c r="E38" s="254">
        <v>0</v>
      </c>
      <c r="F38" s="256">
        <v>0</v>
      </c>
      <c r="G38" s="257">
        <v>17</v>
      </c>
      <c r="H38" s="257">
        <v>0</v>
      </c>
      <c r="I38" s="257">
        <v>1</v>
      </c>
      <c r="J38" s="257">
        <v>0</v>
      </c>
      <c r="K38" s="257">
        <v>0</v>
      </c>
      <c r="L38" s="254">
        <v>18</v>
      </c>
      <c r="M38" s="259">
        <v>18</v>
      </c>
      <c r="N38" s="257">
        <v>0</v>
      </c>
      <c r="O38" s="257">
        <v>0</v>
      </c>
      <c r="P38" s="254">
        <v>0</v>
      </c>
      <c r="Q38" s="256">
        <v>0</v>
      </c>
      <c r="R38" s="257">
        <v>0</v>
      </c>
      <c r="S38" s="257">
        <v>0</v>
      </c>
      <c r="T38" s="257">
        <v>0</v>
      </c>
      <c r="U38" s="257">
        <v>0</v>
      </c>
      <c r="V38" s="257">
        <v>0</v>
      </c>
      <c r="W38" s="254">
        <v>0</v>
      </c>
      <c r="X38" s="259">
        <v>0</v>
      </c>
    </row>
    <row r="39" spans="2:24" ht="21" customHeight="1" thickBot="1" x14ac:dyDescent="0.25">
      <c r="B39" s="438" t="s">
        <v>37</v>
      </c>
      <c r="C39" s="264">
        <v>0</v>
      </c>
      <c r="D39" s="264">
        <v>0</v>
      </c>
      <c r="E39" s="261">
        <v>0</v>
      </c>
      <c r="F39" s="263">
        <v>0</v>
      </c>
      <c r="G39" s="264">
        <v>0</v>
      </c>
      <c r="H39" s="264">
        <v>0</v>
      </c>
      <c r="I39" s="264">
        <v>0</v>
      </c>
      <c r="J39" s="264">
        <v>0</v>
      </c>
      <c r="K39" s="264">
        <v>14</v>
      </c>
      <c r="L39" s="261">
        <v>14</v>
      </c>
      <c r="M39" s="266">
        <v>14</v>
      </c>
      <c r="N39" s="264">
        <v>0</v>
      </c>
      <c r="O39" s="264">
        <v>0</v>
      </c>
      <c r="P39" s="261">
        <v>0</v>
      </c>
      <c r="Q39" s="263">
        <v>0</v>
      </c>
      <c r="R39" s="264">
        <v>0</v>
      </c>
      <c r="S39" s="264">
        <v>0</v>
      </c>
      <c r="T39" s="264">
        <v>0</v>
      </c>
      <c r="U39" s="264">
        <v>0</v>
      </c>
      <c r="V39" s="264">
        <v>0</v>
      </c>
      <c r="W39" s="261">
        <v>0</v>
      </c>
      <c r="X39" s="266">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9" style="1" customWidth="1"/>
    <col min="4" max="4" width="8.109375" style="1" customWidth="1"/>
    <col min="5" max="5" width="10.109375" style="1" bestFit="1" customWidth="1"/>
    <col min="6" max="6" width="9" style="1"/>
    <col min="7" max="8" width="9" style="1" customWidth="1"/>
    <col min="9"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15" t="s">
        <v>56</v>
      </c>
      <c r="F1" s="495">
        <f>第１表!F2</f>
        <v>6</v>
      </c>
      <c r="G1" s="495"/>
      <c r="H1" s="231">
        <f>第１表!G2</f>
        <v>3</v>
      </c>
      <c r="I1" s="525">
        <f>IF(H1&lt;3,H1-2+12,H1-2)</f>
        <v>1</v>
      </c>
      <c r="J1" s="525"/>
    </row>
    <row r="2" spans="2:133" ht="24" customHeight="1" thickBot="1" x14ac:dyDescent="0.25"/>
    <row r="3" spans="2:133" ht="21" customHeight="1" thickBot="1" x14ac:dyDescent="0.25">
      <c r="B3" s="571"/>
      <c r="C3" s="561" t="s">
        <v>57</v>
      </c>
      <c r="D3" s="562"/>
      <c r="E3" s="562"/>
      <c r="F3" s="562"/>
      <c r="G3" s="562"/>
      <c r="H3" s="562"/>
      <c r="I3" s="562"/>
      <c r="J3" s="562"/>
      <c r="K3" s="562"/>
      <c r="L3" s="562"/>
      <c r="M3" s="562"/>
      <c r="N3" s="562"/>
      <c r="O3" s="562"/>
      <c r="P3" s="562"/>
      <c r="Q3" s="562"/>
      <c r="R3" s="562"/>
      <c r="S3" s="562"/>
      <c r="T3" s="562"/>
      <c r="U3" s="562"/>
      <c r="V3" s="562"/>
      <c r="W3" s="562"/>
      <c r="X3" s="562"/>
      <c r="Y3" s="562"/>
      <c r="Z3" s="562"/>
      <c r="AA3" s="562"/>
      <c r="AB3" s="562"/>
      <c r="AC3" s="562"/>
      <c r="AD3" s="562"/>
      <c r="AE3" s="562"/>
      <c r="AF3" s="563"/>
      <c r="AG3" s="561" t="s">
        <v>58</v>
      </c>
      <c r="AH3" s="574"/>
      <c r="AI3" s="574"/>
      <c r="AJ3" s="574"/>
      <c r="AK3" s="574"/>
      <c r="AL3" s="574"/>
      <c r="AM3" s="574"/>
      <c r="AN3" s="574"/>
      <c r="AO3" s="574"/>
      <c r="AP3" s="574"/>
      <c r="AQ3" s="574"/>
      <c r="AR3" s="574"/>
      <c r="AS3" s="574"/>
      <c r="AT3" s="574"/>
      <c r="AU3" s="574"/>
      <c r="AV3" s="574"/>
      <c r="AW3" s="574"/>
      <c r="AX3" s="574"/>
      <c r="AY3" s="574"/>
      <c r="AZ3" s="574"/>
      <c r="BA3" s="574"/>
      <c r="BB3" s="574"/>
      <c r="BC3" s="574"/>
      <c r="BD3" s="574"/>
      <c r="BE3" s="574"/>
      <c r="BF3" s="574"/>
      <c r="BG3" s="574"/>
      <c r="BH3" s="574"/>
      <c r="BI3" s="574"/>
      <c r="BJ3" s="575"/>
      <c r="BK3" s="561" t="s">
        <v>59</v>
      </c>
      <c r="BL3" s="562"/>
      <c r="BM3" s="562"/>
      <c r="BN3" s="562"/>
      <c r="BO3" s="562"/>
      <c r="BP3" s="562"/>
      <c r="BQ3" s="562"/>
      <c r="BR3" s="562"/>
      <c r="BS3" s="562"/>
      <c r="BT3" s="562"/>
      <c r="BU3" s="562"/>
      <c r="BV3" s="562"/>
      <c r="BW3" s="562"/>
      <c r="BX3" s="562"/>
      <c r="BY3" s="562"/>
      <c r="BZ3" s="562"/>
      <c r="CA3" s="562"/>
      <c r="CB3" s="562"/>
      <c r="CC3" s="562"/>
      <c r="CD3" s="562"/>
      <c r="CE3" s="562"/>
      <c r="CF3" s="562"/>
      <c r="CG3" s="562"/>
      <c r="CH3" s="562"/>
      <c r="CI3" s="562"/>
      <c r="CJ3" s="562"/>
      <c r="CK3" s="562"/>
      <c r="CL3" s="562"/>
      <c r="CM3" s="562"/>
      <c r="CN3" s="563"/>
      <c r="CO3" s="570" t="s">
        <v>149</v>
      </c>
      <c r="CP3" s="562"/>
      <c r="CQ3" s="562"/>
      <c r="CR3" s="562"/>
      <c r="CS3" s="562"/>
      <c r="CT3" s="562"/>
      <c r="CU3" s="562"/>
      <c r="CV3" s="562"/>
      <c r="CW3" s="562"/>
      <c r="CX3" s="562"/>
      <c r="CY3" s="562"/>
      <c r="CZ3" s="562"/>
      <c r="DA3" s="562"/>
      <c r="DB3" s="562"/>
      <c r="DC3" s="562"/>
      <c r="DD3" s="562"/>
      <c r="DE3" s="562"/>
      <c r="DF3" s="562"/>
      <c r="DG3" s="562"/>
      <c r="DH3" s="562"/>
      <c r="DI3" s="562"/>
      <c r="DJ3" s="562"/>
      <c r="DK3" s="562"/>
      <c r="DL3" s="562"/>
      <c r="DM3" s="562"/>
      <c r="DN3" s="562"/>
      <c r="DO3" s="562"/>
      <c r="DP3" s="562"/>
      <c r="DQ3" s="562"/>
      <c r="DR3" s="563"/>
      <c r="DS3" s="564" t="s">
        <v>60</v>
      </c>
      <c r="DT3" s="474"/>
      <c r="DU3" s="474"/>
      <c r="DV3" s="474"/>
      <c r="DW3" s="474"/>
      <c r="DX3" s="474"/>
      <c r="DY3" s="474"/>
      <c r="DZ3" s="474"/>
      <c r="EA3" s="474"/>
      <c r="EB3" s="475"/>
    </row>
    <row r="4" spans="2:133" ht="21" customHeight="1" thickBot="1" x14ac:dyDescent="0.25">
      <c r="B4" s="572"/>
      <c r="C4" s="565"/>
      <c r="D4" s="556"/>
      <c r="E4" s="556"/>
      <c r="F4" s="556"/>
      <c r="G4" s="556"/>
      <c r="H4" s="556"/>
      <c r="I4" s="556"/>
      <c r="J4" s="556"/>
      <c r="K4" s="556"/>
      <c r="L4" s="556"/>
      <c r="M4" s="567" t="s">
        <v>39</v>
      </c>
      <c r="N4" s="568"/>
      <c r="O4" s="568"/>
      <c r="P4" s="568"/>
      <c r="Q4" s="568"/>
      <c r="R4" s="568"/>
      <c r="S4" s="568"/>
      <c r="T4" s="568"/>
      <c r="U4" s="568"/>
      <c r="V4" s="569"/>
      <c r="W4" s="567" t="s">
        <v>40</v>
      </c>
      <c r="X4" s="568"/>
      <c r="Y4" s="568"/>
      <c r="Z4" s="568"/>
      <c r="AA4" s="568"/>
      <c r="AB4" s="568"/>
      <c r="AC4" s="568"/>
      <c r="AD4" s="568"/>
      <c r="AE4" s="568"/>
      <c r="AF4" s="569"/>
      <c r="AG4" s="565"/>
      <c r="AH4" s="556"/>
      <c r="AI4" s="556"/>
      <c r="AJ4" s="556"/>
      <c r="AK4" s="556"/>
      <c r="AL4" s="556"/>
      <c r="AM4" s="556"/>
      <c r="AN4" s="556"/>
      <c r="AO4" s="556"/>
      <c r="AP4" s="556"/>
      <c r="AQ4" s="567" t="s">
        <v>39</v>
      </c>
      <c r="AR4" s="568"/>
      <c r="AS4" s="568"/>
      <c r="AT4" s="568"/>
      <c r="AU4" s="568"/>
      <c r="AV4" s="568"/>
      <c r="AW4" s="568"/>
      <c r="AX4" s="568"/>
      <c r="AY4" s="568"/>
      <c r="AZ4" s="569"/>
      <c r="BA4" s="567" t="s">
        <v>40</v>
      </c>
      <c r="BB4" s="568"/>
      <c r="BC4" s="568"/>
      <c r="BD4" s="568"/>
      <c r="BE4" s="568"/>
      <c r="BF4" s="568"/>
      <c r="BG4" s="568"/>
      <c r="BH4" s="568"/>
      <c r="BI4" s="568"/>
      <c r="BJ4" s="569"/>
      <c r="BK4" s="565"/>
      <c r="BL4" s="556"/>
      <c r="BM4" s="556"/>
      <c r="BN4" s="556"/>
      <c r="BO4" s="556"/>
      <c r="BP4" s="556"/>
      <c r="BQ4" s="556"/>
      <c r="BR4" s="556"/>
      <c r="BS4" s="556"/>
      <c r="BT4" s="556"/>
      <c r="BU4" s="567" t="s">
        <v>39</v>
      </c>
      <c r="BV4" s="568"/>
      <c r="BW4" s="568"/>
      <c r="BX4" s="568"/>
      <c r="BY4" s="568"/>
      <c r="BZ4" s="568"/>
      <c r="CA4" s="568"/>
      <c r="CB4" s="568"/>
      <c r="CC4" s="568"/>
      <c r="CD4" s="569"/>
      <c r="CE4" s="567" t="s">
        <v>40</v>
      </c>
      <c r="CF4" s="568"/>
      <c r="CG4" s="568"/>
      <c r="CH4" s="568"/>
      <c r="CI4" s="568"/>
      <c r="CJ4" s="568"/>
      <c r="CK4" s="568"/>
      <c r="CL4" s="568"/>
      <c r="CM4" s="568"/>
      <c r="CN4" s="569"/>
      <c r="CO4" s="565"/>
      <c r="CP4" s="556"/>
      <c r="CQ4" s="556"/>
      <c r="CR4" s="556"/>
      <c r="CS4" s="556"/>
      <c r="CT4" s="556"/>
      <c r="CU4" s="556"/>
      <c r="CV4" s="556"/>
      <c r="CW4" s="556"/>
      <c r="CX4" s="556"/>
      <c r="CY4" s="567" t="s">
        <v>39</v>
      </c>
      <c r="CZ4" s="568"/>
      <c r="DA4" s="568"/>
      <c r="DB4" s="568"/>
      <c r="DC4" s="568"/>
      <c r="DD4" s="568"/>
      <c r="DE4" s="568"/>
      <c r="DF4" s="568"/>
      <c r="DG4" s="568"/>
      <c r="DH4" s="569"/>
      <c r="DI4" s="567" t="s">
        <v>40</v>
      </c>
      <c r="DJ4" s="568"/>
      <c r="DK4" s="568"/>
      <c r="DL4" s="568"/>
      <c r="DM4" s="568"/>
      <c r="DN4" s="568"/>
      <c r="DO4" s="568"/>
      <c r="DP4" s="568"/>
      <c r="DQ4" s="568"/>
      <c r="DR4" s="569"/>
      <c r="DS4" s="565"/>
      <c r="DT4" s="556"/>
      <c r="DU4" s="556"/>
      <c r="DV4" s="556"/>
      <c r="DW4" s="556"/>
      <c r="DX4" s="556"/>
      <c r="DY4" s="556"/>
      <c r="DZ4" s="556"/>
      <c r="EA4" s="556"/>
      <c r="EB4" s="566"/>
    </row>
    <row r="5" spans="2:133" ht="21" customHeight="1" x14ac:dyDescent="0.2">
      <c r="B5" s="573"/>
      <c r="C5" s="543" t="s">
        <v>61</v>
      </c>
      <c r="D5" s="544"/>
      <c r="E5" s="545"/>
      <c r="F5" s="546" t="s">
        <v>62</v>
      </c>
      <c r="G5" s="547"/>
      <c r="H5" s="547"/>
      <c r="I5" s="547"/>
      <c r="J5" s="547"/>
      <c r="K5" s="548"/>
      <c r="L5" s="558" t="s">
        <v>52</v>
      </c>
      <c r="M5" s="560" t="s">
        <v>61</v>
      </c>
      <c r="N5" s="553"/>
      <c r="O5" s="554"/>
      <c r="P5" s="555" t="s">
        <v>62</v>
      </c>
      <c r="Q5" s="556"/>
      <c r="R5" s="556"/>
      <c r="S5" s="556"/>
      <c r="T5" s="556"/>
      <c r="U5" s="557"/>
      <c r="V5" s="551" t="s">
        <v>52</v>
      </c>
      <c r="W5" s="552" t="s">
        <v>61</v>
      </c>
      <c r="X5" s="553"/>
      <c r="Y5" s="554"/>
      <c r="Z5" s="555" t="s">
        <v>62</v>
      </c>
      <c r="AA5" s="556"/>
      <c r="AB5" s="556"/>
      <c r="AC5" s="556"/>
      <c r="AD5" s="556"/>
      <c r="AE5" s="557"/>
      <c r="AF5" s="551" t="s">
        <v>52</v>
      </c>
      <c r="AG5" s="543" t="s">
        <v>61</v>
      </c>
      <c r="AH5" s="544"/>
      <c r="AI5" s="545"/>
      <c r="AJ5" s="546" t="s">
        <v>62</v>
      </c>
      <c r="AK5" s="547"/>
      <c r="AL5" s="547"/>
      <c r="AM5" s="547"/>
      <c r="AN5" s="547"/>
      <c r="AO5" s="548"/>
      <c r="AP5" s="549" t="s">
        <v>52</v>
      </c>
      <c r="AQ5" s="560" t="s">
        <v>61</v>
      </c>
      <c r="AR5" s="553"/>
      <c r="AS5" s="554"/>
      <c r="AT5" s="555" t="s">
        <v>62</v>
      </c>
      <c r="AU5" s="556"/>
      <c r="AV5" s="556"/>
      <c r="AW5" s="556"/>
      <c r="AX5" s="556"/>
      <c r="AY5" s="557"/>
      <c r="AZ5" s="576" t="s">
        <v>52</v>
      </c>
      <c r="BA5" s="560" t="s">
        <v>61</v>
      </c>
      <c r="BB5" s="553"/>
      <c r="BC5" s="554"/>
      <c r="BD5" s="555" t="s">
        <v>62</v>
      </c>
      <c r="BE5" s="556"/>
      <c r="BF5" s="556"/>
      <c r="BG5" s="556"/>
      <c r="BH5" s="556"/>
      <c r="BI5" s="557"/>
      <c r="BJ5" s="551" t="s">
        <v>52</v>
      </c>
      <c r="BK5" s="543" t="s">
        <v>61</v>
      </c>
      <c r="BL5" s="544"/>
      <c r="BM5" s="545"/>
      <c r="BN5" s="546" t="s">
        <v>62</v>
      </c>
      <c r="BO5" s="547"/>
      <c r="BP5" s="547"/>
      <c r="BQ5" s="547"/>
      <c r="BR5" s="547"/>
      <c r="BS5" s="548"/>
      <c r="BT5" s="558" t="s">
        <v>52</v>
      </c>
      <c r="BU5" s="560" t="s">
        <v>61</v>
      </c>
      <c r="BV5" s="553"/>
      <c r="BW5" s="554"/>
      <c r="BX5" s="555" t="s">
        <v>62</v>
      </c>
      <c r="BY5" s="556"/>
      <c r="BZ5" s="556"/>
      <c r="CA5" s="556"/>
      <c r="CB5" s="556"/>
      <c r="CC5" s="557"/>
      <c r="CD5" s="551" t="s">
        <v>52</v>
      </c>
      <c r="CE5" s="552" t="s">
        <v>61</v>
      </c>
      <c r="CF5" s="553"/>
      <c r="CG5" s="554"/>
      <c r="CH5" s="555" t="s">
        <v>62</v>
      </c>
      <c r="CI5" s="556"/>
      <c r="CJ5" s="556"/>
      <c r="CK5" s="556"/>
      <c r="CL5" s="556"/>
      <c r="CM5" s="557"/>
      <c r="CN5" s="551" t="s">
        <v>52</v>
      </c>
      <c r="CO5" s="543" t="s">
        <v>61</v>
      </c>
      <c r="CP5" s="544"/>
      <c r="CQ5" s="545"/>
      <c r="CR5" s="546" t="s">
        <v>62</v>
      </c>
      <c r="CS5" s="547"/>
      <c r="CT5" s="547"/>
      <c r="CU5" s="547"/>
      <c r="CV5" s="547"/>
      <c r="CW5" s="548"/>
      <c r="CX5" s="558" t="s">
        <v>52</v>
      </c>
      <c r="CY5" s="560" t="s">
        <v>61</v>
      </c>
      <c r="CZ5" s="553"/>
      <c r="DA5" s="554"/>
      <c r="DB5" s="555" t="s">
        <v>62</v>
      </c>
      <c r="DC5" s="556"/>
      <c r="DD5" s="556"/>
      <c r="DE5" s="556"/>
      <c r="DF5" s="556"/>
      <c r="DG5" s="557"/>
      <c r="DH5" s="551" t="s">
        <v>52</v>
      </c>
      <c r="DI5" s="552" t="s">
        <v>61</v>
      </c>
      <c r="DJ5" s="553"/>
      <c r="DK5" s="554"/>
      <c r="DL5" s="555" t="s">
        <v>62</v>
      </c>
      <c r="DM5" s="556"/>
      <c r="DN5" s="556"/>
      <c r="DO5" s="556"/>
      <c r="DP5" s="556"/>
      <c r="DQ5" s="557"/>
      <c r="DR5" s="551" t="s">
        <v>52</v>
      </c>
      <c r="DS5" s="543" t="s">
        <v>61</v>
      </c>
      <c r="DT5" s="544"/>
      <c r="DU5" s="545"/>
      <c r="DV5" s="546" t="s">
        <v>62</v>
      </c>
      <c r="DW5" s="547"/>
      <c r="DX5" s="547"/>
      <c r="DY5" s="547"/>
      <c r="DZ5" s="547"/>
      <c r="EA5" s="548"/>
      <c r="EB5" s="549" t="s">
        <v>52</v>
      </c>
    </row>
    <row r="6" spans="2:133" ht="30" customHeight="1" thickBot="1" x14ac:dyDescent="0.25">
      <c r="B6" s="285" t="s">
        <v>42</v>
      </c>
      <c r="C6" s="26" t="s">
        <v>43</v>
      </c>
      <c r="D6" s="27" t="s">
        <v>44</v>
      </c>
      <c r="E6" s="27" t="s">
        <v>45</v>
      </c>
      <c r="F6" s="28" t="s">
        <v>47</v>
      </c>
      <c r="G6" s="29" t="s">
        <v>48</v>
      </c>
      <c r="H6" s="29" t="s">
        <v>49</v>
      </c>
      <c r="I6" s="30" t="s">
        <v>50</v>
      </c>
      <c r="J6" s="27" t="s">
        <v>51</v>
      </c>
      <c r="K6" s="31" t="s">
        <v>95</v>
      </c>
      <c r="L6" s="559"/>
      <c r="M6" s="26" t="s">
        <v>43</v>
      </c>
      <c r="N6" s="27" t="s">
        <v>44</v>
      </c>
      <c r="O6" s="31" t="s">
        <v>45</v>
      </c>
      <c r="P6" s="28" t="s">
        <v>47</v>
      </c>
      <c r="Q6" s="29" t="s">
        <v>48</v>
      </c>
      <c r="R6" s="29" t="s">
        <v>49</v>
      </c>
      <c r="S6" s="30" t="s">
        <v>50</v>
      </c>
      <c r="T6" s="27" t="s">
        <v>51</v>
      </c>
      <c r="U6" s="31" t="s">
        <v>45</v>
      </c>
      <c r="V6" s="550"/>
      <c r="W6" s="12" t="s">
        <v>43</v>
      </c>
      <c r="X6" s="27" t="s">
        <v>44</v>
      </c>
      <c r="Y6" s="31" t="s">
        <v>45</v>
      </c>
      <c r="Z6" s="12" t="s">
        <v>47</v>
      </c>
      <c r="AA6" s="29" t="s">
        <v>48</v>
      </c>
      <c r="AB6" s="29" t="s">
        <v>49</v>
      </c>
      <c r="AC6" s="30" t="s">
        <v>50</v>
      </c>
      <c r="AD6" s="27" t="s">
        <v>51</v>
      </c>
      <c r="AE6" s="31" t="s">
        <v>45</v>
      </c>
      <c r="AF6" s="550"/>
      <c r="AG6" s="26" t="s">
        <v>43</v>
      </c>
      <c r="AH6" s="27" t="s">
        <v>44</v>
      </c>
      <c r="AI6" s="31" t="s">
        <v>45</v>
      </c>
      <c r="AJ6" s="12" t="s">
        <v>47</v>
      </c>
      <c r="AK6" s="29" t="s">
        <v>48</v>
      </c>
      <c r="AL6" s="29" t="s">
        <v>49</v>
      </c>
      <c r="AM6" s="30" t="s">
        <v>50</v>
      </c>
      <c r="AN6" s="27" t="s">
        <v>51</v>
      </c>
      <c r="AO6" s="31" t="s">
        <v>45</v>
      </c>
      <c r="AP6" s="550"/>
      <c r="AQ6" s="26" t="s">
        <v>43</v>
      </c>
      <c r="AR6" s="27" t="s">
        <v>44</v>
      </c>
      <c r="AS6" s="31" t="s">
        <v>45</v>
      </c>
      <c r="AT6" s="28" t="s">
        <v>47</v>
      </c>
      <c r="AU6" s="29" t="s">
        <v>48</v>
      </c>
      <c r="AV6" s="29" t="s">
        <v>49</v>
      </c>
      <c r="AW6" s="30" t="s">
        <v>50</v>
      </c>
      <c r="AX6" s="27" t="s">
        <v>51</v>
      </c>
      <c r="AY6" s="31" t="s">
        <v>45</v>
      </c>
      <c r="AZ6" s="559"/>
      <c r="BA6" s="26" t="s">
        <v>43</v>
      </c>
      <c r="BB6" s="27" t="s">
        <v>44</v>
      </c>
      <c r="BC6" s="27" t="s">
        <v>45</v>
      </c>
      <c r="BD6" s="28" t="s">
        <v>47</v>
      </c>
      <c r="BE6" s="29" t="s">
        <v>48</v>
      </c>
      <c r="BF6" s="29" t="s">
        <v>49</v>
      </c>
      <c r="BG6" s="30" t="s">
        <v>50</v>
      </c>
      <c r="BH6" s="27" t="s">
        <v>51</v>
      </c>
      <c r="BI6" s="31" t="s">
        <v>45</v>
      </c>
      <c r="BJ6" s="550"/>
      <c r="BK6" s="26" t="s">
        <v>43</v>
      </c>
      <c r="BL6" s="27" t="s">
        <v>44</v>
      </c>
      <c r="BM6" s="27" t="s">
        <v>45</v>
      </c>
      <c r="BN6" s="28" t="s">
        <v>47</v>
      </c>
      <c r="BO6" s="29" t="s">
        <v>48</v>
      </c>
      <c r="BP6" s="29" t="s">
        <v>49</v>
      </c>
      <c r="BQ6" s="30" t="s">
        <v>50</v>
      </c>
      <c r="BR6" s="27" t="s">
        <v>51</v>
      </c>
      <c r="BS6" s="31" t="s">
        <v>45</v>
      </c>
      <c r="BT6" s="559"/>
      <c r="BU6" s="26" t="s">
        <v>43</v>
      </c>
      <c r="BV6" s="27" t="s">
        <v>44</v>
      </c>
      <c r="BW6" s="27" t="s">
        <v>45</v>
      </c>
      <c r="BX6" s="28" t="s">
        <v>47</v>
      </c>
      <c r="BY6" s="29" t="s">
        <v>48</v>
      </c>
      <c r="BZ6" s="29" t="s">
        <v>49</v>
      </c>
      <c r="CA6" s="30" t="s">
        <v>50</v>
      </c>
      <c r="CB6" s="27" t="s">
        <v>51</v>
      </c>
      <c r="CC6" s="31" t="s">
        <v>45</v>
      </c>
      <c r="CD6" s="550"/>
      <c r="CE6" s="12" t="s">
        <v>43</v>
      </c>
      <c r="CF6" s="27" t="s">
        <v>44</v>
      </c>
      <c r="CG6" s="27" t="s">
        <v>45</v>
      </c>
      <c r="CH6" s="28" t="s">
        <v>47</v>
      </c>
      <c r="CI6" s="29" t="s">
        <v>48</v>
      </c>
      <c r="CJ6" s="29" t="s">
        <v>49</v>
      </c>
      <c r="CK6" s="30" t="s">
        <v>50</v>
      </c>
      <c r="CL6" s="27" t="s">
        <v>51</v>
      </c>
      <c r="CM6" s="31" t="s">
        <v>45</v>
      </c>
      <c r="CN6" s="550"/>
      <c r="CO6" s="26" t="s">
        <v>43</v>
      </c>
      <c r="CP6" s="27" t="s">
        <v>44</v>
      </c>
      <c r="CQ6" s="27" t="s">
        <v>45</v>
      </c>
      <c r="CR6" s="28" t="s">
        <v>47</v>
      </c>
      <c r="CS6" s="29" t="s">
        <v>48</v>
      </c>
      <c r="CT6" s="29" t="s">
        <v>49</v>
      </c>
      <c r="CU6" s="30" t="s">
        <v>50</v>
      </c>
      <c r="CV6" s="27" t="s">
        <v>51</v>
      </c>
      <c r="CW6" s="31" t="s">
        <v>45</v>
      </c>
      <c r="CX6" s="559"/>
      <c r="CY6" s="26" t="s">
        <v>43</v>
      </c>
      <c r="CZ6" s="27" t="s">
        <v>44</v>
      </c>
      <c r="DA6" s="27" t="s">
        <v>45</v>
      </c>
      <c r="DB6" s="28" t="s">
        <v>47</v>
      </c>
      <c r="DC6" s="29" t="s">
        <v>48</v>
      </c>
      <c r="DD6" s="29" t="s">
        <v>49</v>
      </c>
      <c r="DE6" s="30" t="s">
        <v>50</v>
      </c>
      <c r="DF6" s="27" t="s">
        <v>51</v>
      </c>
      <c r="DG6" s="31" t="s">
        <v>45</v>
      </c>
      <c r="DH6" s="550"/>
      <c r="DI6" s="12" t="s">
        <v>43</v>
      </c>
      <c r="DJ6" s="27" t="s">
        <v>44</v>
      </c>
      <c r="DK6" s="27" t="s">
        <v>45</v>
      </c>
      <c r="DL6" s="28" t="s">
        <v>47</v>
      </c>
      <c r="DM6" s="29" t="s">
        <v>48</v>
      </c>
      <c r="DN6" s="29" t="s">
        <v>49</v>
      </c>
      <c r="DO6" s="30" t="s">
        <v>50</v>
      </c>
      <c r="DP6" s="27" t="s">
        <v>51</v>
      </c>
      <c r="DQ6" s="31" t="s">
        <v>45</v>
      </c>
      <c r="DR6" s="550"/>
      <c r="DS6" s="26" t="s">
        <v>43</v>
      </c>
      <c r="DT6" s="27" t="s">
        <v>44</v>
      </c>
      <c r="DU6" s="27" t="s">
        <v>45</v>
      </c>
      <c r="DV6" s="28" t="s">
        <v>47</v>
      </c>
      <c r="DW6" s="29" t="s">
        <v>48</v>
      </c>
      <c r="DX6" s="29" t="s">
        <v>49</v>
      </c>
      <c r="DY6" s="30" t="s">
        <v>50</v>
      </c>
      <c r="DZ6" s="27" t="s">
        <v>51</v>
      </c>
      <c r="EA6" s="31" t="s">
        <v>45</v>
      </c>
      <c r="EB6" s="550"/>
    </row>
    <row r="7" spans="2:133" ht="21" customHeight="1" x14ac:dyDescent="0.2">
      <c r="B7" s="435" t="s">
        <v>4</v>
      </c>
      <c r="C7" s="168">
        <v>0</v>
      </c>
      <c r="D7" s="169">
        <v>0</v>
      </c>
      <c r="E7" s="169">
        <v>0</v>
      </c>
      <c r="F7" s="170">
        <v>483</v>
      </c>
      <c r="G7" s="171">
        <v>1681</v>
      </c>
      <c r="H7" s="171">
        <v>10204</v>
      </c>
      <c r="I7" s="171">
        <v>15046</v>
      </c>
      <c r="J7" s="169">
        <v>10190</v>
      </c>
      <c r="K7" s="172">
        <v>37604</v>
      </c>
      <c r="L7" s="173">
        <v>37604</v>
      </c>
      <c r="M7" s="168">
        <v>0</v>
      </c>
      <c r="N7" s="169">
        <v>0</v>
      </c>
      <c r="O7" s="172">
        <v>0</v>
      </c>
      <c r="P7" s="170">
        <v>480</v>
      </c>
      <c r="Q7" s="171">
        <v>1668</v>
      </c>
      <c r="R7" s="171">
        <v>10138</v>
      </c>
      <c r="S7" s="171">
        <v>14893</v>
      </c>
      <c r="T7" s="169">
        <v>10034</v>
      </c>
      <c r="U7" s="172">
        <v>37213</v>
      </c>
      <c r="V7" s="174">
        <v>37213</v>
      </c>
      <c r="W7" s="175">
        <v>0</v>
      </c>
      <c r="X7" s="169">
        <v>0</v>
      </c>
      <c r="Y7" s="172">
        <v>0</v>
      </c>
      <c r="Z7" s="175">
        <v>3</v>
      </c>
      <c r="AA7" s="171">
        <v>13</v>
      </c>
      <c r="AB7" s="171">
        <v>66</v>
      </c>
      <c r="AC7" s="171">
        <v>153</v>
      </c>
      <c r="AD7" s="169">
        <v>156</v>
      </c>
      <c r="AE7" s="172">
        <v>391</v>
      </c>
      <c r="AF7" s="176">
        <v>391</v>
      </c>
      <c r="AG7" s="175">
        <v>0</v>
      </c>
      <c r="AH7" s="169">
        <v>0</v>
      </c>
      <c r="AI7" s="172">
        <v>0</v>
      </c>
      <c r="AJ7" s="175">
        <v>1644</v>
      </c>
      <c r="AK7" s="171">
        <v>3375</v>
      </c>
      <c r="AL7" s="171">
        <v>4688</v>
      </c>
      <c r="AM7" s="171">
        <v>5722</v>
      </c>
      <c r="AN7" s="169">
        <v>2988</v>
      </c>
      <c r="AO7" s="172">
        <v>18417</v>
      </c>
      <c r="AP7" s="176">
        <v>18417</v>
      </c>
      <c r="AQ7" s="175">
        <v>0</v>
      </c>
      <c r="AR7" s="169">
        <v>0</v>
      </c>
      <c r="AS7" s="172">
        <v>0</v>
      </c>
      <c r="AT7" s="170">
        <v>1627</v>
      </c>
      <c r="AU7" s="171">
        <v>3340</v>
      </c>
      <c r="AV7" s="171">
        <v>4606</v>
      </c>
      <c r="AW7" s="171">
        <v>5614</v>
      </c>
      <c r="AX7" s="169">
        <v>2910</v>
      </c>
      <c r="AY7" s="172">
        <v>18097</v>
      </c>
      <c r="AZ7" s="173">
        <v>18097</v>
      </c>
      <c r="BA7" s="168">
        <v>0</v>
      </c>
      <c r="BB7" s="169">
        <v>0</v>
      </c>
      <c r="BC7" s="169">
        <v>0</v>
      </c>
      <c r="BD7" s="170">
        <v>17</v>
      </c>
      <c r="BE7" s="171">
        <v>35</v>
      </c>
      <c r="BF7" s="171">
        <v>82</v>
      </c>
      <c r="BG7" s="171">
        <v>108</v>
      </c>
      <c r="BH7" s="169">
        <v>78</v>
      </c>
      <c r="BI7" s="172">
        <v>320</v>
      </c>
      <c r="BJ7" s="174">
        <v>320</v>
      </c>
      <c r="BK7" s="175">
        <v>0</v>
      </c>
      <c r="BL7" s="169">
        <v>0</v>
      </c>
      <c r="BM7" s="169">
        <v>0</v>
      </c>
      <c r="BN7" s="170">
        <v>0</v>
      </c>
      <c r="BO7" s="171">
        <v>0</v>
      </c>
      <c r="BP7" s="171">
        <v>3</v>
      </c>
      <c r="BQ7" s="171">
        <v>55</v>
      </c>
      <c r="BR7" s="169">
        <v>71</v>
      </c>
      <c r="BS7" s="172">
        <v>129</v>
      </c>
      <c r="BT7" s="173">
        <v>129</v>
      </c>
      <c r="BU7" s="168">
        <v>0</v>
      </c>
      <c r="BV7" s="169">
        <v>0</v>
      </c>
      <c r="BW7" s="169">
        <v>0</v>
      </c>
      <c r="BX7" s="170">
        <v>0</v>
      </c>
      <c r="BY7" s="171">
        <v>0</v>
      </c>
      <c r="BZ7" s="171">
        <v>3</v>
      </c>
      <c r="CA7" s="171">
        <v>55</v>
      </c>
      <c r="CB7" s="169">
        <v>70</v>
      </c>
      <c r="CC7" s="172">
        <v>128</v>
      </c>
      <c r="CD7" s="174">
        <v>128</v>
      </c>
      <c r="CE7" s="175">
        <v>0</v>
      </c>
      <c r="CF7" s="169">
        <v>0</v>
      </c>
      <c r="CG7" s="169">
        <v>0</v>
      </c>
      <c r="CH7" s="170">
        <v>0</v>
      </c>
      <c r="CI7" s="171">
        <v>0</v>
      </c>
      <c r="CJ7" s="171">
        <v>0</v>
      </c>
      <c r="CK7" s="171">
        <v>0</v>
      </c>
      <c r="CL7" s="169">
        <v>1</v>
      </c>
      <c r="CM7" s="172">
        <v>1</v>
      </c>
      <c r="CN7" s="174">
        <v>1</v>
      </c>
      <c r="CO7" s="175">
        <v>0</v>
      </c>
      <c r="CP7" s="169">
        <v>0</v>
      </c>
      <c r="CQ7" s="169">
        <v>0</v>
      </c>
      <c r="CR7" s="170">
        <v>14</v>
      </c>
      <c r="CS7" s="171">
        <v>29</v>
      </c>
      <c r="CT7" s="171">
        <v>65</v>
      </c>
      <c r="CU7" s="171">
        <v>350</v>
      </c>
      <c r="CV7" s="169">
        <v>477</v>
      </c>
      <c r="CW7" s="172">
        <v>935</v>
      </c>
      <c r="CX7" s="173">
        <v>935</v>
      </c>
      <c r="CY7" s="168">
        <v>0</v>
      </c>
      <c r="CZ7" s="169">
        <v>0</v>
      </c>
      <c r="DA7" s="169">
        <v>0</v>
      </c>
      <c r="DB7" s="170">
        <v>12</v>
      </c>
      <c r="DC7" s="171">
        <v>28</v>
      </c>
      <c r="DD7" s="171">
        <v>64</v>
      </c>
      <c r="DE7" s="171">
        <v>343</v>
      </c>
      <c r="DF7" s="169">
        <v>465</v>
      </c>
      <c r="DG7" s="172">
        <v>912</v>
      </c>
      <c r="DH7" s="174">
        <v>912</v>
      </c>
      <c r="DI7" s="175">
        <v>0</v>
      </c>
      <c r="DJ7" s="169">
        <v>0</v>
      </c>
      <c r="DK7" s="169">
        <v>0</v>
      </c>
      <c r="DL7" s="170">
        <v>2</v>
      </c>
      <c r="DM7" s="171">
        <v>1</v>
      </c>
      <c r="DN7" s="171">
        <v>1</v>
      </c>
      <c r="DO7" s="171">
        <v>7</v>
      </c>
      <c r="DP7" s="169">
        <v>12</v>
      </c>
      <c r="DQ7" s="172">
        <v>23</v>
      </c>
      <c r="DR7" s="174">
        <v>23</v>
      </c>
      <c r="DS7" s="175">
        <v>0</v>
      </c>
      <c r="DT7" s="169">
        <v>0</v>
      </c>
      <c r="DU7" s="169">
        <v>0</v>
      </c>
      <c r="DV7" s="170">
        <v>2141</v>
      </c>
      <c r="DW7" s="171">
        <v>5084</v>
      </c>
      <c r="DX7" s="171">
        <v>14926</v>
      </c>
      <c r="DY7" s="171">
        <v>21125</v>
      </c>
      <c r="DZ7" s="169">
        <v>13706</v>
      </c>
      <c r="EA7" s="172">
        <v>56982</v>
      </c>
      <c r="EB7" s="174">
        <v>56982</v>
      </c>
      <c r="EC7" s="32"/>
    </row>
    <row r="8" spans="2:133" ht="21" customHeight="1" x14ac:dyDescent="0.2">
      <c r="B8" s="436" t="s">
        <v>5</v>
      </c>
      <c r="C8" s="177">
        <v>0</v>
      </c>
      <c r="D8" s="178">
        <v>0</v>
      </c>
      <c r="E8" s="178">
        <v>0</v>
      </c>
      <c r="F8" s="179">
        <v>275</v>
      </c>
      <c r="G8" s="180">
        <v>1130</v>
      </c>
      <c r="H8" s="180">
        <v>4540</v>
      </c>
      <c r="I8" s="180">
        <v>6335</v>
      </c>
      <c r="J8" s="178">
        <v>4320</v>
      </c>
      <c r="K8" s="181">
        <v>16600</v>
      </c>
      <c r="L8" s="182">
        <v>16600</v>
      </c>
      <c r="M8" s="177">
        <v>0</v>
      </c>
      <c r="N8" s="178">
        <v>0</v>
      </c>
      <c r="O8" s="181">
        <v>0</v>
      </c>
      <c r="P8" s="179">
        <v>274</v>
      </c>
      <c r="Q8" s="180">
        <v>1122</v>
      </c>
      <c r="R8" s="180">
        <v>4505</v>
      </c>
      <c r="S8" s="180">
        <v>6274</v>
      </c>
      <c r="T8" s="178">
        <v>4238</v>
      </c>
      <c r="U8" s="181">
        <v>16413</v>
      </c>
      <c r="V8" s="183">
        <v>16413</v>
      </c>
      <c r="W8" s="184">
        <v>0</v>
      </c>
      <c r="X8" s="178">
        <v>0</v>
      </c>
      <c r="Y8" s="181">
        <v>0</v>
      </c>
      <c r="Z8" s="184">
        <v>1</v>
      </c>
      <c r="AA8" s="180">
        <v>8</v>
      </c>
      <c r="AB8" s="180">
        <v>35</v>
      </c>
      <c r="AC8" s="180">
        <v>61</v>
      </c>
      <c r="AD8" s="178">
        <v>82</v>
      </c>
      <c r="AE8" s="181">
        <v>187</v>
      </c>
      <c r="AF8" s="185">
        <v>187</v>
      </c>
      <c r="AG8" s="184">
        <v>0</v>
      </c>
      <c r="AH8" s="178">
        <v>0</v>
      </c>
      <c r="AI8" s="181">
        <v>0</v>
      </c>
      <c r="AJ8" s="184">
        <v>596</v>
      </c>
      <c r="AK8" s="180">
        <v>1538</v>
      </c>
      <c r="AL8" s="180">
        <v>2008</v>
      </c>
      <c r="AM8" s="180">
        <v>2571</v>
      </c>
      <c r="AN8" s="178">
        <v>1384</v>
      </c>
      <c r="AO8" s="181">
        <v>8097</v>
      </c>
      <c r="AP8" s="185">
        <v>8097</v>
      </c>
      <c r="AQ8" s="184">
        <v>0</v>
      </c>
      <c r="AR8" s="178">
        <v>0</v>
      </c>
      <c r="AS8" s="181">
        <v>0</v>
      </c>
      <c r="AT8" s="179">
        <v>591</v>
      </c>
      <c r="AU8" s="180">
        <v>1521</v>
      </c>
      <c r="AV8" s="180">
        <v>1981</v>
      </c>
      <c r="AW8" s="180">
        <v>2525</v>
      </c>
      <c r="AX8" s="178">
        <v>1356</v>
      </c>
      <c r="AY8" s="181">
        <v>7974</v>
      </c>
      <c r="AZ8" s="182">
        <v>7974</v>
      </c>
      <c r="BA8" s="177">
        <v>0</v>
      </c>
      <c r="BB8" s="178">
        <v>0</v>
      </c>
      <c r="BC8" s="178">
        <v>0</v>
      </c>
      <c r="BD8" s="179">
        <v>5</v>
      </c>
      <c r="BE8" s="180">
        <v>17</v>
      </c>
      <c r="BF8" s="180">
        <v>27</v>
      </c>
      <c r="BG8" s="180">
        <v>46</v>
      </c>
      <c r="BH8" s="178">
        <v>28</v>
      </c>
      <c r="BI8" s="181">
        <v>123</v>
      </c>
      <c r="BJ8" s="183">
        <v>123</v>
      </c>
      <c r="BK8" s="184">
        <v>0</v>
      </c>
      <c r="BL8" s="178">
        <v>0</v>
      </c>
      <c r="BM8" s="178">
        <v>0</v>
      </c>
      <c r="BN8" s="179">
        <v>0</v>
      </c>
      <c r="BO8" s="180">
        <v>0</v>
      </c>
      <c r="BP8" s="180">
        <v>0</v>
      </c>
      <c r="BQ8" s="180">
        <v>15</v>
      </c>
      <c r="BR8" s="178">
        <v>27</v>
      </c>
      <c r="BS8" s="181">
        <v>42</v>
      </c>
      <c r="BT8" s="182">
        <v>42</v>
      </c>
      <c r="BU8" s="177">
        <v>0</v>
      </c>
      <c r="BV8" s="178">
        <v>0</v>
      </c>
      <c r="BW8" s="178">
        <v>0</v>
      </c>
      <c r="BX8" s="179">
        <v>0</v>
      </c>
      <c r="BY8" s="180">
        <v>0</v>
      </c>
      <c r="BZ8" s="180">
        <v>0</v>
      </c>
      <c r="CA8" s="180">
        <v>15</v>
      </c>
      <c r="CB8" s="178">
        <v>26</v>
      </c>
      <c r="CC8" s="181">
        <v>41</v>
      </c>
      <c r="CD8" s="183">
        <v>41</v>
      </c>
      <c r="CE8" s="184">
        <v>0</v>
      </c>
      <c r="CF8" s="178">
        <v>0</v>
      </c>
      <c r="CG8" s="178">
        <v>0</v>
      </c>
      <c r="CH8" s="179">
        <v>0</v>
      </c>
      <c r="CI8" s="180">
        <v>0</v>
      </c>
      <c r="CJ8" s="180">
        <v>0</v>
      </c>
      <c r="CK8" s="180">
        <v>0</v>
      </c>
      <c r="CL8" s="178">
        <v>1</v>
      </c>
      <c r="CM8" s="181">
        <v>1</v>
      </c>
      <c r="CN8" s="183">
        <v>1</v>
      </c>
      <c r="CO8" s="184">
        <v>0</v>
      </c>
      <c r="CP8" s="178">
        <v>0</v>
      </c>
      <c r="CQ8" s="178">
        <v>0</v>
      </c>
      <c r="CR8" s="179">
        <v>1</v>
      </c>
      <c r="CS8" s="180">
        <v>4</v>
      </c>
      <c r="CT8" s="180">
        <v>12</v>
      </c>
      <c r="CU8" s="180">
        <v>102</v>
      </c>
      <c r="CV8" s="178">
        <v>126</v>
      </c>
      <c r="CW8" s="181">
        <v>245</v>
      </c>
      <c r="CX8" s="182">
        <v>245</v>
      </c>
      <c r="CY8" s="177">
        <v>0</v>
      </c>
      <c r="CZ8" s="178">
        <v>0</v>
      </c>
      <c r="DA8" s="178">
        <v>0</v>
      </c>
      <c r="DB8" s="179">
        <v>1</v>
      </c>
      <c r="DC8" s="180">
        <v>4</v>
      </c>
      <c r="DD8" s="180">
        <v>12</v>
      </c>
      <c r="DE8" s="180">
        <v>100</v>
      </c>
      <c r="DF8" s="178">
        <v>125</v>
      </c>
      <c r="DG8" s="181">
        <v>242</v>
      </c>
      <c r="DH8" s="183">
        <v>242</v>
      </c>
      <c r="DI8" s="184">
        <v>0</v>
      </c>
      <c r="DJ8" s="178">
        <v>0</v>
      </c>
      <c r="DK8" s="178">
        <v>0</v>
      </c>
      <c r="DL8" s="179">
        <v>0</v>
      </c>
      <c r="DM8" s="180">
        <v>0</v>
      </c>
      <c r="DN8" s="180">
        <v>0</v>
      </c>
      <c r="DO8" s="180">
        <v>2</v>
      </c>
      <c r="DP8" s="178">
        <v>1</v>
      </c>
      <c r="DQ8" s="181">
        <v>3</v>
      </c>
      <c r="DR8" s="183">
        <v>3</v>
      </c>
      <c r="DS8" s="184">
        <v>0</v>
      </c>
      <c r="DT8" s="178">
        <v>0</v>
      </c>
      <c r="DU8" s="178">
        <v>0</v>
      </c>
      <c r="DV8" s="179">
        <v>872</v>
      </c>
      <c r="DW8" s="180">
        <v>2672</v>
      </c>
      <c r="DX8" s="180">
        <v>6560</v>
      </c>
      <c r="DY8" s="180">
        <v>9023</v>
      </c>
      <c r="DZ8" s="178">
        <v>5857</v>
      </c>
      <c r="EA8" s="181">
        <v>24984</v>
      </c>
      <c r="EB8" s="183">
        <v>24984</v>
      </c>
      <c r="EC8" s="32"/>
    </row>
    <row r="9" spans="2:133" ht="21" customHeight="1" x14ac:dyDescent="0.2">
      <c r="B9" s="437" t="s">
        <v>6</v>
      </c>
      <c r="C9" s="177">
        <v>0</v>
      </c>
      <c r="D9" s="178">
        <v>0</v>
      </c>
      <c r="E9" s="178">
        <v>0</v>
      </c>
      <c r="F9" s="179">
        <v>94</v>
      </c>
      <c r="G9" s="180">
        <v>188</v>
      </c>
      <c r="H9" s="180">
        <v>1267</v>
      </c>
      <c r="I9" s="180">
        <v>1865</v>
      </c>
      <c r="J9" s="178">
        <v>1324</v>
      </c>
      <c r="K9" s="181">
        <v>4738</v>
      </c>
      <c r="L9" s="182">
        <v>4738</v>
      </c>
      <c r="M9" s="177">
        <v>0</v>
      </c>
      <c r="N9" s="178">
        <v>0</v>
      </c>
      <c r="O9" s="181">
        <v>0</v>
      </c>
      <c r="P9" s="179">
        <v>94</v>
      </c>
      <c r="Q9" s="180">
        <v>188</v>
      </c>
      <c r="R9" s="180">
        <v>1255</v>
      </c>
      <c r="S9" s="180">
        <v>1841</v>
      </c>
      <c r="T9" s="178">
        <v>1309</v>
      </c>
      <c r="U9" s="181">
        <v>4687</v>
      </c>
      <c r="V9" s="183">
        <v>4687</v>
      </c>
      <c r="W9" s="184">
        <v>0</v>
      </c>
      <c r="X9" s="178">
        <v>0</v>
      </c>
      <c r="Y9" s="181">
        <v>0</v>
      </c>
      <c r="Z9" s="184">
        <v>0</v>
      </c>
      <c r="AA9" s="180">
        <v>0</v>
      </c>
      <c r="AB9" s="180">
        <v>12</v>
      </c>
      <c r="AC9" s="180">
        <v>24</v>
      </c>
      <c r="AD9" s="178">
        <v>15</v>
      </c>
      <c r="AE9" s="181">
        <v>51</v>
      </c>
      <c r="AF9" s="185">
        <v>51</v>
      </c>
      <c r="AG9" s="184">
        <v>0</v>
      </c>
      <c r="AH9" s="178">
        <v>0</v>
      </c>
      <c r="AI9" s="181">
        <v>0</v>
      </c>
      <c r="AJ9" s="184">
        <v>210</v>
      </c>
      <c r="AK9" s="180">
        <v>319</v>
      </c>
      <c r="AL9" s="180">
        <v>510</v>
      </c>
      <c r="AM9" s="180">
        <v>684</v>
      </c>
      <c r="AN9" s="178">
        <v>359</v>
      </c>
      <c r="AO9" s="181">
        <v>2082</v>
      </c>
      <c r="AP9" s="185">
        <v>2082</v>
      </c>
      <c r="AQ9" s="184">
        <v>0</v>
      </c>
      <c r="AR9" s="178">
        <v>0</v>
      </c>
      <c r="AS9" s="181">
        <v>0</v>
      </c>
      <c r="AT9" s="179">
        <v>208</v>
      </c>
      <c r="AU9" s="180">
        <v>317</v>
      </c>
      <c r="AV9" s="180">
        <v>494</v>
      </c>
      <c r="AW9" s="180">
        <v>658</v>
      </c>
      <c r="AX9" s="178">
        <v>347</v>
      </c>
      <c r="AY9" s="181">
        <v>2024</v>
      </c>
      <c r="AZ9" s="182">
        <v>2024</v>
      </c>
      <c r="BA9" s="177">
        <v>0</v>
      </c>
      <c r="BB9" s="178">
        <v>0</v>
      </c>
      <c r="BC9" s="178">
        <v>0</v>
      </c>
      <c r="BD9" s="179">
        <v>2</v>
      </c>
      <c r="BE9" s="180">
        <v>2</v>
      </c>
      <c r="BF9" s="180">
        <v>16</v>
      </c>
      <c r="BG9" s="180">
        <v>26</v>
      </c>
      <c r="BH9" s="178">
        <v>12</v>
      </c>
      <c r="BI9" s="181">
        <v>58</v>
      </c>
      <c r="BJ9" s="183">
        <v>58</v>
      </c>
      <c r="BK9" s="184">
        <v>0</v>
      </c>
      <c r="BL9" s="178">
        <v>0</v>
      </c>
      <c r="BM9" s="178">
        <v>0</v>
      </c>
      <c r="BN9" s="179">
        <v>0</v>
      </c>
      <c r="BO9" s="180">
        <v>0</v>
      </c>
      <c r="BP9" s="180">
        <v>2</v>
      </c>
      <c r="BQ9" s="180">
        <v>11</v>
      </c>
      <c r="BR9" s="178">
        <v>15</v>
      </c>
      <c r="BS9" s="181">
        <v>28</v>
      </c>
      <c r="BT9" s="182">
        <v>28</v>
      </c>
      <c r="BU9" s="177">
        <v>0</v>
      </c>
      <c r="BV9" s="178">
        <v>0</v>
      </c>
      <c r="BW9" s="178">
        <v>0</v>
      </c>
      <c r="BX9" s="179">
        <v>0</v>
      </c>
      <c r="BY9" s="180">
        <v>0</v>
      </c>
      <c r="BZ9" s="180">
        <v>2</v>
      </c>
      <c r="CA9" s="180">
        <v>11</v>
      </c>
      <c r="CB9" s="178">
        <v>15</v>
      </c>
      <c r="CC9" s="181">
        <v>28</v>
      </c>
      <c r="CD9" s="183">
        <v>28</v>
      </c>
      <c r="CE9" s="184">
        <v>0</v>
      </c>
      <c r="CF9" s="178">
        <v>0</v>
      </c>
      <c r="CG9" s="178">
        <v>0</v>
      </c>
      <c r="CH9" s="179">
        <v>0</v>
      </c>
      <c r="CI9" s="180">
        <v>0</v>
      </c>
      <c r="CJ9" s="180">
        <v>0</v>
      </c>
      <c r="CK9" s="180">
        <v>0</v>
      </c>
      <c r="CL9" s="178">
        <v>0</v>
      </c>
      <c r="CM9" s="181">
        <v>0</v>
      </c>
      <c r="CN9" s="183">
        <v>0</v>
      </c>
      <c r="CO9" s="184">
        <v>0</v>
      </c>
      <c r="CP9" s="178">
        <v>0</v>
      </c>
      <c r="CQ9" s="178">
        <v>0</v>
      </c>
      <c r="CR9" s="179">
        <v>0</v>
      </c>
      <c r="CS9" s="180">
        <v>1</v>
      </c>
      <c r="CT9" s="180">
        <v>3</v>
      </c>
      <c r="CU9" s="180">
        <v>40</v>
      </c>
      <c r="CV9" s="178">
        <v>59</v>
      </c>
      <c r="CW9" s="181">
        <v>103</v>
      </c>
      <c r="CX9" s="182">
        <v>103</v>
      </c>
      <c r="CY9" s="177">
        <v>0</v>
      </c>
      <c r="CZ9" s="178">
        <v>0</v>
      </c>
      <c r="DA9" s="178">
        <v>0</v>
      </c>
      <c r="DB9" s="179">
        <v>0</v>
      </c>
      <c r="DC9" s="180">
        <v>1</v>
      </c>
      <c r="DD9" s="180">
        <v>3</v>
      </c>
      <c r="DE9" s="180">
        <v>39</v>
      </c>
      <c r="DF9" s="178">
        <v>58</v>
      </c>
      <c r="DG9" s="181">
        <v>101</v>
      </c>
      <c r="DH9" s="183">
        <v>101</v>
      </c>
      <c r="DI9" s="184">
        <v>0</v>
      </c>
      <c r="DJ9" s="178">
        <v>0</v>
      </c>
      <c r="DK9" s="178">
        <v>0</v>
      </c>
      <c r="DL9" s="179">
        <v>0</v>
      </c>
      <c r="DM9" s="180">
        <v>0</v>
      </c>
      <c r="DN9" s="180">
        <v>0</v>
      </c>
      <c r="DO9" s="180">
        <v>1</v>
      </c>
      <c r="DP9" s="178">
        <v>1</v>
      </c>
      <c r="DQ9" s="181">
        <v>2</v>
      </c>
      <c r="DR9" s="183">
        <v>2</v>
      </c>
      <c r="DS9" s="184">
        <v>0</v>
      </c>
      <c r="DT9" s="178">
        <v>0</v>
      </c>
      <c r="DU9" s="178">
        <v>0</v>
      </c>
      <c r="DV9" s="179">
        <v>304</v>
      </c>
      <c r="DW9" s="180">
        <v>508</v>
      </c>
      <c r="DX9" s="180">
        <v>1782</v>
      </c>
      <c r="DY9" s="180">
        <v>2600</v>
      </c>
      <c r="DZ9" s="178">
        <v>1757</v>
      </c>
      <c r="EA9" s="181">
        <v>6951</v>
      </c>
      <c r="EB9" s="183">
        <v>6951</v>
      </c>
      <c r="EC9" s="32"/>
    </row>
    <row r="10" spans="2:133" ht="21" customHeight="1" x14ac:dyDescent="0.2">
      <c r="B10" s="437" t="s">
        <v>14</v>
      </c>
      <c r="C10" s="177">
        <v>0</v>
      </c>
      <c r="D10" s="178">
        <v>0</v>
      </c>
      <c r="E10" s="178">
        <v>0</v>
      </c>
      <c r="F10" s="179">
        <v>10</v>
      </c>
      <c r="G10" s="180">
        <v>36</v>
      </c>
      <c r="H10" s="180">
        <v>841</v>
      </c>
      <c r="I10" s="180">
        <v>1274</v>
      </c>
      <c r="J10" s="178">
        <v>831</v>
      </c>
      <c r="K10" s="181">
        <v>2992</v>
      </c>
      <c r="L10" s="182">
        <v>2992</v>
      </c>
      <c r="M10" s="177">
        <v>0</v>
      </c>
      <c r="N10" s="178">
        <v>0</v>
      </c>
      <c r="O10" s="181">
        <v>0</v>
      </c>
      <c r="P10" s="179">
        <v>10</v>
      </c>
      <c r="Q10" s="180">
        <v>36</v>
      </c>
      <c r="R10" s="180">
        <v>837</v>
      </c>
      <c r="S10" s="180">
        <v>1262</v>
      </c>
      <c r="T10" s="178">
        <v>823</v>
      </c>
      <c r="U10" s="181">
        <v>2968</v>
      </c>
      <c r="V10" s="183">
        <v>2968</v>
      </c>
      <c r="W10" s="184">
        <v>0</v>
      </c>
      <c r="X10" s="178">
        <v>0</v>
      </c>
      <c r="Y10" s="181">
        <v>0</v>
      </c>
      <c r="Z10" s="184">
        <v>0</v>
      </c>
      <c r="AA10" s="180">
        <v>0</v>
      </c>
      <c r="AB10" s="180">
        <v>4</v>
      </c>
      <c r="AC10" s="180">
        <v>12</v>
      </c>
      <c r="AD10" s="178">
        <v>8</v>
      </c>
      <c r="AE10" s="181">
        <v>24</v>
      </c>
      <c r="AF10" s="185">
        <v>24</v>
      </c>
      <c r="AG10" s="184">
        <v>0</v>
      </c>
      <c r="AH10" s="178">
        <v>0</v>
      </c>
      <c r="AI10" s="181">
        <v>0</v>
      </c>
      <c r="AJ10" s="184">
        <v>64</v>
      </c>
      <c r="AK10" s="180">
        <v>203</v>
      </c>
      <c r="AL10" s="180">
        <v>309</v>
      </c>
      <c r="AM10" s="180">
        <v>381</v>
      </c>
      <c r="AN10" s="178">
        <v>198</v>
      </c>
      <c r="AO10" s="181">
        <v>1155</v>
      </c>
      <c r="AP10" s="185">
        <v>1155</v>
      </c>
      <c r="AQ10" s="184">
        <v>0</v>
      </c>
      <c r="AR10" s="178">
        <v>0</v>
      </c>
      <c r="AS10" s="181">
        <v>0</v>
      </c>
      <c r="AT10" s="179">
        <v>63</v>
      </c>
      <c r="AU10" s="180">
        <v>202</v>
      </c>
      <c r="AV10" s="180">
        <v>299</v>
      </c>
      <c r="AW10" s="180">
        <v>374</v>
      </c>
      <c r="AX10" s="178">
        <v>190</v>
      </c>
      <c r="AY10" s="181">
        <v>1128</v>
      </c>
      <c r="AZ10" s="182">
        <v>1128</v>
      </c>
      <c r="BA10" s="177">
        <v>0</v>
      </c>
      <c r="BB10" s="178">
        <v>0</v>
      </c>
      <c r="BC10" s="178">
        <v>0</v>
      </c>
      <c r="BD10" s="179">
        <v>1</v>
      </c>
      <c r="BE10" s="180">
        <v>1</v>
      </c>
      <c r="BF10" s="180">
        <v>10</v>
      </c>
      <c r="BG10" s="180">
        <v>7</v>
      </c>
      <c r="BH10" s="178">
        <v>8</v>
      </c>
      <c r="BI10" s="181">
        <v>27</v>
      </c>
      <c r="BJ10" s="183">
        <v>27</v>
      </c>
      <c r="BK10" s="184">
        <v>0</v>
      </c>
      <c r="BL10" s="178">
        <v>0</v>
      </c>
      <c r="BM10" s="178">
        <v>0</v>
      </c>
      <c r="BN10" s="179">
        <v>0</v>
      </c>
      <c r="BO10" s="180">
        <v>0</v>
      </c>
      <c r="BP10" s="180">
        <v>1</v>
      </c>
      <c r="BQ10" s="180">
        <v>22</v>
      </c>
      <c r="BR10" s="178">
        <v>17</v>
      </c>
      <c r="BS10" s="181">
        <v>40</v>
      </c>
      <c r="BT10" s="182">
        <v>40</v>
      </c>
      <c r="BU10" s="177">
        <v>0</v>
      </c>
      <c r="BV10" s="178">
        <v>0</v>
      </c>
      <c r="BW10" s="178">
        <v>0</v>
      </c>
      <c r="BX10" s="179">
        <v>0</v>
      </c>
      <c r="BY10" s="180">
        <v>0</v>
      </c>
      <c r="BZ10" s="180">
        <v>1</v>
      </c>
      <c r="CA10" s="180">
        <v>22</v>
      </c>
      <c r="CB10" s="178">
        <v>17</v>
      </c>
      <c r="CC10" s="181">
        <v>40</v>
      </c>
      <c r="CD10" s="183">
        <v>40</v>
      </c>
      <c r="CE10" s="184">
        <v>0</v>
      </c>
      <c r="CF10" s="178">
        <v>0</v>
      </c>
      <c r="CG10" s="178">
        <v>0</v>
      </c>
      <c r="CH10" s="179">
        <v>0</v>
      </c>
      <c r="CI10" s="180">
        <v>0</v>
      </c>
      <c r="CJ10" s="180">
        <v>0</v>
      </c>
      <c r="CK10" s="180">
        <v>0</v>
      </c>
      <c r="CL10" s="178">
        <v>0</v>
      </c>
      <c r="CM10" s="181">
        <v>0</v>
      </c>
      <c r="CN10" s="183">
        <v>0</v>
      </c>
      <c r="CO10" s="184">
        <v>0</v>
      </c>
      <c r="CP10" s="178">
        <v>0</v>
      </c>
      <c r="CQ10" s="178">
        <v>0</v>
      </c>
      <c r="CR10" s="179">
        <v>0</v>
      </c>
      <c r="CS10" s="180">
        <v>1</v>
      </c>
      <c r="CT10" s="180">
        <v>9</v>
      </c>
      <c r="CU10" s="180">
        <v>75</v>
      </c>
      <c r="CV10" s="178">
        <v>81</v>
      </c>
      <c r="CW10" s="181">
        <v>166</v>
      </c>
      <c r="CX10" s="182">
        <v>166</v>
      </c>
      <c r="CY10" s="177">
        <v>0</v>
      </c>
      <c r="CZ10" s="178">
        <v>0</v>
      </c>
      <c r="DA10" s="178">
        <v>0</v>
      </c>
      <c r="DB10" s="179">
        <v>0</v>
      </c>
      <c r="DC10" s="180">
        <v>0</v>
      </c>
      <c r="DD10" s="180">
        <v>8</v>
      </c>
      <c r="DE10" s="180">
        <v>75</v>
      </c>
      <c r="DF10" s="178">
        <v>79</v>
      </c>
      <c r="DG10" s="181">
        <v>162</v>
      </c>
      <c r="DH10" s="183">
        <v>162</v>
      </c>
      <c r="DI10" s="184">
        <v>0</v>
      </c>
      <c r="DJ10" s="178">
        <v>0</v>
      </c>
      <c r="DK10" s="178">
        <v>0</v>
      </c>
      <c r="DL10" s="179">
        <v>0</v>
      </c>
      <c r="DM10" s="180">
        <v>1</v>
      </c>
      <c r="DN10" s="180">
        <v>1</v>
      </c>
      <c r="DO10" s="180">
        <v>0</v>
      </c>
      <c r="DP10" s="178">
        <v>2</v>
      </c>
      <c r="DQ10" s="181">
        <v>4</v>
      </c>
      <c r="DR10" s="183">
        <v>4</v>
      </c>
      <c r="DS10" s="184">
        <v>0</v>
      </c>
      <c r="DT10" s="178">
        <v>0</v>
      </c>
      <c r="DU10" s="178">
        <v>0</v>
      </c>
      <c r="DV10" s="179">
        <v>74</v>
      </c>
      <c r="DW10" s="180">
        <v>240</v>
      </c>
      <c r="DX10" s="180">
        <v>1159</v>
      </c>
      <c r="DY10" s="180">
        <v>1744</v>
      </c>
      <c r="DZ10" s="178">
        <v>1120</v>
      </c>
      <c r="EA10" s="181">
        <v>4337</v>
      </c>
      <c r="EB10" s="183">
        <v>4337</v>
      </c>
      <c r="EC10" s="32"/>
    </row>
    <row r="11" spans="2:133" ht="21" customHeight="1" x14ac:dyDescent="0.2">
      <c r="B11" s="437" t="s">
        <v>7</v>
      </c>
      <c r="C11" s="177">
        <v>0</v>
      </c>
      <c r="D11" s="178">
        <v>0</v>
      </c>
      <c r="E11" s="178">
        <v>0</v>
      </c>
      <c r="F11" s="179">
        <v>23</v>
      </c>
      <c r="G11" s="180">
        <v>47</v>
      </c>
      <c r="H11" s="180">
        <v>602</v>
      </c>
      <c r="I11" s="180">
        <v>902</v>
      </c>
      <c r="J11" s="178">
        <v>573</v>
      </c>
      <c r="K11" s="181">
        <v>2147</v>
      </c>
      <c r="L11" s="182">
        <v>2147</v>
      </c>
      <c r="M11" s="177">
        <v>0</v>
      </c>
      <c r="N11" s="178">
        <v>0</v>
      </c>
      <c r="O11" s="181">
        <v>0</v>
      </c>
      <c r="P11" s="179">
        <v>22</v>
      </c>
      <c r="Q11" s="180">
        <v>45</v>
      </c>
      <c r="R11" s="180">
        <v>601</v>
      </c>
      <c r="S11" s="180">
        <v>889</v>
      </c>
      <c r="T11" s="178">
        <v>562</v>
      </c>
      <c r="U11" s="181">
        <v>2119</v>
      </c>
      <c r="V11" s="183">
        <v>2119</v>
      </c>
      <c r="W11" s="184">
        <v>0</v>
      </c>
      <c r="X11" s="178">
        <v>0</v>
      </c>
      <c r="Y11" s="181">
        <v>0</v>
      </c>
      <c r="Z11" s="184">
        <v>1</v>
      </c>
      <c r="AA11" s="180">
        <v>2</v>
      </c>
      <c r="AB11" s="180">
        <v>1</v>
      </c>
      <c r="AC11" s="180">
        <v>13</v>
      </c>
      <c r="AD11" s="178">
        <v>11</v>
      </c>
      <c r="AE11" s="181">
        <v>28</v>
      </c>
      <c r="AF11" s="185">
        <v>28</v>
      </c>
      <c r="AG11" s="184">
        <v>0</v>
      </c>
      <c r="AH11" s="178">
        <v>0</v>
      </c>
      <c r="AI11" s="181">
        <v>0</v>
      </c>
      <c r="AJ11" s="184">
        <v>163</v>
      </c>
      <c r="AK11" s="180">
        <v>213</v>
      </c>
      <c r="AL11" s="180">
        <v>248</v>
      </c>
      <c r="AM11" s="180">
        <v>292</v>
      </c>
      <c r="AN11" s="178">
        <v>103</v>
      </c>
      <c r="AO11" s="181">
        <v>1019</v>
      </c>
      <c r="AP11" s="185">
        <v>1019</v>
      </c>
      <c r="AQ11" s="184">
        <v>0</v>
      </c>
      <c r="AR11" s="178">
        <v>0</v>
      </c>
      <c r="AS11" s="181">
        <v>0</v>
      </c>
      <c r="AT11" s="179">
        <v>163</v>
      </c>
      <c r="AU11" s="180">
        <v>211</v>
      </c>
      <c r="AV11" s="180">
        <v>240</v>
      </c>
      <c r="AW11" s="180">
        <v>286</v>
      </c>
      <c r="AX11" s="178">
        <v>99</v>
      </c>
      <c r="AY11" s="181">
        <v>999</v>
      </c>
      <c r="AZ11" s="182">
        <v>999</v>
      </c>
      <c r="BA11" s="177">
        <v>0</v>
      </c>
      <c r="BB11" s="178">
        <v>0</v>
      </c>
      <c r="BC11" s="178">
        <v>0</v>
      </c>
      <c r="BD11" s="179">
        <v>0</v>
      </c>
      <c r="BE11" s="180">
        <v>2</v>
      </c>
      <c r="BF11" s="180">
        <v>8</v>
      </c>
      <c r="BG11" s="180">
        <v>6</v>
      </c>
      <c r="BH11" s="178">
        <v>4</v>
      </c>
      <c r="BI11" s="181">
        <v>20</v>
      </c>
      <c r="BJ11" s="183">
        <v>20</v>
      </c>
      <c r="BK11" s="184">
        <v>0</v>
      </c>
      <c r="BL11" s="178">
        <v>0</v>
      </c>
      <c r="BM11" s="178">
        <v>0</v>
      </c>
      <c r="BN11" s="179">
        <v>0</v>
      </c>
      <c r="BO11" s="180">
        <v>0</v>
      </c>
      <c r="BP11" s="180">
        <v>0</v>
      </c>
      <c r="BQ11" s="180">
        <v>1</v>
      </c>
      <c r="BR11" s="178">
        <v>2</v>
      </c>
      <c r="BS11" s="181">
        <v>3</v>
      </c>
      <c r="BT11" s="182">
        <v>3</v>
      </c>
      <c r="BU11" s="177">
        <v>0</v>
      </c>
      <c r="BV11" s="178">
        <v>0</v>
      </c>
      <c r="BW11" s="178">
        <v>0</v>
      </c>
      <c r="BX11" s="179">
        <v>0</v>
      </c>
      <c r="BY11" s="180">
        <v>0</v>
      </c>
      <c r="BZ11" s="180">
        <v>0</v>
      </c>
      <c r="CA11" s="180">
        <v>1</v>
      </c>
      <c r="CB11" s="178">
        <v>2</v>
      </c>
      <c r="CC11" s="181">
        <v>3</v>
      </c>
      <c r="CD11" s="183">
        <v>3</v>
      </c>
      <c r="CE11" s="184">
        <v>0</v>
      </c>
      <c r="CF11" s="178">
        <v>0</v>
      </c>
      <c r="CG11" s="178">
        <v>0</v>
      </c>
      <c r="CH11" s="179">
        <v>0</v>
      </c>
      <c r="CI11" s="180">
        <v>0</v>
      </c>
      <c r="CJ11" s="180">
        <v>0</v>
      </c>
      <c r="CK11" s="180">
        <v>0</v>
      </c>
      <c r="CL11" s="178">
        <v>0</v>
      </c>
      <c r="CM11" s="181">
        <v>0</v>
      </c>
      <c r="CN11" s="183">
        <v>0</v>
      </c>
      <c r="CO11" s="184">
        <v>0</v>
      </c>
      <c r="CP11" s="178">
        <v>0</v>
      </c>
      <c r="CQ11" s="178">
        <v>0</v>
      </c>
      <c r="CR11" s="179">
        <v>0</v>
      </c>
      <c r="CS11" s="180">
        <v>0</v>
      </c>
      <c r="CT11" s="180">
        <v>2</v>
      </c>
      <c r="CU11" s="180">
        <v>3</v>
      </c>
      <c r="CV11" s="178">
        <v>0</v>
      </c>
      <c r="CW11" s="181">
        <v>5</v>
      </c>
      <c r="CX11" s="182">
        <v>5</v>
      </c>
      <c r="CY11" s="177">
        <v>0</v>
      </c>
      <c r="CZ11" s="178">
        <v>0</v>
      </c>
      <c r="DA11" s="178">
        <v>0</v>
      </c>
      <c r="DB11" s="179">
        <v>0</v>
      </c>
      <c r="DC11" s="180">
        <v>0</v>
      </c>
      <c r="DD11" s="180">
        <v>2</v>
      </c>
      <c r="DE11" s="180">
        <v>3</v>
      </c>
      <c r="DF11" s="178">
        <v>0</v>
      </c>
      <c r="DG11" s="181">
        <v>5</v>
      </c>
      <c r="DH11" s="183">
        <v>5</v>
      </c>
      <c r="DI11" s="184">
        <v>0</v>
      </c>
      <c r="DJ11" s="178">
        <v>0</v>
      </c>
      <c r="DK11" s="178">
        <v>0</v>
      </c>
      <c r="DL11" s="179">
        <v>0</v>
      </c>
      <c r="DM11" s="180">
        <v>0</v>
      </c>
      <c r="DN11" s="180">
        <v>0</v>
      </c>
      <c r="DO11" s="180">
        <v>0</v>
      </c>
      <c r="DP11" s="178">
        <v>0</v>
      </c>
      <c r="DQ11" s="181">
        <v>0</v>
      </c>
      <c r="DR11" s="183">
        <v>0</v>
      </c>
      <c r="DS11" s="184">
        <v>0</v>
      </c>
      <c r="DT11" s="178">
        <v>0</v>
      </c>
      <c r="DU11" s="178">
        <v>0</v>
      </c>
      <c r="DV11" s="179">
        <v>186</v>
      </c>
      <c r="DW11" s="180">
        <v>260</v>
      </c>
      <c r="DX11" s="180">
        <v>851</v>
      </c>
      <c r="DY11" s="180">
        <v>1194</v>
      </c>
      <c r="DZ11" s="178">
        <v>674</v>
      </c>
      <c r="EA11" s="181">
        <v>3165</v>
      </c>
      <c r="EB11" s="183">
        <v>3165</v>
      </c>
      <c r="EC11" s="32"/>
    </row>
    <row r="12" spans="2:133" ht="21" customHeight="1" x14ac:dyDescent="0.2">
      <c r="B12" s="437" t="s">
        <v>8</v>
      </c>
      <c r="C12" s="177">
        <v>0</v>
      </c>
      <c r="D12" s="178">
        <v>0</v>
      </c>
      <c r="E12" s="178">
        <v>0</v>
      </c>
      <c r="F12" s="179">
        <v>15</v>
      </c>
      <c r="G12" s="180">
        <v>61</v>
      </c>
      <c r="H12" s="180">
        <v>378</v>
      </c>
      <c r="I12" s="180">
        <v>415</v>
      </c>
      <c r="J12" s="178">
        <v>243</v>
      </c>
      <c r="K12" s="181">
        <v>1112</v>
      </c>
      <c r="L12" s="182">
        <v>1112</v>
      </c>
      <c r="M12" s="177">
        <v>0</v>
      </c>
      <c r="N12" s="178">
        <v>0</v>
      </c>
      <c r="O12" s="181">
        <v>0</v>
      </c>
      <c r="P12" s="179">
        <v>15</v>
      </c>
      <c r="Q12" s="180">
        <v>60</v>
      </c>
      <c r="R12" s="180">
        <v>377</v>
      </c>
      <c r="S12" s="180">
        <v>410</v>
      </c>
      <c r="T12" s="178">
        <v>241</v>
      </c>
      <c r="U12" s="181">
        <v>1103</v>
      </c>
      <c r="V12" s="183">
        <v>1103</v>
      </c>
      <c r="W12" s="184">
        <v>0</v>
      </c>
      <c r="X12" s="178">
        <v>0</v>
      </c>
      <c r="Y12" s="181">
        <v>0</v>
      </c>
      <c r="Z12" s="184">
        <v>0</v>
      </c>
      <c r="AA12" s="180">
        <v>1</v>
      </c>
      <c r="AB12" s="180">
        <v>1</v>
      </c>
      <c r="AC12" s="180">
        <v>5</v>
      </c>
      <c r="AD12" s="178">
        <v>2</v>
      </c>
      <c r="AE12" s="181">
        <v>9</v>
      </c>
      <c r="AF12" s="185">
        <v>9</v>
      </c>
      <c r="AG12" s="184">
        <v>0</v>
      </c>
      <c r="AH12" s="178">
        <v>0</v>
      </c>
      <c r="AI12" s="181">
        <v>0</v>
      </c>
      <c r="AJ12" s="184">
        <v>45</v>
      </c>
      <c r="AK12" s="180">
        <v>82</v>
      </c>
      <c r="AL12" s="180">
        <v>168</v>
      </c>
      <c r="AM12" s="180">
        <v>141</v>
      </c>
      <c r="AN12" s="178">
        <v>77</v>
      </c>
      <c r="AO12" s="181">
        <v>513</v>
      </c>
      <c r="AP12" s="185">
        <v>513</v>
      </c>
      <c r="AQ12" s="184">
        <v>0</v>
      </c>
      <c r="AR12" s="178">
        <v>0</v>
      </c>
      <c r="AS12" s="181">
        <v>0</v>
      </c>
      <c r="AT12" s="179">
        <v>45</v>
      </c>
      <c r="AU12" s="180">
        <v>81</v>
      </c>
      <c r="AV12" s="180">
        <v>167</v>
      </c>
      <c r="AW12" s="180">
        <v>139</v>
      </c>
      <c r="AX12" s="178">
        <v>75</v>
      </c>
      <c r="AY12" s="181">
        <v>507</v>
      </c>
      <c r="AZ12" s="182">
        <v>507</v>
      </c>
      <c r="BA12" s="177">
        <v>0</v>
      </c>
      <c r="BB12" s="178">
        <v>0</v>
      </c>
      <c r="BC12" s="178">
        <v>0</v>
      </c>
      <c r="BD12" s="179">
        <v>0</v>
      </c>
      <c r="BE12" s="180">
        <v>1</v>
      </c>
      <c r="BF12" s="180">
        <v>1</v>
      </c>
      <c r="BG12" s="180">
        <v>2</v>
      </c>
      <c r="BH12" s="178">
        <v>2</v>
      </c>
      <c r="BI12" s="181">
        <v>6</v>
      </c>
      <c r="BJ12" s="183">
        <v>6</v>
      </c>
      <c r="BK12" s="184">
        <v>0</v>
      </c>
      <c r="BL12" s="178">
        <v>0</v>
      </c>
      <c r="BM12" s="178">
        <v>0</v>
      </c>
      <c r="BN12" s="179">
        <v>0</v>
      </c>
      <c r="BO12" s="180">
        <v>0</v>
      </c>
      <c r="BP12" s="180">
        <v>0</v>
      </c>
      <c r="BQ12" s="180">
        <v>0</v>
      </c>
      <c r="BR12" s="178">
        <v>0</v>
      </c>
      <c r="BS12" s="181">
        <v>0</v>
      </c>
      <c r="BT12" s="182">
        <v>0</v>
      </c>
      <c r="BU12" s="177">
        <v>0</v>
      </c>
      <c r="BV12" s="178">
        <v>0</v>
      </c>
      <c r="BW12" s="178">
        <v>0</v>
      </c>
      <c r="BX12" s="179">
        <v>0</v>
      </c>
      <c r="BY12" s="180">
        <v>0</v>
      </c>
      <c r="BZ12" s="180">
        <v>0</v>
      </c>
      <c r="CA12" s="180">
        <v>0</v>
      </c>
      <c r="CB12" s="178">
        <v>0</v>
      </c>
      <c r="CC12" s="181">
        <v>0</v>
      </c>
      <c r="CD12" s="183">
        <v>0</v>
      </c>
      <c r="CE12" s="184">
        <v>0</v>
      </c>
      <c r="CF12" s="178">
        <v>0</v>
      </c>
      <c r="CG12" s="178">
        <v>0</v>
      </c>
      <c r="CH12" s="179">
        <v>0</v>
      </c>
      <c r="CI12" s="180">
        <v>0</v>
      </c>
      <c r="CJ12" s="180">
        <v>0</v>
      </c>
      <c r="CK12" s="180">
        <v>0</v>
      </c>
      <c r="CL12" s="178">
        <v>0</v>
      </c>
      <c r="CM12" s="181">
        <v>0</v>
      </c>
      <c r="CN12" s="183">
        <v>0</v>
      </c>
      <c r="CO12" s="184">
        <v>0</v>
      </c>
      <c r="CP12" s="178">
        <v>0</v>
      </c>
      <c r="CQ12" s="178">
        <v>0</v>
      </c>
      <c r="CR12" s="179">
        <v>2</v>
      </c>
      <c r="CS12" s="180">
        <v>2</v>
      </c>
      <c r="CT12" s="180">
        <v>2</v>
      </c>
      <c r="CU12" s="180">
        <v>7</v>
      </c>
      <c r="CV12" s="178">
        <v>8</v>
      </c>
      <c r="CW12" s="181">
        <v>21</v>
      </c>
      <c r="CX12" s="182">
        <v>21</v>
      </c>
      <c r="CY12" s="177">
        <v>0</v>
      </c>
      <c r="CZ12" s="178">
        <v>0</v>
      </c>
      <c r="DA12" s="178">
        <v>0</v>
      </c>
      <c r="DB12" s="179">
        <v>2</v>
      </c>
      <c r="DC12" s="180">
        <v>2</v>
      </c>
      <c r="DD12" s="180">
        <v>2</v>
      </c>
      <c r="DE12" s="180">
        <v>6</v>
      </c>
      <c r="DF12" s="178">
        <v>8</v>
      </c>
      <c r="DG12" s="181">
        <v>20</v>
      </c>
      <c r="DH12" s="183">
        <v>20</v>
      </c>
      <c r="DI12" s="184">
        <v>0</v>
      </c>
      <c r="DJ12" s="178">
        <v>0</v>
      </c>
      <c r="DK12" s="178">
        <v>0</v>
      </c>
      <c r="DL12" s="179">
        <v>0</v>
      </c>
      <c r="DM12" s="180">
        <v>0</v>
      </c>
      <c r="DN12" s="180">
        <v>0</v>
      </c>
      <c r="DO12" s="180">
        <v>1</v>
      </c>
      <c r="DP12" s="178">
        <v>0</v>
      </c>
      <c r="DQ12" s="181">
        <v>1</v>
      </c>
      <c r="DR12" s="183">
        <v>1</v>
      </c>
      <c r="DS12" s="184">
        <v>0</v>
      </c>
      <c r="DT12" s="178">
        <v>0</v>
      </c>
      <c r="DU12" s="178">
        <v>0</v>
      </c>
      <c r="DV12" s="179">
        <v>62</v>
      </c>
      <c r="DW12" s="180">
        <v>145</v>
      </c>
      <c r="DX12" s="180">
        <v>548</v>
      </c>
      <c r="DY12" s="180">
        <v>563</v>
      </c>
      <c r="DZ12" s="178">
        <v>328</v>
      </c>
      <c r="EA12" s="181">
        <v>1646</v>
      </c>
      <c r="EB12" s="183">
        <v>1646</v>
      </c>
      <c r="EC12" s="32"/>
    </row>
    <row r="13" spans="2:133" ht="21" customHeight="1" x14ac:dyDescent="0.2">
      <c r="B13" s="437" t="s">
        <v>9</v>
      </c>
      <c r="C13" s="177">
        <v>0</v>
      </c>
      <c r="D13" s="178">
        <v>0</v>
      </c>
      <c r="E13" s="178">
        <v>0</v>
      </c>
      <c r="F13" s="179">
        <v>5</v>
      </c>
      <c r="G13" s="180">
        <v>5</v>
      </c>
      <c r="H13" s="180">
        <v>206</v>
      </c>
      <c r="I13" s="180">
        <v>337</v>
      </c>
      <c r="J13" s="178">
        <v>275</v>
      </c>
      <c r="K13" s="181">
        <v>828</v>
      </c>
      <c r="L13" s="182">
        <v>828</v>
      </c>
      <c r="M13" s="177">
        <v>0</v>
      </c>
      <c r="N13" s="178">
        <v>0</v>
      </c>
      <c r="O13" s="181">
        <v>0</v>
      </c>
      <c r="P13" s="179">
        <v>5</v>
      </c>
      <c r="Q13" s="180">
        <v>5</v>
      </c>
      <c r="R13" s="180">
        <v>205</v>
      </c>
      <c r="S13" s="180">
        <v>333</v>
      </c>
      <c r="T13" s="178">
        <v>273</v>
      </c>
      <c r="U13" s="181">
        <v>821</v>
      </c>
      <c r="V13" s="183">
        <v>821</v>
      </c>
      <c r="W13" s="184">
        <v>0</v>
      </c>
      <c r="X13" s="178">
        <v>0</v>
      </c>
      <c r="Y13" s="181">
        <v>0</v>
      </c>
      <c r="Z13" s="184">
        <v>0</v>
      </c>
      <c r="AA13" s="180">
        <v>0</v>
      </c>
      <c r="AB13" s="180">
        <v>1</v>
      </c>
      <c r="AC13" s="180">
        <v>4</v>
      </c>
      <c r="AD13" s="178">
        <v>2</v>
      </c>
      <c r="AE13" s="181">
        <v>7</v>
      </c>
      <c r="AF13" s="185">
        <v>7</v>
      </c>
      <c r="AG13" s="184">
        <v>0</v>
      </c>
      <c r="AH13" s="178">
        <v>0</v>
      </c>
      <c r="AI13" s="181">
        <v>0</v>
      </c>
      <c r="AJ13" s="184">
        <v>29</v>
      </c>
      <c r="AK13" s="180">
        <v>61</v>
      </c>
      <c r="AL13" s="180">
        <v>100</v>
      </c>
      <c r="AM13" s="180">
        <v>117</v>
      </c>
      <c r="AN13" s="178">
        <v>77</v>
      </c>
      <c r="AO13" s="181">
        <v>384</v>
      </c>
      <c r="AP13" s="185">
        <v>384</v>
      </c>
      <c r="AQ13" s="184">
        <v>0</v>
      </c>
      <c r="AR13" s="178">
        <v>0</v>
      </c>
      <c r="AS13" s="181">
        <v>0</v>
      </c>
      <c r="AT13" s="179">
        <v>29</v>
      </c>
      <c r="AU13" s="180">
        <v>60</v>
      </c>
      <c r="AV13" s="180">
        <v>96</v>
      </c>
      <c r="AW13" s="180">
        <v>114</v>
      </c>
      <c r="AX13" s="178">
        <v>76</v>
      </c>
      <c r="AY13" s="181">
        <v>375</v>
      </c>
      <c r="AZ13" s="182">
        <v>375</v>
      </c>
      <c r="BA13" s="177">
        <v>0</v>
      </c>
      <c r="BB13" s="178">
        <v>0</v>
      </c>
      <c r="BC13" s="178">
        <v>0</v>
      </c>
      <c r="BD13" s="179">
        <v>0</v>
      </c>
      <c r="BE13" s="180">
        <v>1</v>
      </c>
      <c r="BF13" s="180">
        <v>4</v>
      </c>
      <c r="BG13" s="180">
        <v>3</v>
      </c>
      <c r="BH13" s="178">
        <v>1</v>
      </c>
      <c r="BI13" s="181">
        <v>9</v>
      </c>
      <c r="BJ13" s="183">
        <v>9</v>
      </c>
      <c r="BK13" s="184">
        <v>0</v>
      </c>
      <c r="BL13" s="178">
        <v>0</v>
      </c>
      <c r="BM13" s="178">
        <v>0</v>
      </c>
      <c r="BN13" s="179">
        <v>0</v>
      </c>
      <c r="BO13" s="180">
        <v>0</v>
      </c>
      <c r="BP13" s="180">
        <v>0</v>
      </c>
      <c r="BQ13" s="180">
        <v>0</v>
      </c>
      <c r="BR13" s="178">
        <v>0</v>
      </c>
      <c r="BS13" s="181">
        <v>0</v>
      </c>
      <c r="BT13" s="182">
        <v>0</v>
      </c>
      <c r="BU13" s="177">
        <v>0</v>
      </c>
      <c r="BV13" s="178">
        <v>0</v>
      </c>
      <c r="BW13" s="178">
        <v>0</v>
      </c>
      <c r="BX13" s="179">
        <v>0</v>
      </c>
      <c r="BY13" s="180">
        <v>0</v>
      </c>
      <c r="BZ13" s="180">
        <v>0</v>
      </c>
      <c r="CA13" s="180">
        <v>0</v>
      </c>
      <c r="CB13" s="178">
        <v>0</v>
      </c>
      <c r="CC13" s="181">
        <v>0</v>
      </c>
      <c r="CD13" s="183">
        <v>0</v>
      </c>
      <c r="CE13" s="184">
        <v>0</v>
      </c>
      <c r="CF13" s="178">
        <v>0</v>
      </c>
      <c r="CG13" s="178">
        <v>0</v>
      </c>
      <c r="CH13" s="179">
        <v>0</v>
      </c>
      <c r="CI13" s="180">
        <v>0</v>
      </c>
      <c r="CJ13" s="180">
        <v>0</v>
      </c>
      <c r="CK13" s="180">
        <v>0</v>
      </c>
      <c r="CL13" s="178">
        <v>0</v>
      </c>
      <c r="CM13" s="181">
        <v>0</v>
      </c>
      <c r="CN13" s="183">
        <v>0</v>
      </c>
      <c r="CO13" s="184">
        <v>0</v>
      </c>
      <c r="CP13" s="178">
        <v>0</v>
      </c>
      <c r="CQ13" s="178">
        <v>0</v>
      </c>
      <c r="CR13" s="179">
        <v>0</v>
      </c>
      <c r="CS13" s="180">
        <v>1</v>
      </c>
      <c r="CT13" s="180">
        <v>0</v>
      </c>
      <c r="CU13" s="180">
        <v>3</v>
      </c>
      <c r="CV13" s="178">
        <v>5</v>
      </c>
      <c r="CW13" s="181">
        <v>9</v>
      </c>
      <c r="CX13" s="182">
        <v>9</v>
      </c>
      <c r="CY13" s="177">
        <v>0</v>
      </c>
      <c r="CZ13" s="178">
        <v>0</v>
      </c>
      <c r="DA13" s="178">
        <v>0</v>
      </c>
      <c r="DB13" s="179">
        <v>0</v>
      </c>
      <c r="DC13" s="180">
        <v>1</v>
      </c>
      <c r="DD13" s="180">
        <v>0</v>
      </c>
      <c r="DE13" s="180">
        <v>3</v>
      </c>
      <c r="DF13" s="178">
        <v>5</v>
      </c>
      <c r="DG13" s="181">
        <v>9</v>
      </c>
      <c r="DH13" s="183">
        <v>9</v>
      </c>
      <c r="DI13" s="184">
        <v>0</v>
      </c>
      <c r="DJ13" s="178">
        <v>0</v>
      </c>
      <c r="DK13" s="178">
        <v>0</v>
      </c>
      <c r="DL13" s="179">
        <v>0</v>
      </c>
      <c r="DM13" s="180">
        <v>0</v>
      </c>
      <c r="DN13" s="180">
        <v>0</v>
      </c>
      <c r="DO13" s="180">
        <v>0</v>
      </c>
      <c r="DP13" s="178">
        <v>0</v>
      </c>
      <c r="DQ13" s="181">
        <v>0</v>
      </c>
      <c r="DR13" s="183">
        <v>0</v>
      </c>
      <c r="DS13" s="184">
        <v>0</v>
      </c>
      <c r="DT13" s="178">
        <v>0</v>
      </c>
      <c r="DU13" s="178">
        <v>0</v>
      </c>
      <c r="DV13" s="179">
        <v>34</v>
      </c>
      <c r="DW13" s="180">
        <v>67</v>
      </c>
      <c r="DX13" s="180">
        <v>306</v>
      </c>
      <c r="DY13" s="180">
        <v>453</v>
      </c>
      <c r="DZ13" s="178">
        <v>354</v>
      </c>
      <c r="EA13" s="181">
        <v>1214</v>
      </c>
      <c r="EB13" s="183">
        <v>1214</v>
      </c>
      <c r="EC13" s="32"/>
    </row>
    <row r="14" spans="2:133" ht="21" customHeight="1" x14ac:dyDescent="0.2">
      <c r="B14" s="437" t="s">
        <v>10</v>
      </c>
      <c r="C14" s="177">
        <v>0</v>
      </c>
      <c r="D14" s="178">
        <v>0</v>
      </c>
      <c r="E14" s="178">
        <v>0</v>
      </c>
      <c r="F14" s="179">
        <v>15</v>
      </c>
      <c r="G14" s="180">
        <v>47</v>
      </c>
      <c r="H14" s="180">
        <v>319</v>
      </c>
      <c r="I14" s="180">
        <v>576</v>
      </c>
      <c r="J14" s="178">
        <v>444</v>
      </c>
      <c r="K14" s="181">
        <v>1401</v>
      </c>
      <c r="L14" s="182">
        <v>1401</v>
      </c>
      <c r="M14" s="177">
        <v>0</v>
      </c>
      <c r="N14" s="178">
        <v>0</v>
      </c>
      <c r="O14" s="181">
        <v>0</v>
      </c>
      <c r="P14" s="179">
        <v>15</v>
      </c>
      <c r="Q14" s="180">
        <v>46</v>
      </c>
      <c r="R14" s="180">
        <v>315</v>
      </c>
      <c r="S14" s="180">
        <v>568</v>
      </c>
      <c r="T14" s="178">
        <v>439</v>
      </c>
      <c r="U14" s="181">
        <v>1383</v>
      </c>
      <c r="V14" s="183">
        <v>1383</v>
      </c>
      <c r="W14" s="184">
        <v>0</v>
      </c>
      <c r="X14" s="178">
        <v>0</v>
      </c>
      <c r="Y14" s="181">
        <v>0</v>
      </c>
      <c r="Z14" s="184">
        <v>0</v>
      </c>
      <c r="AA14" s="180">
        <v>1</v>
      </c>
      <c r="AB14" s="180">
        <v>4</v>
      </c>
      <c r="AC14" s="180">
        <v>8</v>
      </c>
      <c r="AD14" s="178">
        <v>5</v>
      </c>
      <c r="AE14" s="181">
        <v>18</v>
      </c>
      <c r="AF14" s="185">
        <v>18</v>
      </c>
      <c r="AG14" s="184">
        <v>0</v>
      </c>
      <c r="AH14" s="178">
        <v>0</v>
      </c>
      <c r="AI14" s="181">
        <v>0</v>
      </c>
      <c r="AJ14" s="184">
        <v>93</v>
      </c>
      <c r="AK14" s="180">
        <v>111</v>
      </c>
      <c r="AL14" s="180">
        <v>134</v>
      </c>
      <c r="AM14" s="180">
        <v>174</v>
      </c>
      <c r="AN14" s="178">
        <v>115</v>
      </c>
      <c r="AO14" s="181">
        <v>627</v>
      </c>
      <c r="AP14" s="185">
        <v>627</v>
      </c>
      <c r="AQ14" s="184">
        <v>0</v>
      </c>
      <c r="AR14" s="178">
        <v>0</v>
      </c>
      <c r="AS14" s="181">
        <v>0</v>
      </c>
      <c r="AT14" s="179">
        <v>90</v>
      </c>
      <c r="AU14" s="180">
        <v>110</v>
      </c>
      <c r="AV14" s="180">
        <v>132</v>
      </c>
      <c r="AW14" s="180">
        <v>173</v>
      </c>
      <c r="AX14" s="178">
        <v>112</v>
      </c>
      <c r="AY14" s="181">
        <v>617</v>
      </c>
      <c r="AZ14" s="182">
        <v>617</v>
      </c>
      <c r="BA14" s="177">
        <v>0</v>
      </c>
      <c r="BB14" s="178">
        <v>0</v>
      </c>
      <c r="BC14" s="178">
        <v>0</v>
      </c>
      <c r="BD14" s="179">
        <v>3</v>
      </c>
      <c r="BE14" s="180">
        <v>1</v>
      </c>
      <c r="BF14" s="180">
        <v>2</v>
      </c>
      <c r="BG14" s="180">
        <v>1</v>
      </c>
      <c r="BH14" s="178">
        <v>3</v>
      </c>
      <c r="BI14" s="181">
        <v>10</v>
      </c>
      <c r="BJ14" s="183">
        <v>10</v>
      </c>
      <c r="BK14" s="184">
        <v>0</v>
      </c>
      <c r="BL14" s="178">
        <v>0</v>
      </c>
      <c r="BM14" s="178">
        <v>0</v>
      </c>
      <c r="BN14" s="179">
        <v>0</v>
      </c>
      <c r="BO14" s="180">
        <v>0</v>
      </c>
      <c r="BP14" s="180">
        <v>0</v>
      </c>
      <c r="BQ14" s="180">
        <v>0</v>
      </c>
      <c r="BR14" s="178">
        <v>1</v>
      </c>
      <c r="BS14" s="181">
        <v>1</v>
      </c>
      <c r="BT14" s="182">
        <v>1</v>
      </c>
      <c r="BU14" s="177">
        <v>0</v>
      </c>
      <c r="BV14" s="178">
        <v>0</v>
      </c>
      <c r="BW14" s="178">
        <v>0</v>
      </c>
      <c r="BX14" s="179">
        <v>0</v>
      </c>
      <c r="BY14" s="180">
        <v>0</v>
      </c>
      <c r="BZ14" s="180">
        <v>0</v>
      </c>
      <c r="CA14" s="180">
        <v>0</v>
      </c>
      <c r="CB14" s="178">
        <v>1</v>
      </c>
      <c r="CC14" s="181">
        <v>1</v>
      </c>
      <c r="CD14" s="183">
        <v>1</v>
      </c>
      <c r="CE14" s="184">
        <v>0</v>
      </c>
      <c r="CF14" s="178">
        <v>0</v>
      </c>
      <c r="CG14" s="178">
        <v>0</v>
      </c>
      <c r="CH14" s="179">
        <v>0</v>
      </c>
      <c r="CI14" s="180">
        <v>0</v>
      </c>
      <c r="CJ14" s="180">
        <v>0</v>
      </c>
      <c r="CK14" s="180">
        <v>0</v>
      </c>
      <c r="CL14" s="178">
        <v>0</v>
      </c>
      <c r="CM14" s="181">
        <v>0</v>
      </c>
      <c r="CN14" s="183">
        <v>0</v>
      </c>
      <c r="CO14" s="184">
        <v>0</v>
      </c>
      <c r="CP14" s="178">
        <v>0</v>
      </c>
      <c r="CQ14" s="178">
        <v>0</v>
      </c>
      <c r="CR14" s="179">
        <v>0</v>
      </c>
      <c r="CS14" s="180">
        <v>0</v>
      </c>
      <c r="CT14" s="180">
        <v>0</v>
      </c>
      <c r="CU14" s="180">
        <v>4</v>
      </c>
      <c r="CV14" s="178">
        <v>29</v>
      </c>
      <c r="CW14" s="181">
        <v>33</v>
      </c>
      <c r="CX14" s="182">
        <v>33</v>
      </c>
      <c r="CY14" s="177">
        <v>0</v>
      </c>
      <c r="CZ14" s="178">
        <v>0</v>
      </c>
      <c r="DA14" s="178">
        <v>0</v>
      </c>
      <c r="DB14" s="179">
        <v>0</v>
      </c>
      <c r="DC14" s="180">
        <v>0</v>
      </c>
      <c r="DD14" s="180">
        <v>0</v>
      </c>
      <c r="DE14" s="180">
        <v>4</v>
      </c>
      <c r="DF14" s="178">
        <v>29</v>
      </c>
      <c r="DG14" s="181">
        <v>33</v>
      </c>
      <c r="DH14" s="183">
        <v>33</v>
      </c>
      <c r="DI14" s="184">
        <v>0</v>
      </c>
      <c r="DJ14" s="178">
        <v>0</v>
      </c>
      <c r="DK14" s="178">
        <v>0</v>
      </c>
      <c r="DL14" s="179">
        <v>0</v>
      </c>
      <c r="DM14" s="180">
        <v>0</v>
      </c>
      <c r="DN14" s="180">
        <v>0</v>
      </c>
      <c r="DO14" s="180">
        <v>0</v>
      </c>
      <c r="DP14" s="178">
        <v>0</v>
      </c>
      <c r="DQ14" s="181">
        <v>0</v>
      </c>
      <c r="DR14" s="183">
        <v>0</v>
      </c>
      <c r="DS14" s="184">
        <v>0</v>
      </c>
      <c r="DT14" s="178">
        <v>0</v>
      </c>
      <c r="DU14" s="178">
        <v>0</v>
      </c>
      <c r="DV14" s="179">
        <v>108</v>
      </c>
      <c r="DW14" s="180">
        <v>158</v>
      </c>
      <c r="DX14" s="180">
        <v>452</v>
      </c>
      <c r="DY14" s="180">
        <v>748</v>
      </c>
      <c r="DZ14" s="178">
        <v>587</v>
      </c>
      <c r="EA14" s="181">
        <v>2053</v>
      </c>
      <c r="EB14" s="183">
        <v>2053</v>
      </c>
      <c r="EC14" s="32"/>
    </row>
    <row r="15" spans="2:133" ht="21" customHeight="1" x14ac:dyDescent="0.2">
      <c r="B15" s="437" t="s">
        <v>11</v>
      </c>
      <c r="C15" s="177">
        <v>0</v>
      </c>
      <c r="D15" s="178">
        <v>0</v>
      </c>
      <c r="E15" s="178">
        <v>0</v>
      </c>
      <c r="F15" s="179">
        <v>1</v>
      </c>
      <c r="G15" s="180">
        <v>7</v>
      </c>
      <c r="H15" s="180">
        <v>185</v>
      </c>
      <c r="I15" s="180">
        <v>366</v>
      </c>
      <c r="J15" s="178">
        <v>208</v>
      </c>
      <c r="K15" s="181">
        <v>767</v>
      </c>
      <c r="L15" s="182">
        <v>767</v>
      </c>
      <c r="M15" s="177">
        <v>0</v>
      </c>
      <c r="N15" s="178">
        <v>0</v>
      </c>
      <c r="O15" s="181">
        <v>0</v>
      </c>
      <c r="P15" s="179">
        <v>1</v>
      </c>
      <c r="Q15" s="180">
        <v>7</v>
      </c>
      <c r="R15" s="180">
        <v>185</v>
      </c>
      <c r="S15" s="180">
        <v>362</v>
      </c>
      <c r="T15" s="178">
        <v>208</v>
      </c>
      <c r="U15" s="181">
        <v>763</v>
      </c>
      <c r="V15" s="183">
        <v>763</v>
      </c>
      <c r="W15" s="184">
        <v>0</v>
      </c>
      <c r="X15" s="178">
        <v>0</v>
      </c>
      <c r="Y15" s="181">
        <v>0</v>
      </c>
      <c r="Z15" s="184">
        <v>0</v>
      </c>
      <c r="AA15" s="180">
        <v>0</v>
      </c>
      <c r="AB15" s="180">
        <v>0</v>
      </c>
      <c r="AC15" s="180">
        <v>4</v>
      </c>
      <c r="AD15" s="178">
        <v>0</v>
      </c>
      <c r="AE15" s="181">
        <v>4</v>
      </c>
      <c r="AF15" s="185">
        <v>4</v>
      </c>
      <c r="AG15" s="184">
        <v>0</v>
      </c>
      <c r="AH15" s="178">
        <v>0</v>
      </c>
      <c r="AI15" s="181">
        <v>0</v>
      </c>
      <c r="AJ15" s="184">
        <v>55</v>
      </c>
      <c r="AK15" s="180">
        <v>92</v>
      </c>
      <c r="AL15" s="180">
        <v>131</v>
      </c>
      <c r="AM15" s="180">
        <v>141</v>
      </c>
      <c r="AN15" s="178">
        <v>81</v>
      </c>
      <c r="AO15" s="181">
        <v>500</v>
      </c>
      <c r="AP15" s="185">
        <v>500</v>
      </c>
      <c r="AQ15" s="184">
        <v>0</v>
      </c>
      <c r="AR15" s="178">
        <v>0</v>
      </c>
      <c r="AS15" s="181">
        <v>0</v>
      </c>
      <c r="AT15" s="179">
        <v>54</v>
      </c>
      <c r="AU15" s="180">
        <v>91</v>
      </c>
      <c r="AV15" s="180">
        <v>129</v>
      </c>
      <c r="AW15" s="180">
        <v>139</v>
      </c>
      <c r="AX15" s="178">
        <v>80</v>
      </c>
      <c r="AY15" s="181">
        <v>493</v>
      </c>
      <c r="AZ15" s="182">
        <v>493</v>
      </c>
      <c r="BA15" s="177">
        <v>0</v>
      </c>
      <c r="BB15" s="178">
        <v>0</v>
      </c>
      <c r="BC15" s="178">
        <v>0</v>
      </c>
      <c r="BD15" s="179">
        <v>1</v>
      </c>
      <c r="BE15" s="180">
        <v>1</v>
      </c>
      <c r="BF15" s="180">
        <v>2</v>
      </c>
      <c r="BG15" s="180">
        <v>2</v>
      </c>
      <c r="BH15" s="178">
        <v>1</v>
      </c>
      <c r="BI15" s="181">
        <v>7</v>
      </c>
      <c r="BJ15" s="183">
        <v>7</v>
      </c>
      <c r="BK15" s="184">
        <v>0</v>
      </c>
      <c r="BL15" s="178">
        <v>0</v>
      </c>
      <c r="BM15" s="178">
        <v>0</v>
      </c>
      <c r="BN15" s="179">
        <v>0</v>
      </c>
      <c r="BO15" s="180">
        <v>0</v>
      </c>
      <c r="BP15" s="180">
        <v>0</v>
      </c>
      <c r="BQ15" s="180">
        <v>0</v>
      </c>
      <c r="BR15" s="178">
        <v>0</v>
      </c>
      <c r="BS15" s="181">
        <v>0</v>
      </c>
      <c r="BT15" s="182">
        <v>0</v>
      </c>
      <c r="BU15" s="177">
        <v>0</v>
      </c>
      <c r="BV15" s="178">
        <v>0</v>
      </c>
      <c r="BW15" s="178">
        <v>0</v>
      </c>
      <c r="BX15" s="179">
        <v>0</v>
      </c>
      <c r="BY15" s="180">
        <v>0</v>
      </c>
      <c r="BZ15" s="180">
        <v>0</v>
      </c>
      <c r="CA15" s="180">
        <v>0</v>
      </c>
      <c r="CB15" s="178">
        <v>0</v>
      </c>
      <c r="CC15" s="181">
        <v>0</v>
      </c>
      <c r="CD15" s="183">
        <v>0</v>
      </c>
      <c r="CE15" s="184">
        <v>0</v>
      </c>
      <c r="CF15" s="178">
        <v>0</v>
      </c>
      <c r="CG15" s="178">
        <v>0</v>
      </c>
      <c r="CH15" s="179">
        <v>0</v>
      </c>
      <c r="CI15" s="180">
        <v>0</v>
      </c>
      <c r="CJ15" s="180">
        <v>0</v>
      </c>
      <c r="CK15" s="180">
        <v>0</v>
      </c>
      <c r="CL15" s="178">
        <v>0</v>
      </c>
      <c r="CM15" s="181">
        <v>0</v>
      </c>
      <c r="CN15" s="183">
        <v>0</v>
      </c>
      <c r="CO15" s="184">
        <v>0</v>
      </c>
      <c r="CP15" s="178">
        <v>0</v>
      </c>
      <c r="CQ15" s="178">
        <v>0</v>
      </c>
      <c r="CR15" s="179">
        <v>4</v>
      </c>
      <c r="CS15" s="180">
        <v>5</v>
      </c>
      <c r="CT15" s="180">
        <v>11</v>
      </c>
      <c r="CU15" s="180">
        <v>12</v>
      </c>
      <c r="CV15" s="178">
        <v>32</v>
      </c>
      <c r="CW15" s="181">
        <v>64</v>
      </c>
      <c r="CX15" s="182">
        <v>64</v>
      </c>
      <c r="CY15" s="177">
        <v>0</v>
      </c>
      <c r="CZ15" s="178">
        <v>0</v>
      </c>
      <c r="DA15" s="178">
        <v>0</v>
      </c>
      <c r="DB15" s="179">
        <v>3</v>
      </c>
      <c r="DC15" s="180">
        <v>5</v>
      </c>
      <c r="DD15" s="180">
        <v>11</v>
      </c>
      <c r="DE15" s="180">
        <v>12</v>
      </c>
      <c r="DF15" s="178">
        <v>30</v>
      </c>
      <c r="DG15" s="181">
        <v>61</v>
      </c>
      <c r="DH15" s="183">
        <v>61</v>
      </c>
      <c r="DI15" s="184">
        <v>0</v>
      </c>
      <c r="DJ15" s="178">
        <v>0</v>
      </c>
      <c r="DK15" s="178">
        <v>0</v>
      </c>
      <c r="DL15" s="179">
        <v>1</v>
      </c>
      <c r="DM15" s="180">
        <v>0</v>
      </c>
      <c r="DN15" s="180">
        <v>0</v>
      </c>
      <c r="DO15" s="180">
        <v>0</v>
      </c>
      <c r="DP15" s="178">
        <v>2</v>
      </c>
      <c r="DQ15" s="181">
        <v>3</v>
      </c>
      <c r="DR15" s="183">
        <v>3</v>
      </c>
      <c r="DS15" s="184">
        <v>0</v>
      </c>
      <c r="DT15" s="178">
        <v>0</v>
      </c>
      <c r="DU15" s="178">
        <v>0</v>
      </c>
      <c r="DV15" s="179">
        <v>60</v>
      </c>
      <c r="DW15" s="180">
        <v>104</v>
      </c>
      <c r="DX15" s="180">
        <v>327</v>
      </c>
      <c r="DY15" s="180">
        <v>516</v>
      </c>
      <c r="DZ15" s="178">
        <v>321</v>
      </c>
      <c r="EA15" s="181">
        <v>1328</v>
      </c>
      <c r="EB15" s="183">
        <v>1328</v>
      </c>
      <c r="EC15" s="32"/>
    </row>
    <row r="16" spans="2:133" ht="21" customHeight="1" x14ac:dyDescent="0.2">
      <c r="B16" s="437" t="s">
        <v>12</v>
      </c>
      <c r="C16" s="177">
        <v>0</v>
      </c>
      <c r="D16" s="178">
        <v>0</v>
      </c>
      <c r="E16" s="178">
        <v>0</v>
      </c>
      <c r="F16" s="179">
        <v>3</v>
      </c>
      <c r="G16" s="180">
        <v>20</v>
      </c>
      <c r="H16" s="180">
        <v>203</v>
      </c>
      <c r="I16" s="180">
        <v>321</v>
      </c>
      <c r="J16" s="178">
        <v>200</v>
      </c>
      <c r="K16" s="181">
        <v>747</v>
      </c>
      <c r="L16" s="182">
        <v>747</v>
      </c>
      <c r="M16" s="177">
        <v>0</v>
      </c>
      <c r="N16" s="178">
        <v>0</v>
      </c>
      <c r="O16" s="181">
        <v>0</v>
      </c>
      <c r="P16" s="179">
        <v>3</v>
      </c>
      <c r="Q16" s="180">
        <v>20</v>
      </c>
      <c r="R16" s="180">
        <v>203</v>
      </c>
      <c r="S16" s="180">
        <v>321</v>
      </c>
      <c r="T16" s="178">
        <v>195</v>
      </c>
      <c r="U16" s="181">
        <v>742</v>
      </c>
      <c r="V16" s="183">
        <v>742</v>
      </c>
      <c r="W16" s="184">
        <v>0</v>
      </c>
      <c r="X16" s="178">
        <v>0</v>
      </c>
      <c r="Y16" s="181">
        <v>0</v>
      </c>
      <c r="Z16" s="184">
        <v>0</v>
      </c>
      <c r="AA16" s="180">
        <v>0</v>
      </c>
      <c r="AB16" s="180">
        <v>0</v>
      </c>
      <c r="AC16" s="180">
        <v>0</v>
      </c>
      <c r="AD16" s="178">
        <v>5</v>
      </c>
      <c r="AE16" s="181">
        <v>5</v>
      </c>
      <c r="AF16" s="185">
        <v>5</v>
      </c>
      <c r="AG16" s="184">
        <v>0</v>
      </c>
      <c r="AH16" s="178">
        <v>0</v>
      </c>
      <c r="AI16" s="181">
        <v>0</v>
      </c>
      <c r="AJ16" s="184">
        <v>40</v>
      </c>
      <c r="AK16" s="180">
        <v>80</v>
      </c>
      <c r="AL16" s="180">
        <v>151</v>
      </c>
      <c r="AM16" s="180">
        <v>171</v>
      </c>
      <c r="AN16" s="178">
        <v>78</v>
      </c>
      <c r="AO16" s="181">
        <v>520</v>
      </c>
      <c r="AP16" s="185">
        <v>520</v>
      </c>
      <c r="AQ16" s="184">
        <v>0</v>
      </c>
      <c r="AR16" s="178">
        <v>0</v>
      </c>
      <c r="AS16" s="181">
        <v>0</v>
      </c>
      <c r="AT16" s="179">
        <v>38</v>
      </c>
      <c r="AU16" s="180">
        <v>80</v>
      </c>
      <c r="AV16" s="180">
        <v>151</v>
      </c>
      <c r="AW16" s="180">
        <v>170</v>
      </c>
      <c r="AX16" s="178">
        <v>74</v>
      </c>
      <c r="AY16" s="181">
        <v>513</v>
      </c>
      <c r="AZ16" s="182">
        <v>513</v>
      </c>
      <c r="BA16" s="177">
        <v>0</v>
      </c>
      <c r="BB16" s="178">
        <v>0</v>
      </c>
      <c r="BC16" s="178">
        <v>0</v>
      </c>
      <c r="BD16" s="179">
        <v>2</v>
      </c>
      <c r="BE16" s="180">
        <v>0</v>
      </c>
      <c r="BF16" s="180">
        <v>0</v>
      </c>
      <c r="BG16" s="180">
        <v>1</v>
      </c>
      <c r="BH16" s="178">
        <v>4</v>
      </c>
      <c r="BI16" s="181">
        <v>7</v>
      </c>
      <c r="BJ16" s="183">
        <v>7</v>
      </c>
      <c r="BK16" s="184">
        <v>0</v>
      </c>
      <c r="BL16" s="178">
        <v>0</v>
      </c>
      <c r="BM16" s="178">
        <v>0</v>
      </c>
      <c r="BN16" s="179">
        <v>0</v>
      </c>
      <c r="BO16" s="180">
        <v>0</v>
      </c>
      <c r="BP16" s="180">
        <v>0</v>
      </c>
      <c r="BQ16" s="180">
        <v>0</v>
      </c>
      <c r="BR16" s="178">
        <v>0</v>
      </c>
      <c r="BS16" s="181">
        <v>0</v>
      </c>
      <c r="BT16" s="182">
        <v>0</v>
      </c>
      <c r="BU16" s="177">
        <v>0</v>
      </c>
      <c r="BV16" s="178">
        <v>0</v>
      </c>
      <c r="BW16" s="178">
        <v>0</v>
      </c>
      <c r="BX16" s="179">
        <v>0</v>
      </c>
      <c r="BY16" s="180">
        <v>0</v>
      </c>
      <c r="BZ16" s="180">
        <v>0</v>
      </c>
      <c r="CA16" s="180">
        <v>0</v>
      </c>
      <c r="CB16" s="178">
        <v>0</v>
      </c>
      <c r="CC16" s="181">
        <v>0</v>
      </c>
      <c r="CD16" s="183">
        <v>0</v>
      </c>
      <c r="CE16" s="184">
        <v>0</v>
      </c>
      <c r="CF16" s="178">
        <v>0</v>
      </c>
      <c r="CG16" s="178">
        <v>0</v>
      </c>
      <c r="CH16" s="179">
        <v>0</v>
      </c>
      <c r="CI16" s="180">
        <v>0</v>
      </c>
      <c r="CJ16" s="180">
        <v>0</v>
      </c>
      <c r="CK16" s="180">
        <v>0</v>
      </c>
      <c r="CL16" s="178">
        <v>0</v>
      </c>
      <c r="CM16" s="181">
        <v>0</v>
      </c>
      <c r="CN16" s="183">
        <v>0</v>
      </c>
      <c r="CO16" s="184">
        <v>0</v>
      </c>
      <c r="CP16" s="178">
        <v>0</v>
      </c>
      <c r="CQ16" s="178">
        <v>0</v>
      </c>
      <c r="CR16" s="179">
        <v>0</v>
      </c>
      <c r="CS16" s="180">
        <v>1</v>
      </c>
      <c r="CT16" s="180">
        <v>3</v>
      </c>
      <c r="CU16" s="180">
        <v>14</v>
      </c>
      <c r="CV16" s="178">
        <v>15</v>
      </c>
      <c r="CW16" s="181">
        <v>33</v>
      </c>
      <c r="CX16" s="182">
        <v>33</v>
      </c>
      <c r="CY16" s="177">
        <v>0</v>
      </c>
      <c r="CZ16" s="178">
        <v>0</v>
      </c>
      <c r="DA16" s="178">
        <v>0</v>
      </c>
      <c r="DB16" s="179">
        <v>0</v>
      </c>
      <c r="DC16" s="180">
        <v>1</v>
      </c>
      <c r="DD16" s="180">
        <v>3</v>
      </c>
      <c r="DE16" s="180">
        <v>14</v>
      </c>
      <c r="DF16" s="178">
        <v>15</v>
      </c>
      <c r="DG16" s="181">
        <v>33</v>
      </c>
      <c r="DH16" s="183">
        <v>33</v>
      </c>
      <c r="DI16" s="184">
        <v>0</v>
      </c>
      <c r="DJ16" s="178">
        <v>0</v>
      </c>
      <c r="DK16" s="178">
        <v>0</v>
      </c>
      <c r="DL16" s="179">
        <v>0</v>
      </c>
      <c r="DM16" s="180">
        <v>0</v>
      </c>
      <c r="DN16" s="180">
        <v>0</v>
      </c>
      <c r="DO16" s="180">
        <v>0</v>
      </c>
      <c r="DP16" s="178">
        <v>0</v>
      </c>
      <c r="DQ16" s="181">
        <v>0</v>
      </c>
      <c r="DR16" s="183">
        <v>0</v>
      </c>
      <c r="DS16" s="184">
        <v>0</v>
      </c>
      <c r="DT16" s="178">
        <v>0</v>
      </c>
      <c r="DU16" s="178">
        <v>0</v>
      </c>
      <c r="DV16" s="179">
        <v>43</v>
      </c>
      <c r="DW16" s="180">
        <v>101</v>
      </c>
      <c r="DX16" s="180">
        <v>355</v>
      </c>
      <c r="DY16" s="180">
        <v>503</v>
      </c>
      <c r="DZ16" s="178">
        <v>293</v>
      </c>
      <c r="EA16" s="181">
        <v>1295</v>
      </c>
      <c r="EB16" s="183">
        <v>1295</v>
      </c>
      <c r="EC16" s="32"/>
    </row>
    <row r="17" spans="2:133" ht="21" customHeight="1" x14ac:dyDescent="0.2">
      <c r="B17" s="437" t="s">
        <v>13</v>
      </c>
      <c r="C17" s="177">
        <v>0</v>
      </c>
      <c r="D17" s="178">
        <v>0</v>
      </c>
      <c r="E17" s="178">
        <v>0</v>
      </c>
      <c r="F17" s="179">
        <v>1</v>
      </c>
      <c r="G17" s="180">
        <v>6</v>
      </c>
      <c r="H17" s="180">
        <v>53</v>
      </c>
      <c r="I17" s="180">
        <v>137</v>
      </c>
      <c r="J17" s="178">
        <v>125</v>
      </c>
      <c r="K17" s="181">
        <v>322</v>
      </c>
      <c r="L17" s="182">
        <v>322</v>
      </c>
      <c r="M17" s="177">
        <v>0</v>
      </c>
      <c r="N17" s="178">
        <v>0</v>
      </c>
      <c r="O17" s="181">
        <v>0</v>
      </c>
      <c r="P17" s="179">
        <v>1</v>
      </c>
      <c r="Q17" s="180">
        <v>6</v>
      </c>
      <c r="R17" s="180">
        <v>52</v>
      </c>
      <c r="S17" s="180">
        <v>137</v>
      </c>
      <c r="T17" s="178">
        <v>124</v>
      </c>
      <c r="U17" s="181">
        <v>320</v>
      </c>
      <c r="V17" s="183">
        <v>320</v>
      </c>
      <c r="W17" s="184">
        <v>0</v>
      </c>
      <c r="X17" s="178">
        <v>0</v>
      </c>
      <c r="Y17" s="181">
        <v>0</v>
      </c>
      <c r="Z17" s="184">
        <v>0</v>
      </c>
      <c r="AA17" s="180">
        <v>0</v>
      </c>
      <c r="AB17" s="180">
        <v>1</v>
      </c>
      <c r="AC17" s="180">
        <v>0</v>
      </c>
      <c r="AD17" s="178">
        <v>1</v>
      </c>
      <c r="AE17" s="181">
        <v>2</v>
      </c>
      <c r="AF17" s="185">
        <v>2</v>
      </c>
      <c r="AG17" s="184">
        <v>0</v>
      </c>
      <c r="AH17" s="178">
        <v>0</v>
      </c>
      <c r="AI17" s="181">
        <v>0</v>
      </c>
      <c r="AJ17" s="184">
        <v>8</v>
      </c>
      <c r="AK17" s="180">
        <v>23</v>
      </c>
      <c r="AL17" s="180">
        <v>39</v>
      </c>
      <c r="AM17" s="180">
        <v>32</v>
      </c>
      <c r="AN17" s="178">
        <v>29</v>
      </c>
      <c r="AO17" s="181">
        <v>131</v>
      </c>
      <c r="AP17" s="185">
        <v>131</v>
      </c>
      <c r="AQ17" s="184">
        <v>0</v>
      </c>
      <c r="AR17" s="178">
        <v>0</v>
      </c>
      <c r="AS17" s="181">
        <v>0</v>
      </c>
      <c r="AT17" s="179">
        <v>8</v>
      </c>
      <c r="AU17" s="180">
        <v>22</v>
      </c>
      <c r="AV17" s="180">
        <v>38</v>
      </c>
      <c r="AW17" s="180">
        <v>31</v>
      </c>
      <c r="AX17" s="178">
        <v>28</v>
      </c>
      <c r="AY17" s="181">
        <v>127</v>
      </c>
      <c r="AZ17" s="182">
        <v>127</v>
      </c>
      <c r="BA17" s="177">
        <v>0</v>
      </c>
      <c r="BB17" s="178">
        <v>0</v>
      </c>
      <c r="BC17" s="178">
        <v>0</v>
      </c>
      <c r="BD17" s="179">
        <v>0</v>
      </c>
      <c r="BE17" s="180">
        <v>1</v>
      </c>
      <c r="BF17" s="180">
        <v>1</v>
      </c>
      <c r="BG17" s="180">
        <v>1</v>
      </c>
      <c r="BH17" s="178">
        <v>1</v>
      </c>
      <c r="BI17" s="181">
        <v>4</v>
      </c>
      <c r="BJ17" s="183">
        <v>4</v>
      </c>
      <c r="BK17" s="184">
        <v>0</v>
      </c>
      <c r="BL17" s="178">
        <v>0</v>
      </c>
      <c r="BM17" s="178">
        <v>0</v>
      </c>
      <c r="BN17" s="179">
        <v>0</v>
      </c>
      <c r="BO17" s="180">
        <v>0</v>
      </c>
      <c r="BP17" s="180">
        <v>0</v>
      </c>
      <c r="BQ17" s="180">
        <v>0</v>
      </c>
      <c r="BR17" s="178">
        <v>0</v>
      </c>
      <c r="BS17" s="181">
        <v>0</v>
      </c>
      <c r="BT17" s="182">
        <v>0</v>
      </c>
      <c r="BU17" s="177">
        <v>0</v>
      </c>
      <c r="BV17" s="178">
        <v>0</v>
      </c>
      <c r="BW17" s="178">
        <v>0</v>
      </c>
      <c r="BX17" s="179">
        <v>0</v>
      </c>
      <c r="BY17" s="180">
        <v>0</v>
      </c>
      <c r="BZ17" s="180">
        <v>0</v>
      </c>
      <c r="CA17" s="180">
        <v>0</v>
      </c>
      <c r="CB17" s="178">
        <v>0</v>
      </c>
      <c r="CC17" s="181">
        <v>0</v>
      </c>
      <c r="CD17" s="183">
        <v>0</v>
      </c>
      <c r="CE17" s="184">
        <v>0</v>
      </c>
      <c r="CF17" s="178">
        <v>0</v>
      </c>
      <c r="CG17" s="178">
        <v>0</v>
      </c>
      <c r="CH17" s="179">
        <v>0</v>
      </c>
      <c r="CI17" s="180">
        <v>0</v>
      </c>
      <c r="CJ17" s="180">
        <v>0</v>
      </c>
      <c r="CK17" s="180">
        <v>0</v>
      </c>
      <c r="CL17" s="178">
        <v>0</v>
      </c>
      <c r="CM17" s="181">
        <v>0</v>
      </c>
      <c r="CN17" s="183">
        <v>0</v>
      </c>
      <c r="CO17" s="184">
        <v>0</v>
      </c>
      <c r="CP17" s="178">
        <v>0</v>
      </c>
      <c r="CQ17" s="178">
        <v>0</v>
      </c>
      <c r="CR17" s="179">
        <v>0</v>
      </c>
      <c r="CS17" s="180">
        <v>0</v>
      </c>
      <c r="CT17" s="180">
        <v>1</v>
      </c>
      <c r="CU17" s="180">
        <v>0</v>
      </c>
      <c r="CV17" s="178">
        <v>0</v>
      </c>
      <c r="CW17" s="181">
        <v>1</v>
      </c>
      <c r="CX17" s="182">
        <v>1</v>
      </c>
      <c r="CY17" s="177">
        <v>0</v>
      </c>
      <c r="CZ17" s="178">
        <v>0</v>
      </c>
      <c r="DA17" s="178">
        <v>0</v>
      </c>
      <c r="DB17" s="179">
        <v>0</v>
      </c>
      <c r="DC17" s="180">
        <v>0</v>
      </c>
      <c r="DD17" s="180">
        <v>1</v>
      </c>
      <c r="DE17" s="180">
        <v>0</v>
      </c>
      <c r="DF17" s="178">
        <v>0</v>
      </c>
      <c r="DG17" s="181">
        <v>1</v>
      </c>
      <c r="DH17" s="183">
        <v>1</v>
      </c>
      <c r="DI17" s="184">
        <v>0</v>
      </c>
      <c r="DJ17" s="178">
        <v>0</v>
      </c>
      <c r="DK17" s="178">
        <v>0</v>
      </c>
      <c r="DL17" s="179">
        <v>0</v>
      </c>
      <c r="DM17" s="180">
        <v>0</v>
      </c>
      <c r="DN17" s="180">
        <v>0</v>
      </c>
      <c r="DO17" s="180">
        <v>0</v>
      </c>
      <c r="DP17" s="178">
        <v>0</v>
      </c>
      <c r="DQ17" s="181">
        <v>0</v>
      </c>
      <c r="DR17" s="183">
        <v>0</v>
      </c>
      <c r="DS17" s="184">
        <v>0</v>
      </c>
      <c r="DT17" s="178">
        <v>0</v>
      </c>
      <c r="DU17" s="178">
        <v>0</v>
      </c>
      <c r="DV17" s="179">
        <v>9</v>
      </c>
      <c r="DW17" s="180">
        <v>29</v>
      </c>
      <c r="DX17" s="180">
        <v>93</v>
      </c>
      <c r="DY17" s="180">
        <v>169</v>
      </c>
      <c r="DZ17" s="178">
        <v>154</v>
      </c>
      <c r="EA17" s="181">
        <v>454</v>
      </c>
      <c r="EB17" s="183">
        <v>454</v>
      </c>
      <c r="EC17" s="32"/>
    </row>
    <row r="18" spans="2:133" ht="21" customHeight="1" x14ac:dyDescent="0.2">
      <c r="B18" s="437" t="s">
        <v>15</v>
      </c>
      <c r="C18" s="177">
        <v>0</v>
      </c>
      <c r="D18" s="178">
        <v>0</v>
      </c>
      <c r="E18" s="178">
        <v>0</v>
      </c>
      <c r="F18" s="179">
        <v>1</v>
      </c>
      <c r="G18" s="180">
        <v>0</v>
      </c>
      <c r="H18" s="180">
        <v>84</v>
      </c>
      <c r="I18" s="180">
        <v>152</v>
      </c>
      <c r="J18" s="178">
        <v>80</v>
      </c>
      <c r="K18" s="181">
        <v>317</v>
      </c>
      <c r="L18" s="182">
        <v>317</v>
      </c>
      <c r="M18" s="177">
        <v>0</v>
      </c>
      <c r="N18" s="178">
        <v>0</v>
      </c>
      <c r="O18" s="181">
        <v>0</v>
      </c>
      <c r="P18" s="179">
        <v>1</v>
      </c>
      <c r="Q18" s="180">
        <v>0</v>
      </c>
      <c r="R18" s="180">
        <v>84</v>
      </c>
      <c r="S18" s="180">
        <v>150</v>
      </c>
      <c r="T18" s="178">
        <v>78</v>
      </c>
      <c r="U18" s="181">
        <v>313</v>
      </c>
      <c r="V18" s="183">
        <v>313</v>
      </c>
      <c r="W18" s="184">
        <v>0</v>
      </c>
      <c r="X18" s="178">
        <v>0</v>
      </c>
      <c r="Y18" s="181">
        <v>0</v>
      </c>
      <c r="Z18" s="184">
        <v>0</v>
      </c>
      <c r="AA18" s="180">
        <v>0</v>
      </c>
      <c r="AB18" s="180">
        <v>0</v>
      </c>
      <c r="AC18" s="180">
        <v>2</v>
      </c>
      <c r="AD18" s="178">
        <v>2</v>
      </c>
      <c r="AE18" s="181">
        <v>4</v>
      </c>
      <c r="AF18" s="185">
        <v>4</v>
      </c>
      <c r="AG18" s="184">
        <v>0</v>
      </c>
      <c r="AH18" s="178">
        <v>0</v>
      </c>
      <c r="AI18" s="181">
        <v>0</v>
      </c>
      <c r="AJ18" s="184">
        <v>15</v>
      </c>
      <c r="AK18" s="180">
        <v>34</v>
      </c>
      <c r="AL18" s="180">
        <v>36</v>
      </c>
      <c r="AM18" s="180">
        <v>63</v>
      </c>
      <c r="AN18" s="178">
        <v>24</v>
      </c>
      <c r="AO18" s="181">
        <v>172</v>
      </c>
      <c r="AP18" s="185">
        <v>172</v>
      </c>
      <c r="AQ18" s="184">
        <v>0</v>
      </c>
      <c r="AR18" s="178">
        <v>0</v>
      </c>
      <c r="AS18" s="181">
        <v>0</v>
      </c>
      <c r="AT18" s="179">
        <v>14</v>
      </c>
      <c r="AU18" s="180">
        <v>34</v>
      </c>
      <c r="AV18" s="180">
        <v>36</v>
      </c>
      <c r="AW18" s="180">
        <v>62</v>
      </c>
      <c r="AX18" s="178">
        <v>23</v>
      </c>
      <c r="AY18" s="181">
        <v>169</v>
      </c>
      <c r="AZ18" s="182">
        <v>169</v>
      </c>
      <c r="BA18" s="177">
        <v>0</v>
      </c>
      <c r="BB18" s="178">
        <v>0</v>
      </c>
      <c r="BC18" s="178">
        <v>0</v>
      </c>
      <c r="BD18" s="179">
        <v>1</v>
      </c>
      <c r="BE18" s="180">
        <v>0</v>
      </c>
      <c r="BF18" s="180">
        <v>0</v>
      </c>
      <c r="BG18" s="180">
        <v>1</v>
      </c>
      <c r="BH18" s="178">
        <v>1</v>
      </c>
      <c r="BI18" s="181">
        <v>3</v>
      </c>
      <c r="BJ18" s="183">
        <v>3</v>
      </c>
      <c r="BK18" s="184">
        <v>0</v>
      </c>
      <c r="BL18" s="178">
        <v>0</v>
      </c>
      <c r="BM18" s="178">
        <v>0</v>
      </c>
      <c r="BN18" s="179">
        <v>0</v>
      </c>
      <c r="BO18" s="180">
        <v>0</v>
      </c>
      <c r="BP18" s="180">
        <v>0</v>
      </c>
      <c r="BQ18" s="180">
        <v>0</v>
      </c>
      <c r="BR18" s="178">
        <v>0</v>
      </c>
      <c r="BS18" s="181">
        <v>0</v>
      </c>
      <c r="BT18" s="182">
        <v>0</v>
      </c>
      <c r="BU18" s="177">
        <v>0</v>
      </c>
      <c r="BV18" s="178">
        <v>0</v>
      </c>
      <c r="BW18" s="178">
        <v>0</v>
      </c>
      <c r="BX18" s="179">
        <v>0</v>
      </c>
      <c r="BY18" s="180">
        <v>0</v>
      </c>
      <c r="BZ18" s="180">
        <v>0</v>
      </c>
      <c r="CA18" s="180">
        <v>0</v>
      </c>
      <c r="CB18" s="178">
        <v>0</v>
      </c>
      <c r="CC18" s="181">
        <v>0</v>
      </c>
      <c r="CD18" s="183">
        <v>0</v>
      </c>
      <c r="CE18" s="184">
        <v>0</v>
      </c>
      <c r="CF18" s="178">
        <v>0</v>
      </c>
      <c r="CG18" s="178">
        <v>0</v>
      </c>
      <c r="CH18" s="179">
        <v>0</v>
      </c>
      <c r="CI18" s="180">
        <v>0</v>
      </c>
      <c r="CJ18" s="180">
        <v>0</v>
      </c>
      <c r="CK18" s="180">
        <v>0</v>
      </c>
      <c r="CL18" s="178">
        <v>0</v>
      </c>
      <c r="CM18" s="181">
        <v>0</v>
      </c>
      <c r="CN18" s="183">
        <v>0</v>
      </c>
      <c r="CO18" s="184">
        <v>0</v>
      </c>
      <c r="CP18" s="178">
        <v>0</v>
      </c>
      <c r="CQ18" s="178">
        <v>0</v>
      </c>
      <c r="CR18" s="179">
        <v>0</v>
      </c>
      <c r="CS18" s="180">
        <v>0</v>
      </c>
      <c r="CT18" s="180">
        <v>0</v>
      </c>
      <c r="CU18" s="180">
        <v>0</v>
      </c>
      <c r="CV18" s="178">
        <v>0</v>
      </c>
      <c r="CW18" s="181">
        <v>0</v>
      </c>
      <c r="CX18" s="182">
        <v>0</v>
      </c>
      <c r="CY18" s="177">
        <v>0</v>
      </c>
      <c r="CZ18" s="178">
        <v>0</v>
      </c>
      <c r="DA18" s="178">
        <v>0</v>
      </c>
      <c r="DB18" s="179">
        <v>0</v>
      </c>
      <c r="DC18" s="180">
        <v>0</v>
      </c>
      <c r="DD18" s="180">
        <v>0</v>
      </c>
      <c r="DE18" s="180">
        <v>0</v>
      </c>
      <c r="DF18" s="178">
        <v>0</v>
      </c>
      <c r="DG18" s="181">
        <v>0</v>
      </c>
      <c r="DH18" s="183">
        <v>0</v>
      </c>
      <c r="DI18" s="184">
        <v>0</v>
      </c>
      <c r="DJ18" s="178">
        <v>0</v>
      </c>
      <c r="DK18" s="178">
        <v>0</v>
      </c>
      <c r="DL18" s="179">
        <v>0</v>
      </c>
      <c r="DM18" s="180">
        <v>0</v>
      </c>
      <c r="DN18" s="180">
        <v>0</v>
      </c>
      <c r="DO18" s="180">
        <v>0</v>
      </c>
      <c r="DP18" s="178">
        <v>0</v>
      </c>
      <c r="DQ18" s="181">
        <v>0</v>
      </c>
      <c r="DR18" s="183">
        <v>0</v>
      </c>
      <c r="DS18" s="184">
        <v>0</v>
      </c>
      <c r="DT18" s="178">
        <v>0</v>
      </c>
      <c r="DU18" s="178">
        <v>0</v>
      </c>
      <c r="DV18" s="179">
        <v>16</v>
      </c>
      <c r="DW18" s="180">
        <v>34</v>
      </c>
      <c r="DX18" s="180">
        <v>119</v>
      </c>
      <c r="DY18" s="180">
        <v>214</v>
      </c>
      <c r="DZ18" s="178">
        <v>104</v>
      </c>
      <c r="EA18" s="181">
        <v>487</v>
      </c>
      <c r="EB18" s="183">
        <v>487</v>
      </c>
      <c r="EC18" s="32"/>
    </row>
    <row r="19" spans="2:133" ht="21" customHeight="1" x14ac:dyDescent="0.2">
      <c r="B19" s="437" t="s">
        <v>16</v>
      </c>
      <c r="C19" s="177">
        <v>0</v>
      </c>
      <c r="D19" s="178">
        <v>0</v>
      </c>
      <c r="E19" s="178">
        <v>0</v>
      </c>
      <c r="F19" s="179">
        <v>6</v>
      </c>
      <c r="G19" s="180">
        <v>15</v>
      </c>
      <c r="H19" s="180">
        <v>216</v>
      </c>
      <c r="I19" s="180">
        <v>312</v>
      </c>
      <c r="J19" s="178">
        <v>187</v>
      </c>
      <c r="K19" s="181">
        <v>736</v>
      </c>
      <c r="L19" s="182">
        <v>736</v>
      </c>
      <c r="M19" s="177">
        <v>0</v>
      </c>
      <c r="N19" s="178">
        <v>0</v>
      </c>
      <c r="O19" s="181">
        <v>0</v>
      </c>
      <c r="P19" s="179">
        <v>6</v>
      </c>
      <c r="Q19" s="180">
        <v>14</v>
      </c>
      <c r="R19" s="180">
        <v>216</v>
      </c>
      <c r="S19" s="180">
        <v>311</v>
      </c>
      <c r="T19" s="178">
        <v>183</v>
      </c>
      <c r="U19" s="181">
        <v>730</v>
      </c>
      <c r="V19" s="183">
        <v>730</v>
      </c>
      <c r="W19" s="184">
        <v>0</v>
      </c>
      <c r="X19" s="178">
        <v>0</v>
      </c>
      <c r="Y19" s="181">
        <v>0</v>
      </c>
      <c r="Z19" s="184">
        <v>0</v>
      </c>
      <c r="AA19" s="180">
        <v>1</v>
      </c>
      <c r="AB19" s="180">
        <v>0</v>
      </c>
      <c r="AC19" s="180">
        <v>1</v>
      </c>
      <c r="AD19" s="178">
        <v>4</v>
      </c>
      <c r="AE19" s="181">
        <v>6</v>
      </c>
      <c r="AF19" s="185">
        <v>6</v>
      </c>
      <c r="AG19" s="184">
        <v>0</v>
      </c>
      <c r="AH19" s="178">
        <v>0</v>
      </c>
      <c r="AI19" s="181">
        <v>0</v>
      </c>
      <c r="AJ19" s="184">
        <v>47</v>
      </c>
      <c r="AK19" s="180">
        <v>89</v>
      </c>
      <c r="AL19" s="180">
        <v>129</v>
      </c>
      <c r="AM19" s="180">
        <v>151</v>
      </c>
      <c r="AN19" s="178">
        <v>61</v>
      </c>
      <c r="AO19" s="181">
        <v>477</v>
      </c>
      <c r="AP19" s="185">
        <v>477</v>
      </c>
      <c r="AQ19" s="184">
        <v>0</v>
      </c>
      <c r="AR19" s="178">
        <v>0</v>
      </c>
      <c r="AS19" s="181">
        <v>0</v>
      </c>
      <c r="AT19" s="179">
        <v>47</v>
      </c>
      <c r="AU19" s="180">
        <v>89</v>
      </c>
      <c r="AV19" s="180">
        <v>128</v>
      </c>
      <c r="AW19" s="180">
        <v>151</v>
      </c>
      <c r="AX19" s="178">
        <v>60</v>
      </c>
      <c r="AY19" s="181">
        <v>475</v>
      </c>
      <c r="AZ19" s="182">
        <v>475</v>
      </c>
      <c r="BA19" s="177">
        <v>0</v>
      </c>
      <c r="BB19" s="178">
        <v>0</v>
      </c>
      <c r="BC19" s="178">
        <v>0</v>
      </c>
      <c r="BD19" s="179">
        <v>0</v>
      </c>
      <c r="BE19" s="180">
        <v>0</v>
      </c>
      <c r="BF19" s="180">
        <v>1</v>
      </c>
      <c r="BG19" s="180">
        <v>0</v>
      </c>
      <c r="BH19" s="178">
        <v>1</v>
      </c>
      <c r="BI19" s="181">
        <v>2</v>
      </c>
      <c r="BJ19" s="183">
        <v>2</v>
      </c>
      <c r="BK19" s="184">
        <v>0</v>
      </c>
      <c r="BL19" s="178">
        <v>0</v>
      </c>
      <c r="BM19" s="178">
        <v>0</v>
      </c>
      <c r="BN19" s="179">
        <v>0</v>
      </c>
      <c r="BO19" s="180">
        <v>0</v>
      </c>
      <c r="BP19" s="180">
        <v>0</v>
      </c>
      <c r="BQ19" s="180">
        <v>0</v>
      </c>
      <c r="BR19" s="178">
        <v>0</v>
      </c>
      <c r="BS19" s="181">
        <v>0</v>
      </c>
      <c r="BT19" s="182">
        <v>0</v>
      </c>
      <c r="BU19" s="177">
        <v>0</v>
      </c>
      <c r="BV19" s="178">
        <v>0</v>
      </c>
      <c r="BW19" s="178">
        <v>0</v>
      </c>
      <c r="BX19" s="179">
        <v>0</v>
      </c>
      <c r="BY19" s="180">
        <v>0</v>
      </c>
      <c r="BZ19" s="180">
        <v>0</v>
      </c>
      <c r="CA19" s="180">
        <v>0</v>
      </c>
      <c r="CB19" s="178">
        <v>0</v>
      </c>
      <c r="CC19" s="181">
        <v>0</v>
      </c>
      <c r="CD19" s="183">
        <v>0</v>
      </c>
      <c r="CE19" s="184">
        <v>0</v>
      </c>
      <c r="CF19" s="178">
        <v>0</v>
      </c>
      <c r="CG19" s="178">
        <v>0</v>
      </c>
      <c r="CH19" s="179">
        <v>0</v>
      </c>
      <c r="CI19" s="180">
        <v>0</v>
      </c>
      <c r="CJ19" s="180">
        <v>0</v>
      </c>
      <c r="CK19" s="180">
        <v>0</v>
      </c>
      <c r="CL19" s="178">
        <v>0</v>
      </c>
      <c r="CM19" s="181">
        <v>0</v>
      </c>
      <c r="CN19" s="183">
        <v>0</v>
      </c>
      <c r="CO19" s="184">
        <v>0</v>
      </c>
      <c r="CP19" s="178">
        <v>0</v>
      </c>
      <c r="CQ19" s="178">
        <v>0</v>
      </c>
      <c r="CR19" s="179">
        <v>0</v>
      </c>
      <c r="CS19" s="180">
        <v>0</v>
      </c>
      <c r="CT19" s="180">
        <v>2</v>
      </c>
      <c r="CU19" s="180">
        <v>12</v>
      </c>
      <c r="CV19" s="178">
        <v>17</v>
      </c>
      <c r="CW19" s="181">
        <v>31</v>
      </c>
      <c r="CX19" s="182">
        <v>31</v>
      </c>
      <c r="CY19" s="177">
        <v>0</v>
      </c>
      <c r="CZ19" s="178">
        <v>0</v>
      </c>
      <c r="DA19" s="178">
        <v>0</v>
      </c>
      <c r="DB19" s="179">
        <v>0</v>
      </c>
      <c r="DC19" s="180">
        <v>0</v>
      </c>
      <c r="DD19" s="180">
        <v>2</v>
      </c>
      <c r="DE19" s="180">
        <v>12</v>
      </c>
      <c r="DF19" s="178">
        <v>17</v>
      </c>
      <c r="DG19" s="181">
        <v>31</v>
      </c>
      <c r="DH19" s="183">
        <v>31</v>
      </c>
      <c r="DI19" s="184">
        <v>0</v>
      </c>
      <c r="DJ19" s="178">
        <v>0</v>
      </c>
      <c r="DK19" s="178">
        <v>0</v>
      </c>
      <c r="DL19" s="179">
        <v>0</v>
      </c>
      <c r="DM19" s="180">
        <v>0</v>
      </c>
      <c r="DN19" s="180">
        <v>0</v>
      </c>
      <c r="DO19" s="180">
        <v>0</v>
      </c>
      <c r="DP19" s="178">
        <v>0</v>
      </c>
      <c r="DQ19" s="181">
        <v>0</v>
      </c>
      <c r="DR19" s="183">
        <v>0</v>
      </c>
      <c r="DS19" s="184">
        <v>0</v>
      </c>
      <c r="DT19" s="178">
        <v>0</v>
      </c>
      <c r="DU19" s="178">
        <v>0</v>
      </c>
      <c r="DV19" s="179">
        <v>53</v>
      </c>
      <c r="DW19" s="180">
        <v>104</v>
      </c>
      <c r="DX19" s="180">
        <v>343</v>
      </c>
      <c r="DY19" s="180">
        <v>470</v>
      </c>
      <c r="DZ19" s="178">
        <v>264</v>
      </c>
      <c r="EA19" s="181">
        <v>1234</v>
      </c>
      <c r="EB19" s="183">
        <v>1234</v>
      </c>
      <c r="EC19" s="32"/>
    </row>
    <row r="20" spans="2:133" ht="21" customHeight="1" x14ac:dyDescent="0.2">
      <c r="B20" s="437" t="s">
        <v>17</v>
      </c>
      <c r="C20" s="177">
        <v>0</v>
      </c>
      <c r="D20" s="178">
        <v>0</v>
      </c>
      <c r="E20" s="178">
        <v>0</v>
      </c>
      <c r="F20" s="179">
        <v>4</v>
      </c>
      <c r="G20" s="180">
        <v>13</v>
      </c>
      <c r="H20" s="180">
        <v>205</v>
      </c>
      <c r="I20" s="180">
        <v>286</v>
      </c>
      <c r="J20" s="178">
        <v>215</v>
      </c>
      <c r="K20" s="181">
        <v>723</v>
      </c>
      <c r="L20" s="182">
        <v>723</v>
      </c>
      <c r="M20" s="177">
        <v>0</v>
      </c>
      <c r="N20" s="178">
        <v>0</v>
      </c>
      <c r="O20" s="181">
        <v>0</v>
      </c>
      <c r="P20" s="179">
        <v>4</v>
      </c>
      <c r="Q20" s="180">
        <v>13</v>
      </c>
      <c r="R20" s="180">
        <v>205</v>
      </c>
      <c r="S20" s="180">
        <v>284</v>
      </c>
      <c r="T20" s="178">
        <v>212</v>
      </c>
      <c r="U20" s="181">
        <v>718</v>
      </c>
      <c r="V20" s="183">
        <v>718</v>
      </c>
      <c r="W20" s="184">
        <v>0</v>
      </c>
      <c r="X20" s="178">
        <v>0</v>
      </c>
      <c r="Y20" s="181">
        <v>0</v>
      </c>
      <c r="Z20" s="184">
        <v>0</v>
      </c>
      <c r="AA20" s="180">
        <v>0</v>
      </c>
      <c r="AB20" s="180">
        <v>0</v>
      </c>
      <c r="AC20" s="180">
        <v>2</v>
      </c>
      <c r="AD20" s="178">
        <v>3</v>
      </c>
      <c r="AE20" s="181">
        <v>5</v>
      </c>
      <c r="AF20" s="185">
        <v>5</v>
      </c>
      <c r="AG20" s="184">
        <v>0</v>
      </c>
      <c r="AH20" s="178">
        <v>0</v>
      </c>
      <c r="AI20" s="181">
        <v>0</v>
      </c>
      <c r="AJ20" s="184">
        <v>40</v>
      </c>
      <c r="AK20" s="180">
        <v>116</v>
      </c>
      <c r="AL20" s="180">
        <v>149</v>
      </c>
      <c r="AM20" s="180">
        <v>154</v>
      </c>
      <c r="AN20" s="178">
        <v>79</v>
      </c>
      <c r="AO20" s="181">
        <v>538</v>
      </c>
      <c r="AP20" s="185">
        <v>538</v>
      </c>
      <c r="AQ20" s="184">
        <v>0</v>
      </c>
      <c r="AR20" s="178">
        <v>0</v>
      </c>
      <c r="AS20" s="181">
        <v>0</v>
      </c>
      <c r="AT20" s="179">
        <v>39</v>
      </c>
      <c r="AU20" s="180">
        <v>114</v>
      </c>
      <c r="AV20" s="180">
        <v>146</v>
      </c>
      <c r="AW20" s="180">
        <v>153</v>
      </c>
      <c r="AX20" s="178">
        <v>76</v>
      </c>
      <c r="AY20" s="181">
        <v>528</v>
      </c>
      <c r="AZ20" s="182">
        <v>528</v>
      </c>
      <c r="BA20" s="177">
        <v>0</v>
      </c>
      <c r="BB20" s="178">
        <v>0</v>
      </c>
      <c r="BC20" s="178">
        <v>0</v>
      </c>
      <c r="BD20" s="179">
        <v>1</v>
      </c>
      <c r="BE20" s="180">
        <v>2</v>
      </c>
      <c r="BF20" s="180">
        <v>3</v>
      </c>
      <c r="BG20" s="180">
        <v>1</v>
      </c>
      <c r="BH20" s="178">
        <v>3</v>
      </c>
      <c r="BI20" s="181">
        <v>10</v>
      </c>
      <c r="BJ20" s="183">
        <v>10</v>
      </c>
      <c r="BK20" s="184">
        <v>0</v>
      </c>
      <c r="BL20" s="178">
        <v>0</v>
      </c>
      <c r="BM20" s="178">
        <v>0</v>
      </c>
      <c r="BN20" s="179">
        <v>0</v>
      </c>
      <c r="BO20" s="180">
        <v>0</v>
      </c>
      <c r="BP20" s="180">
        <v>0</v>
      </c>
      <c r="BQ20" s="180">
        <v>1</v>
      </c>
      <c r="BR20" s="178">
        <v>3</v>
      </c>
      <c r="BS20" s="181">
        <v>4</v>
      </c>
      <c r="BT20" s="182">
        <v>4</v>
      </c>
      <c r="BU20" s="177">
        <v>0</v>
      </c>
      <c r="BV20" s="178">
        <v>0</v>
      </c>
      <c r="BW20" s="178">
        <v>0</v>
      </c>
      <c r="BX20" s="179">
        <v>0</v>
      </c>
      <c r="BY20" s="180">
        <v>0</v>
      </c>
      <c r="BZ20" s="180">
        <v>0</v>
      </c>
      <c r="CA20" s="180">
        <v>1</v>
      </c>
      <c r="CB20" s="178">
        <v>3</v>
      </c>
      <c r="CC20" s="181">
        <v>4</v>
      </c>
      <c r="CD20" s="183">
        <v>4</v>
      </c>
      <c r="CE20" s="184">
        <v>0</v>
      </c>
      <c r="CF20" s="178">
        <v>0</v>
      </c>
      <c r="CG20" s="178">
        <v>0</v>
      </c>
      <c r="CH20" s="179">
        <v>0</v>
      </c>
      <c r="CI20" s="180">
        <v>0</v>
      </c>
      <c r="CJ20" s="180">
        <v>0</v>
      </c>
      <c r="CK20" s="180">
        <v>0</v>
      </c>
      <c r="CL20" s="178">
        <v>0</v>
      </c>
      <c r="CM20" s="181">
        <v>0</v>
      </c>
      <c r="CN20" s="183">
        <v>0</v>
      </c>
      <c r="CO20" s="184">
        <v>0</v>
      </c>
      <c r="CP20" s="178">
        <v>0</v>
      </c>
      <c r="CQ20" s="178">
        <v>0</v>
      </c>
      <c r="CR20" s="179">
        <v>0</v>
      </c>
      <c r="CS20" s="180">
        <v>0</v>
      </c>
      <c r="CT20" s="180">
        <v>0</v>
      </c>
      <c r="CU20" s="180">
        <v>4</v>
      </c>
      <c r="CV20" s="178">
        <v>14</v>
      </c>
      <c r="CW20" s="181">
        <v>18</v>
      </c>
      <c r="CX20" s="182">
        <v>18</v>
      </c>
      <c r="CY20" s="177">
        <v>0</v>
      </c>
      <c r="CZ20" s="178">
        <v>0</v>
      </c>
      <c r="DA20" s="178">
        <v>0</v>
      </c>
      <c r="DB20" s="179">
        <v>0</v>
      </c>
      <c r="DC20" s="180">
        <v>0</v>
      </c>
      <c r="DD20" s="180">
        <v>0</v>
      </c>
      <c r="DE20" s="180">
        <v>4</v>
      </c>
      <c r="DF20" s="178">
        <v>13</v>
      </c>
      <c r="DG20" s="181">
        <v>17</v>
      </c>
      <c r="DH20" s="183">
        <v>17</v>
      </c>
      <c r="DI20" s="184">
        <v>0</v>
      </c>
      <c r="DJ20" s="178">
        <v>0</v>
      </c>
      <c r="DK20" s="178">
        <v>0</v>
      </c>
      <c r="DL20" s="179">
        <v>0</v>
      </c>
      <c r="DM20" s="180">
        <v>0</v>
      </c>
      <c r="DN20" s="180">
        <v>0</v>
      </c>
      <c r="DO20" s="180">
        <v>0</v>
      </c>
      <c r="DP20" s="178">
        <v>1</v>
      </c>
      <c r="DQ20" s="181">
        <v>1</v>
      </c>
      <c r="DR20" s="183">
        <v>1</v>
      </c>
      <c r="DS20" s="184">
        <v>0</v>
      </c>
      <c r="DT20" s="178">
        <v>0</v>
      </c>
      <c r="DU20" s="178">
        <v>0</v>
      </c>
      <c r="DV20" s="179">
        <v>44</v>
      </c>
      <c r="DW20" s="180">
        <v>129</v>
      </c>
      <c r="DX20" s="180">
        <v>354</v>
      </c>
      <c r="DY20" s="180">
        <v>445</v>
      </c>
      <c r="DZ20" s="178">
        <v>311</v>
      </c>
      <c r="EA20" s="181">
        <v>1283</v>
      </c>
      <c r="EB20" s="183">
        <v>1283</v>
      </c>
      <c r="EC20" s="32"/>
    </row>
    <row r="21" spans="2:133" ht="21" customHeight="1" x14ac:dyDescent="0.2">
      <c r="B21" s="437" t="s">
        <v>18</v>
      </c>
      <c r="C21" s="177">
        <v>0</v>
      </c>
      <c r="D21" s="178">
        <v>0</v>
      </c>
      <c r="E21" s="178">
        <v>0</v>
      </c>
      <c r="F21" s="179">
        <v>6</v>
      </c>
      <c r="G21" s="180">
        <v>13</v>
      </c>
      <c r="H21" s="180">
        <v>192</v>
      </c>
      <c r="I21" s="180">
        <v>411</v>
      </c>
      <c r="J21" s="178">
        <v>253</v>
      </c>
      <c r="K21" s="181">
        <v>875</v>
      </c>
      <c r="L21" s="182">
        <v>875</v>
      </c>
      <c r="M21" s="177">
        <v>0</v>
      </c>
      <c r="N21" s="178">
        <v>0</v>
      </c>
      <c r="O21" s="181">
        <v>0</v>
      </c>
      <c r="P21" s="179">
        <v>6</v>
      </c>
      <c r="Q21" s="180">
        <v>13</v>
      </c>
      <c r="R21" s="180">
        <v>190</v>
      </c>
      <c r="S21" s="180">
        <v>406</v>
      </c>
      <c r="T21" s="178">
        <v>250</v>
      </c>
      <c r="U21" s="181">
        <v>865</v>
      </c>
      <c r="V21" s="183">
        <v>865</v>
      </c>
      <c r="W21" s="184">
        <v>0</v>
      </c>
      <c r="X21" s="178">
        <v>0</v>
      </c>
      <c r="Y21" s="181">
        <v>0</v>
      </c>
      <c r="Z21" s="184">
        <v>0</v>
      </c>
      <c r="AA21" s="180">
        <v>0</v>
      </c>
      <c r="AB21" s="180">
        <v>2</v>
      </c>
      <c r="AC21" s="180">
        <v>5</v>
      </c>
      <c r="AD21" s="178">
        <v>3</v>
      </c>
      <c r="AE21" s="181">
        <v>10</v>
      </c>
      <c r="AF21" s="185">
        <v>10</v>
      </c>
      <c r="AG21" s="184">
        <v>0</v>
      </c>
      <c r="AH21" s="178">
        <v>0</v>
      </c>
      <c r="AI21" s="181">
        <v>0</v>
      </c>
      <c r="AJ21" s="184">
        <v>24</v>
      </c>
      <c r="AK21" s="180">
        <v>70</v>
      </c>
      <c r="AL21" s="180">
        <v>115</v>
      </c>
      <c r="AM21" s="180">
        <v>113</v>
      </c>
      <c r="AN21" s="178">
        <v>72</v>
      </c>
      <c r="AO21" s="181">
        <v>394</v>
      </c>
      <c r="AP21" s="185">
        <v>394</v>
      </c>
      <c r="AQ21" s="184">
        <v>0</v>
      </c>
      <c r="AR21" s="178">
        <v>0</v>
      </c>
      <c r="AS21" s="181">
        <v>0</v>
      </c>
      <c r="AT21" s="179">
        <v>24</v>
      </c>
      <c r="AU21" s="180">
        <v>69</v>
      </c>
      <c r="AV21" s="180">
        <v>113</v>
      </c>
      <c r="AW21" s="180">
        <v>112</v>
      </c>
      <c r="AX21" s="178">
        <v>68</v>
      </c>
      <c r="AY21" s="181">
        <v>386</v>
      </c>
      <c r="AZ21" s="182">
        <v>386</v>
      </c>
      <c r="BA21" s="177">
        <v>0</v>
      </c>
      <c r="BB21" s="178">
        <v>0</v>
      </c>
      <c r="BC21" s="178">
        <v>0</v>
      </c>
      <c r="BD21" s="179">
        <v>0</v>
      </c>
      <c r="BE21" s="180">
        <v>1</v>
      </c>
      <c r="BF21" s="180">
        <v>2</v>
      </c>
      <c r="BG21" s="180">
        <v>1</v>
      </c>
      <c r="BH21" s="178">
        <v>4</v>
      </c>
      <c r="BI21" s="181">
        <v>8</v>
      </c>
      <c r="BJ21" s="183">
        <v>8</v>
      </c>
      <c r="BK21" s="184">
        <v>0</v>
      </c>
      <c r="BL21" s="178">
        <v>0</v>
      </c>
      <c r="BM21" s="178">
        <v>0</v>
      </c>
      <c r="BN21" s="179">
        <v>0</v>
      </c>
      <c r="BO21" s="180">
        <v>0</v>
      </c>
      <c r="BP21" s="180">
        <v>0</v>
      </c>
      <c r="BQ21" s="180">
        <v>1</v>
      </c>
      <c r="BR21" s="178">
        <v>0</v>
      </c>
      <c r="BS21" s="181">
        <v>1</v>
      </c>
      <c r="BT21" s="182">
        <v>1</v>
      </c>
      <c r="BU21" s="177">
        <v>0</v>
      </c>
      <c r="BV21" s="178">
        <v>0</v>
      </c>
      <c r="BW21" s="178">
        <v>0</v>
      </c>
      <c r="BX21" s="179">
        <v>0</v>
      </c>
      <c r="BY21" s="180">
        <v>0</v>
      </c>
      <c r="BZ21" s="180">
        <v>0</v>
      </c>
      <c r="CA21" s="180">
        <v>1</v>
      </c>
      <c r="CB21" s="178">
        <v>0</v>
      </c>
      <c r="CC21" s="181">
        <v>1</v>
      </c>
      <c r="CD21" s="183">
        <v>1</v>
      </c>
      <c r="CE21" s="184">
        <v>0</v>
      </c>
      <c r="CF21" s="178">
        <v>0</v>
      </c>
      <c r="CG21" s="178">
        <v>0</v>
      </c>
      <c r="CH21" s="179">
        <v>0</v>
      </c>
      <c r="CI21" s="180">
        <v>0</v>
      </c>
      <c r="CJ21" s="180">
        <v>0</v>
      </c>
      <c r="CK21" s="180">
        <v>0</v>
      </c>
      <c r="CL21" s="178">
        <v>0</v>
      </c>
      <c r="CM21" s="181">
        <v>0</v>
      </c>
      <c r="CN21" s="183">
        <v>0</v>
      </c>
      <c r="CO21" s="184">
        <v>0</v>
      </c>
      <c r="CP21" s="178">
        <v>0</v>
      </c>
      <c r="CQ21" s="178">
        <v>0</v>
      </c>
      <c r="CR21" s="179">
        <v>0</v>
      </c>
      <c r="CS21" s="180">
        <v>0</v>
      </c>
      <c r="CT21" s="180">
        <v>2</v>
      </c>
      <c r="CU21" s="180">
        <v>13</v>
      </c>
      <c r="CV21" s="178">
        <v>17</v>
      </c>
      <c r="CW21" s="181">
        <v>32</v>
      </c>
      <c r="CX21" s="182">
        <v>32</v>
      </c>
      <c r="CY21" s="177">
        <v>0</v>
      </c>
      <c r="CZ21" s="178">
        <v>0</v>
      </c>
      <c r="DA21" s="178">
        <v>0</v>
      </c>
      <c r="DB21" s="179">
        <v>0</v>
      </c>
      <c r="DC21" s="180">
        <v>0</v>
      </c>
      <c r="DD21" s="180">
        <v>2</v>
      </c>
      <c r="DE21" s="180">
        <v>12</v>
      </c>
      <c r="DF21" s="178">
        <v>17</v>
      </c>
      <c r="DG21" s="181">
        <v>31</v>
      </c>
      <c r="DH21" s="183">
        <v>31</v>
      </c>
      <c r="DI21" s="184">
        <v>0</v>
      </c>
      <c r="DJ21" s="178">
        <v>0</v>
      </c>
      <c r="DK21" s="178">
        <v>0</v>
      </c>
      <c r="DL21" s="179">
        <v>0</v>
      </c>
      <c r="DM21" s="180">
        <v>0</v>
      </c>
      <c r="DN21" s="180">
        <v>0</v>
      </c>
      <c r="DO21" s="180">
        <v>1</v>
      </c>
      <c r="DP21" s="178">
        <v>0</v>
      </c>
      <c r="DQ21" s="181">
        <v>1</v>
      </c>
      <c r="DR21" s="183">
        <v>1</v>
      </c>
      <c r="DS21" s="184">
        <v>0</v>
      </c>
      <c r="DT21" s="178">
        <v>0</v>
      </c>
      <c r="DU21" s="178">
        <v>0</v>
      </c>
      <c r="DV21" s="179">
        <v>30</v>
      </c>
      <c r="DW21" s="180">
        <v>83</v>
      </c>
      <c r="DX21" s="180">
        <v>309</v>
      </c>
      <c r="DY21" s="180">
        <v>535</v>
      </c>
      <c r="DZ21" s="178">
        <v>341</v>
      </c>
      <c r="EA21" s="181">
        <v>1298</v>
      </c>
      <c r="EB21" s="183">
        <v>1298</v>
      </c>
      <c r="EC21" s="32"/>
    </row>
    <row r="22" spans="2:133" ht="21" customHeight="1" x14ac:dyDescent="0.2">
      <c r="B22" s="437" t="s">
        <v>19</v>
      </c>
      <c r="C22" s="177">
        <v>0</v>
      </c>
      <c r="D22" s="178">
        <v>0</v>
      </c>
      <c r="E22" s="178">
        <v>0</v>
      </c>
      <c r="F22" s="179">
        <v>1</v>
      </c>
      <c r="G22" s="180">
        <v>7</v>
      </c>
      <c r="H22" s="180">
        <v>113</v>
      </c>
      <c r="I22" s="180">
        <v>115</v>
      </c>
      <c r="J22" s="178">
        <v>112</v>
      </c>
      <c r="K22" s="181">
        <v>348</v>
      </c>
      <c r="L22" s="182">
        <v>348</v>
      </c>
      <c r="M22" s="177">
        <v>0</v>
      </c>
      <c r="N22" s="178">
        <v>0</v>
      </c>
      <c r="O22" s="181">
        <v>0</v>
      </c>
      <c r="P22" s="179">
        <v>1</v>
      </c>
      <c r="Q22" s="180">
        <v>7</v>
      </c>
      <c r="R22" s="180">
        <v>112</v>
      </c>
      <c r="S22" s="180">
        <v>115</v>
      </c>
      <c r="T22" s="178">
        <v>112</v>
      </c>
      <c r="U22" s="181">
        <v>347</v>
      </c>
      <c r="V22" s="183">
        <v>347</v>
      </c>
      <c r="W22" s="184">
        <v>0</v>
      </c>
      <c r="X22" s="178">
        <v>0</v>
      </c>
      <c r="Y22" s="181">
        <v>0</v>
      </c>
      <c r="Z22" s="184">
        <v>0</v>
      </c>
      <c r="AA22" s="180">
        <v>0</v>
      </c>
      <c r="AB22" s="180">
        <v>1</v>
      </c>
      <c r="AC22" s="180">
        <v>0</v>
      </c>
      <c r="AD22" s="178">
        <v>0</v>
      </c>
      <c r="AE22" s="181">
        <v>1</v>
      </c>
      <c r="AF22" s="185">
        <v>1</v>
      </c>
      <c r="AG22" s="184">
        <v>0</v>
      </c>
      <c r="AH22" s="178">
        <v>0</v>
      </c>
      <c r="AI22" s="181">
        <v>0</v>
      </c>
      <c r="AJ22" s="184">
        <v>21</v>
      </c>
      <c r="AK22" s="180">
        <v>49</v>
      </c>
      <c r="AL22" s="180">
        <v>63</v>
      </c>
      <c r="AM22" s="180">
        <v>62</v>
      </c>
      <c r="AN22" s="178">
        <v>32</v>
      </c>
      <c r="AO22" s="181">
        <v>227</v>
      </c>
      <c r="AP22" s="185">
        <v>227</v>
      </c>
      <c r="AQ22" s="184">
        <v>0</v>
      </c>
      <c r="AR22" s="178">
        <v>0</v>
      </c>
      <c r="AS22" s="181">
        <v>0</v>
      </c>
      <c r="AT22" s="179">
        <v>21</v>
      </c>
      <c r="AU22" s="180">
        <v>49</v>
      </c>
      <c r="AV22" s="180">
        <v>63</v>
      </c>
      <c r="AW22" s="180">
        <v>60</v>
      </c>
      <c r="AX22" s="178">
        <v>30</v>
      </c>
      <c r="AY22" s="181">
        <v>223</v>
      </c>
      <c r="AZ22" s="182">
        <v>223</v>
      </c>
      <c r="BA22" s="177">
        <v>0</v>
      </c>
      <c r="BB22" s="178">
        <v>0</v>
      </c>
      <c r="BC22" s="178">
        <v>0</v>
      </c>
      <c r="BD22" s="179">
        <v>0</v>
      </c>
      <c r="BE22" s="180">
        <v>0</v>
      </c>
      <c r="BF22" s="180">
        <v>0</v>
      </c>
      <c r="BG22" s="180">
        <v>2</v>
      </c>
      <c r="BH22" s="178">
        <v>2</v>
      </c>
      <c r="BI22" s="181">
        <v>4</v>
      </c>
      <c r="BJ22" s="183">
        <v>4</v>
      </c>
      <c r="BK22" s="184">
        <v>0</v>
      </c>
      <c r="BL22" s="178">
        <v>0</v>
      </c>
      <c r="BM22" s="178">
        <v>0</v>
      </c>
      <c r="BN22" s="179">
        <v>0</v>
      </c>
      <c r="BO22" s="180">
        <v>0</v>
      </c>
      <c r="BP22" s="180">
        <v>0</v>
      </c>
      <c r="BQ22" s="180">
        <v>0</v>
      </c>
      <c r="BR22" s="178">
        <v>0</v>
      </c>
      <c r="BS22" s="181">
        <v>0</v>
      </c>
      <c r="BT22" s="182">
        <v>0</v>
      </c>
      <c r="BU22" s="177">
        <v>0</v>
      </c>
      <c r="BV22" s="178">
        <v>0</v>
      </c>
      <c r="BW22" s="178">
        <v>0</v>
      </c>
      <c r="BX22" s="179">
        <v>0</v>
      </c>
      <c r="BY22" s="180">
        <v>0</v>
      </c>
      <c r="BZ22" s="180">
        <v>0</v>
      </c>
      <c r="CA22" s="180">
        <v>0</v>
      </c>
      <c r="CB22" s="178">
        <v>0</v>
      </c>
      <c r="CC22" s="181">
        <v>0</v>
      </c>
      <c r="CD22" s="183">
        <v>0</v>
      </c>
      <c r="CE22" s="184">
        <v>0</v>
      </c>
      <c r="CF22" s="178">
        <v>0</v>
      </c>
      <c r="CG22" s="178">
        <v>0</v>
      </c>
      <c r="CH22" s="179">
        <v>0</v>
      </c>
      <c r="CI22" s="180">
        <v>0</v>
      </c>
      <c r="CJ22" s="180">
        <v>0</v>
      </c>
      <c r="CK22" s="180">
        <v>0</v>
      </c>
      <c r="CL22" s="178">
        <v>0</v>
      </c>
      <c r="CM22" s="181">
        <v>0</v>
      </c>
      <c r="CN22" s="183">
        <v>0</v>
      </c>
      <c r="CO22" s="184">
        <v>0</v>
      </c>
      <c r="CP22" s="178">
        <v>0</v>
      </c>
      <c r="CQ22" s="178">
        <v>0</v>
      </c>
      <c r="CR22" s="179">
        <v>0</v>
      </c>
      <c r="CS22" s="180">
        <v>0</v>
      </c>
      <c r="CT22" s="180">
        <v>0</v>
      </c>
      <c r="CU22" s="180">
        <v>4</v>
      </c>
      <c r="CV22" s="178">
        <v>7</v>
      </c>
      <c r="CW22" s="181">
        <v>11</v>
      </c>
      <c r="CX22" s="182">
        <v>11</v>
      </c>
      <c r="CY22" s="177">
        <v>0</v>
      </c>
      <c r="CZ22" s="178">
        <v>0</v>
      </c>
      <c r="DA22" s="178">
        <v>0</v>
      </c>
      <c r="DB22" s="179">
        <v>0</v>
      </c>
      <c r="DC22" s="180">
        <v>0</v>
      </c>
      <c r="DD22" s="180">
        <v>0</v>
      </c>
      <c r="DE22" s="180">
        <v>4</v>
      </c>
      <c r="DF22" s="178">
        <v>6</v>
      </c>
      <c r="DG22" s="181">
        <v>10</v>
      </c>
      <c r="DH22" s="183">
        <v>10</v>
      </c>
      <c r="DI22" s="184">
        <v>0</v>
      </c>
      <c r="DJ22" s="178">
        <v>0</v>
      </c>
      <c r="DK22" s="178">
        <v>0</v>
      </c>
      <c r="DL22" s="179">
        <v>0</v>
      </c>
      <c r="DM22" s="180">
        <v>0</v>
      </c>
      <c r="DN22" s="180">
        <v>0</v>
      </c>
      <c r="DO22" s="180">
        <v>0</v>
      </c>
      <c r="DP22" s="178">
        <v>1</v>
      </c>
      <c r="DQ22" s="181">
        <v>1</v>
      </c>
      <c r="DR22" s="183">
        <v>1</v>
      </c>
      <c r="DS22" s="184">
        <v>0</v>
      </c>
      <c r="DT22" s="178">
        <v>0</v>
      </c>
      <c r="DU22" s="178">
        <v>0</v>
      </c>
      <c r="DV22" s="179">
        <v>22</v>
      </c>
      <c r="DW22" s="180">
        <v>56</v>
      </c>
      <c r="DX22" s="180">
        <v>174</v>
      </c>
      <c r="DY22" s="180">
        <v>180</v>
      </c>
      <c r="DZ22" s="178">
        <v>151</v>
      </c>
      <c r="EA22" s="181">
        <v>583</v>
      </c>
      <c r="EB22" s="183">
        <v>583</v>
      </c>
      <c r="EC22" s="32"/>
    </row>
    <row r="23" spans="2:133" ht="21" customHeight="1" x14ac:dyDescent="0.2">
      <c r="B23" s="437" t="s">
        <v>20</v>
      </c>
      <c r="C23" s="177">
        <v>0</v>
      </c>
      <c r="D23" s="178">
        <v>0</v>
      </c>
      <c r="E23" s="178">
        <v>0</v>
      </c>
      <c r="F23" s="179">
        <v>4</v>
      </c>
      <c r="G23" s="180">
        <v>27</v>
      </c>
      <c r="H23" s="180">
        <v>132</v>
      </c>
      <c r="I23" s="180">
        <v>216</v>
      </c>
      <c r="J23" s="178">
        <v>94</v>
      </c>
      <c r="K23" s="181">
        <v>473</v>
      </c>
      <c r="L23" s="182">
        <v>473</v>
      </c>
      <c r="M23" s="177">
        <v>0</v>
      </c>
      <c r="N23" s="178">
        <v>0</v>
      </c>
      <c r="O23" s="181">
        <v>0</v>
      </c>
      <c r="P23" s="179">
        <v>4</v>
      </c>
      <c r="Q23" s="180">
        <v>27</v>
      </c>
      <c r="R23" s="180">
        <v>132</v>
      </c>
      <c r="S23" s="180">
        <v>214</v>
      </c>
      <c r="T23" s="178">
        <v>92</v>
      </c>
      <c r="U23" s="181">
        <v>469</v>
      </c>
      <c r="V23" s="183">
        <v>469</v>
      </c>
      <c r="W23" s="184">
        <v>0</v>
      </c>
      <c r="X23" s="178">
        <v>0</v>
      </c>
      <c r="Y23" s="181">
        <v>0</v>
      </c>
      <c r="Z23" s="184">
        <v>0</v>
      </c>
      <c r="AA23" s="180">
        <v>0</v>
      </c>
      <c r="AB23" s="180">
        <v>0</v>
      </c>
      <c r="AC23" s="180">
        <v>2</v>
      </c>
      <c r="AD23" s="178">
        <v>2</v>
      </c>
      <c r="AE23" s="181">
        <v>4</v>
      </c>
      <c r="AF23" s="185">
        <v>4</v>
      </c>
      <c r="AG23" s="184">
        <v>0</v>
      </c>
      <c r="AH23" s="178">
        <v>0</v>
      </c>
      <c r="AI23" s="181">
        <v>0</v>
      </c>
      <c r="AJ23" s="184">
        <v>19</v>
      </c>
      <c r="AK23" s="180">
        <v>36</v>
      </c>
      <c r="AL23" s="180">
        <v>38</v>
      </c>
      <c r="AM23" s="180">
        <v>58</v>
      </c>
      <c r="AN23" s="178">
        <v>22</v>
      </c>
      <c r="AO23" s="181">
        <v>173</v>
      </c>
      <c r="AP23" s="185">
        <v>173</v>
      </c>
      <c r="AQ23" s="184">
        <v>0</v>
      </c>
      <c r="AR23" s="178">
        <v>0</v>
      </c>
      <c r="AS23" s="181">
        <v>0</v>
      </c>
      <c r="AT23" s="179">
        <v>18</v>
      </c>
      <c r="AU23" s="180">
        <v>36</v>
      </c>
      <c r="AV23" s="180">
        <v>38</v>
      </c>
      <c r="AW23" s="180">
        <v>58</v>
      </c>
      <c r="AX23" s="178">
        <v>22</v>
      </c>
      <c r="AY23" s="181">
        <v>172</v>
      </c>
      <c r="AZ23" s="182">
        <v>172</v>
      </c>
      <c r="BA23" s="177">
        <v>0</v>
      </c>
      <c r="BB23" s="178">
        <v>0</v>
      </c>
      <c r="BC23" s="178">
        <v>0</v>
      </c>
      <c r="BD23" s="179">
        <v>1</v>
      </c>
      <c r="BE23" s="180">
        <v>0</v>
      </c>
      <c r="BF23" s="180">
        <v>0</v>
      </c>
      <c r="BG23" s="180">
        <v>0</v>
      </c>
      <c r="BH23" s="178">
        <v>0</v>
      </c>
      <c r="BI23" s="181">
        <v>1</v>
      </c>
      <c r="BJ23" s="183">
        <v>1</v>
      </c>
      <c r="BK23" s="184">
        <v>0</v>
      </c>
      <c r="BL23" s="178">
        <v>0</v>
      </c>
      <c r="BM23" s="178">
        <v>0</v>
      </c>
      <c r="BN23" s="179">
        <v>0</v>
      </c>
      <c r="BO23" s="180">
        <v>0</v>
      </c>
      <c r="BP23" s="180">
        <v>0</v>
      </c>
      <c r="BQ23" s="180">
        <v>2</v>
      </c>
      <c r="BR23" s="178">
        <v>0</v>
      </c>
      <c r="BS23" s="181">
        <v>2</v>
      </c>
      <c r="BT23" s="182">
        <v>2</v>
      </c>
      <c r="BU23" s="177">
        <v>0</v>
      </c>
      <c r="BV23" s="178">
        <v>0</v>
      </c>
      <c r="BW23" s="178">
        <v>0</v>
      </c>
      <c r="BX23" s="179">
        <v>0</v>
      </c>
      <c r="BY23" s="180">
        <v>0</v>
      </c>
      <c r="BZ23" s="180">
        <v>0</v>
      </c>
      <c r="CA23" s="180">
        <v>2</v>
      </c>
      <c r="CB23" s="178">
        <v>0</v>
      </c>
      <c r="CC23" s="181">
        <v>2</v>
      </c>
      <c r="CD23" s="183">
        <v>2</v>
      </c>
      <c r="CE23" s="184">
        <v>0</v>
      </c>
      <c r="CF23" s="178">
        <v>0</v>
      </c>
      <c r="CG23" s="178">
        <v>0</v>
      </c>
      <c r="CH23" s="179">
        <v>0</v>
      </c>
      <c r="CI23" s="180">
        <v>0</v>
      </c>
      <c r="CJ23" s="180">
        <v>0</v>
      </c>
      <c r="CK23" s="180">
        <v>0</v>
      </c>
      <c r="CL23" s="178">
        <v>0</v>
      </c>
      <c r="CM23" s="181">
        <v>0</v>
      </c>
      <c r="CN23" s="183">
        <v>0</v>
      </c>
      <c r="CO23" s="184">
        <v>0</v>
      </c>
      <c r="CP23" s="178">
        <v>0</v>
      </c>
      <c r="CQ23" s="178">
        <v>0</v>
      </c>
      <c r="CR23" s="179">
        <v>0</v>
      </c>
      <c r="CS23" s="180">
        <v>0</v>
      </c>
      <c r="CT23" s="180">
        <v>0</v>
      </c>
      <c r="CU23" s="180">
        <v>2</v>
      </c>
      <c r="CV23" s="178">
        <v>4</v>
      </c>
      <c r="CW23" s="181">
        <v>6</v>
      </c>
      <c r="CX23" s="182">
        <v>6</v>
      </c>
      <c r="CY23" s="177">
        <v>0</v>
      </c>
      <c r="CZ23" s="178">
        <v>0</v>
      </c>
      <c r="DA23" s="178">
        <v>0</v>
      </c>
      <c r="DB23" s="179">
        <v>0</v>
      </c>
      <c r="DC23" s="180">
        <v>0</v>
      </c>
      <c r="DD23" s="180">
        <v>0</v>
      </c>
      <c r="DE23" s="180">
        <v>2</v>
      </c>
      <c r="DF23" s="178">
        <v>4</v>
      </c>
      <c r="DG23" s="181">
        <v>6</v>
      </c>
      <c r="DH23" s="183">
        <v>6</v>
      </c>
      <c r="DI23" s="184">
        <v>0</v>
      </c>
      <c r="DJ23" s="178">
        <v>0</v>
      </c>
      <c r="DK23" s="178">
        <v>0</v>
      </c>
      <c r="DL23" s="179">
        <v>0</v>
      </c>
      <c r="DM23" s="180">
        <v>0</v>
      </c>
      <c r="DN23" s="180">
        <v>0</v>
      </c>
      <c r="DO23" s="180">
        <v>0</v>
      </c>
      <c r="DP23" s="178">
        <v>0</v>
      </c>
      <c r="DQ23" s="181">
        <v>0</v>
      </c>
      <c r="DR23" s="183">
        <v>0</v>
      </c>
      <c r="DS23" s="184">
        <v>0</v>
      </c>
      <c r="DT23" s="178">
        <v>0</v>
      </c>
      <c r="DU23" s="178">
        <v>0</v>
      </c>
      <c r="DV23" s="179">
        <v>23</v>
      </c>
      <c r="DW23" s="180">
        <v>63</v>
      </c>
      <c r="DX23" s="180">
        <v>170</v>
      </c>
      <c r="DY23" s="180">
        <v>277</v>
      </c>
      <c r="DZ23" s="178">
        <v>120</v>
      </c>
      <c r="EA23" s="181">
        <v>653</v>
      </c>
      <c r="EB23" s="183">
        <v>653</v>
      </c>
      <c r="EC23" s="32"/>
    </row>
    <row r="24" spans="2:133" ht="21" customHeight="1" x14ac:dyDescent="0.2">
      <c r="B24" s="437" t="s">
        <v>21</v>
      </c>
      <c r="C24" s="177">
        <v>0</v>
      </c>
      <c r="D24" s="178">
        <v>0</v>
      </c>
      <c r="E24" s="178">
        <v>0</v>
      </c>
      <c r="F24" s="179">
        <v>4</v>
      </c>
      <c r="G24" s="180">
        <v>12</v>
      </c>
      <c r="H24" s="180">
        <v>170</v>
      </c>
      <c r="I24" s="180">
        <v>197</v>
      </c>
      <c r="J24" s="178">
        <v>146</v>
      </c>
      <c r="K24" s="181">
        <v>529</v>
      </c>
      <c r="L24" s="182">
        <v>529</v>
      </c>
      <c r="M24" s="177">
        <v>0</v>
      </c>
      <c r="N24" s="178">
        <v>0</v>
      </c>
      <c r="O24" s="181">
        <v>0</v>
      </c>
      <c r="P24" s="179">
        <v>3</v>
      </c>
      <c r="Q24" s="180">
        <v>12</v>
      </c>
      <c r="R24" s="180">
        <v>168</v>
      </c>
      <c r="S24" s="180">
        <v>197</v>
      </c>
      <c r="T24" s="178">
        <v>144</v>
      </c>
      <c r="U24" s="181">
        <v>524</v>
      </c>
      <c r="V24" s="183">
        <v>524</v>
      </c>
      <c r="W24" s="184">
        <v>0</v>
      </c>
      <c r="X24" s="178">
        <v>0</v>
      </c>
      <c r="Y24" s="181">
        <v>0</v>
      </c>
      <c r="Z24" s="184">
        <v>1</v>
      </c>
      <c r="AA24" s="180">
        <v>0</v>
      </c>
      <c r="AB24" s="180">
        <v>2</v>
      </c>
      <c r="AC24" s="180">
        <v>0</v>
      </c>
      <c r="AD24" s="178">
        <v>2</v>
      </c>
      <c r="AE24" s="181">
        <v>5</v>
      </c>
      <c r="AF24" s="185">
        <v>5</v>
      </c>
      <c r="AG24" s="184">
        <v>0</v>
      </c>
      <c r="AH24" s="178">
        <v>0</v>
      </c>
      <c r="AI24" s="181">
        <v>0</v>
      </c>
      <c r="AJ24" s="184">
        <v>22</v>
      </c>
      <c r="AK24" s="180">
        <v>26</v>
      </c>
      <c r="AL24" s="180">
        <v>50</v>
      </c>
      <c r="AM24" s="180">
        <v>47</v>
      </c>
      <c r="AN24" s="178">
        <v>24</v>
      </c>
      <c r="AO24" s="181">
        <v>169</v>
      </c>
      <c r="AP24" s="185">
        <v>169</v>
      </c>
      <c r="AQ24" s="184">
        <v>0</v>
      </c>
      <c r="AR24" s="178">
        <v>0</v>
      </c>
      <c r="AS24" s="181">
        <v>0</v>
      </c>
      <c r="AT24" s="179">
        <v>22</v>
      </c>
      <c r="AU24" s="180">
        <v>26</v>
      </c>
      <c r="AV24" s="180">
        <v>49</v>
      </c>
      <c r="AW24" s="180">
        <v>44</v>
      </c>
      <c r="AX24" s="178">
        <v>22</v>
      </c>
      <c r="AY24" s="181">
        <v>163</v>
      </c>
      <c r="AZ24" s="182">
        <v>163</v>
      </c>
      <c r="BA24" s="177">
        <v>0</v>
      </c>
      <c r="BB24" s="178">
        <v>0</v>
      </c>
      <c r="BC24" s="178">
        <v>0</v>
      </c>
      <c r="BD24" s="179">
        <v>0</v>
      </c>
      <c r="BE24" s="180">
        <v>0</v>
      </c>
      <c r="BF24" s="180">
        <v>1</v>
      </c>
      <c r="BG24" s="180">
        <v>3</v>
      </c>
      <c r="BH24" s="178">
        <v>2</v>
      </c>
      <c r="BI24" s="181">
        <v>6</v>
      </c>
      <c r="BJ24" s="183">
        <v>6</v>
      </c>
      <c r="BK24" s="184">
        <v>0</v>
      </c>
      <c r="BL24" s="178">
        <v>0</v>
      </c>
      <c r="BM24" s="178">
        <v>0</v>
      </c>
      <c r="BN24" s="179">
        <v>0</v>
      </c>
      <c r="BO24" s="180">
        <v>0</v>
      </c>
      <c r="BP24" s="180">
        <v>0</v>
      </c>
      <c r="BQ24" s="180">
        <v>1</v>
      </c>
      <c r="BR24" s="178">
        <v>3</v>
      </c>
      <c r="BS24" s="181">
        <v>4</v>
      </c>
      <c r="BT24" s="182">
        <v>4</v>
      </c>
      <c r="BU24" s="177">
        <v>0</v>
      </c>
      <c r="BV24" s="178">
        <v>0</v>
      </c>
      <c r="BW24" s="178">
        <v>0</v>
      </c>
      <c r="BX24" s="179">
        <v>0</v>
      </c>
      <c r="BY24" s="180">
        <v>0</v>
      </c>
      <c r="BZ24" s="180">
        <v>0</v>
      </c>
      <c r="CA24" s="180">
        <v>1</v>
      </c>
      <c r="CB24" s="178">
        <v>3</v>
      </c>
      <c r="CC24" s="181">
        <v>4</v>
      </c>
      <c r="CD24" s="183">
        <v>4</v>
      </c>
      <c r="CE24" s="184">
        <v>0</v>
      </c>
      <c r="CF24" s="178">
        <v>0</v>
      </c>
      <c r="CG24" s="178">
        <v>0</v>
      </c>
      <c r="CH24" s="179">
        <v>0</v>
      </c>
      <c r="CI24" s="180">
        <v>0</v>
      </c>
      <c r="CJ24" s="180">
        <v>0</v>
      </c>
      <c r="CK24" s="180">
        <v>0</v>
      </c>
      <c r="CL24" s="178">
        <v>0</v>
      </c>
      <c r="CM24" s="181">
        <v>0</v>
      </c>
      <c r="CN24" s="183">
        <v>0</v>
      </c>
      <c r="CO24" s="184">
        <v>0</v>
      </c>
      <c r="CP24" s="178">
        <v>0</v>
      </c>
      <c r="CQ24" s="178">
        <v>0</v>
      </c>
      <c r="CR24" s="179">
        <v>0</v>
      </c>
      <c r="CS24" s="180">
        <v>0</v>
      </c>
      <c r="CT24" s="180">
        <v>1</v>
      </c>
      <c r="CU24" s="180">
        <v>11</v>
      </c>
      <c r="CV24" s="178">
        <v>18</v>
      </c>
      <c r="CW24" s="181">
        <v>30</v>
      </c>
      <c r="CX24" s="182">
        <v>30</v>
      </c>
      <c r="CY24" s="177">
        <v>0</v>
      </c>
      <c r="CZ24" s="178">
        <v>0</v>
      </c>
      <c r="DA24" s="178">
        <v>0</v>
      </c>
      <c r="DB24" s="179">
        <v>0</v>
      </c>
      <c r="DC24" s="180">
        <v>0</v>
      </c>
      <c r="DD24" s="180">
        <v>1</v>
      </c>
      <c r="DE24" s="180">
        <v>11</v>
      </c>
      <c r="DF24" s="178">
        <v>18</v>
      </c>
      <c r="DG24" s="181">
        <v>30</v>
      </c>
      <c r="DH24" s="183">
        <v>30</v>
      </c>
      <c r="DI24" s="184">
        <v>0</v>
      </c>
      <c r="DJ24" s="178">
        <v>0</v>
      </c>
      <c r="DK24" s="178">
        <v>0</v>
      </c>
      <c r="DL24" s="179">
        <v>0</v>
      </c>
      <c r="DM24" s="180">
        <v>0</v>
      </c>
      <c r="DN24" s="180">
        <v>0</v>
      </c>
      <c r="DO24" s="180">
        <v>0</v>
      </c>
      <c r="DP24" s="178">
        <v>0</v>
      </c>
      <c r="DQ24" s="181">
        <v>0</v>
      </c>
      <c r="DR24" s="183">
        <v>0</v>
      </c>
      <c r="DS24" s="184">
        <v>0</v>
      </c>
      <c r="DT24" s="178">
        <v>0</v>
      </c>
      <c r="DU24" s="178">
        <v>0</v>
      </c>
      <c r="DV24" s="179">
        <v>26</v>
      </c>
      <c r="DW24" s="180">
        <v>38</v>
      </c>
      <c r="DX24" s="180">
        <v>221</v>
      </c>
      <c r="DY24" s="180">
        <v>256</v>
      </c>
      <c r="DZ24" s="178">
        <v>191</v>
      </c>
      <c r="EA24" s="181">
        <v>732</v>
      </c>
      <c r="EB24" s="183">
        <v>732</v>
      </c>
      <c r="EC24" s="32"/>
    </row>
    <row r="25" spans="2:133" ht="21" customHeight="1" x14ac:dyDescent="0.2">
      <c r="B25" s="437" t="s">
        <v>22</v>
      </c>
      <c r="C25" s="177">
        <v>0</v>
      </c>
      <c r="D25" s="178">
        <v>0</v>
      </c>
      <c r="E25" s="178">
        <v>0</v>
      </c>
      <c r="F25" s="179">
        <v>3</v>
      </c>
      <c r="G25" s="180">
        <v>5</v>
      </c>
      <c r="H25" s="180">
        <v>55</v>
      </c>
      <c r="I25" s="180">
        <v>66</v>
      </c>
      <c r="J25" s="178">
        <v>35</v>
      </c>
      <c r="K25" s="181">
        <v>164</v>
      </c>
      <c r="L25" s="182">
        <v>164</v>
      </c>
      <c r="M25" s="177">
        <v>0</v>
      </c>
      <c r="N25" s="178">
        <v>0</v>
      </c>
      <c r="O25" s="181">
        <v>0</v>
      </c>
      <c r="P25" s="179">
        <v>3</v>
      </c>
      <c r="Q25" s="180">
        <v>5</v>
      </c>
      <c r="R25" s="180">
        <v>55</v>
      </c>
      <c r="S25" s="180">
        <v>66</v>
      </c>
      <c r="T25" s="178">
        <v>34</v>
      </c>
      <c r="U25" s="181">
        <v>163</v>
      </c>
      <c r="V25" s="183">
        <v>163</v>
      </c>
      <c r="W25" s="184">
        <v>0</v>
      </c>
      <c r="X25" s="178">
        <v>0</v>
      </c>
      <c r="Y25" s="181">
        <v>0</v>
      </c>
      <c r="Z25" s="184">
        <v>0</v>
      </c>
      <c r="AA25" s="180">
        <v>0</v>
      </c>
      <c r="AB25" s="180">
        <v>0</v>
      </c>
      <c r="AC25" s="180">
        <v>0</v>
      </c>
      <c r="AD25" s="178">
        <v>1</v>
      </c>
      <c r="AE25" s="181">
        <v>1</v>
      </c>
      <c r="AF25" s="185">
        <v>1</v>
      </c>
      <c r="AG25" s="184">
        <v>0</v>
      </c>
      <c r="AH25" s="178">
        <v>0</v>
      </c>
      <c r="AI25" s="181">
        <v>0</v>
      </c>
      <c r="AJ25" s="184">
        <v>12</v>
      </c>
      <c r="AK25" s="180">
        <v>28</v>
      </c>
      <c r="AL25" s="180">
        <v>23</v>
      </c>
      <c r="AM25" s="180">
        <v>39</v>
      </c>
      <c r="AN25" s="178">
        <v>18</v>
      </c>
      <c r="AO25" s="181">
        <v>120</v>
      </c>
      <c r="AP25" s="185">
        <v>120</v>
      </c>
      <c r="AQ25" s="184">
        <v>0</v>
      </c>
      <c r="AR25" s="178">
        <v>0</v>
      </c>
      <c r="AS25" s="181">
        <v>0</v>
      </c>
      <c r="AT25" s="179">
        <v>12</v>
      </c>
      <c r="AU25" s="180">
        <v>28</v>
      </c>
      <c r="AV25" s="180">
        <v>23</v>
      </c>
      <c r="AW25" s="180">
        <v>39</v>
      </c>
      <c r="AX25" s="178">
        <v>18</v>
      </c>
      <c r="AY25" s="181">
        <v>120</v>
      </c>
      <c r="AZ25" s="182">
        <v>120</v>
      </c>
      <c r="BA25" s="177">
        <v>0</v>
      </c>
      <c r="BB25" s="178">
        <v>0</v>
      </c>
      <c r="BC25" s="178">
        <v>0</v>
      </c>
      <c r="BD25" s="179">
        <v>0</v>
      </c>
      <c r="BE25" s="180">
        <v>0</v>
      </c>
      <c r="BF25" s="180">
        <v>0</v>
      </c>
      <c r="BG25" s="180">
        <v>0</v>
      </c>
      <c r="BH25" s="178">
        <v>0</v>
      </c>
      <c r="BI25" s="181">
        <v>0</v>
      </c>
      <c r="BJ25" s="183">
        <v>0</v>
      </c>
      <c r="BK25" s="184">
        <v>0</v>
      </c>
      <c r="BL25" s="178">
        <v>0</v>
      </c>
      <c r="BM25" s="178">
        <v>0</v>
      </c>
      <c r="BN25" s="179">
        <v>0</v>
      </c>
      <c r="BO25" s="180">
        <v>0</v>
      </c>
      <c r="BP25" s="180">
        <v>0</v>
      </c>
      <c r="BQ25" s="180">
        <v>0</v>
      </c>
      <c r="BR25" s="178">
        <v>0</v>
      </c>
      <c r="BS25" s="181">
        <v>0</v>
      </c>
      <c r="BT25" s="182">
        <v>0</v>
      </c>
      <c r="BU25" s="177">
        <v>0</v>
      </c>
      <c r="BV25" s="178">
        <v>0</v>
      </c>
      <c r="BW25" s="178">
        <v>0</v>
      </c>
      <c r="BX25" s="179">
        <v>0</v>
      </c>
      <c r="BY25" s="180">
        <v>0</v>
      </c>
      <c r="BZ25" s="180">
        <v>0</v>
      </c>
      <c r="CA25" s="180">
        <v>0</v>
      </c>
      <c r="CB25" s="178">
        <v>0</v>
      </c>
      <c r="CC25" s="181">
        <v>0</v>
      </c>
      <c r="CD25" s="183">
        <v>0</v>
      </c>
      <c r="CE25" s="184">
        <v>0</v>
      </c>
      <c r="CF25" s="178">
        <v>0</v>
      </c>
      <c r="CG25" s="178">
        <v>0</v>
      </c>
      <c r="CH25" s="179">
        <v>0</v>
      </c>
      <c r="CI25" s="180">
        <v>0</v>
      </c>
      <c r="CJ25" s="180">
        <v>0</v>
      </c>
      <c r="CK25" s="180">
        <v>0</v>
      </c>
      <c r="CL25" s="178">
        <v>0</v>
      </c>
      <c r="CM25" s="181">
        <v>0</v>
      </c>
      <c r="CN25" s="183">
        <v>0</v>
      </c>
      <c r="CO25" s="184">
        <v>0</v>
      </c>
      <c r="CP25" s="178">
        <v>0</v>
      </c>
      <c r="CQ25" s="178">
        <v>0</v>
      </c>
      <c r="CR25" s="179">
        <v>0</v>
      </c>
      <c r="CS25" s="180">
        <v>0</v>
      </c>
      <c r="CT25" s="180">
        <v>0</v>
      </c>
      <c r="CU25" s="180">
        <v>8</v>
      </c>
      <c r="CV25" s="178">
        <v>3</v>
      </c>
      <c r="CW25" s="181">
        <v>11</v>
      </c>
      <c r="CX25" s="182">
        <v>11</v>
      </c>
      <c r="CY25" s="177">
        <v>0</v>
      </c>
      <c r="CZ25" s="178">
        <v>0</v>
      </c>
      <c r="DA25" s="178">
        <v>0</v>
      </c>
      <c r="DB25" s="179">
        <v>0</v>
      </c>
      <c r="DC25" s="180">
        <v>0</v>
      </c>
      <c r="DD25" s="180">
        <v>0</v>
      </c>
      <c r="DE25" s="180">
        <v>8</v>
      </c>
      <c r="DF25" s="178">
        <v>1</v>
      </c>
      <c r="DG25" s="181">
        <v>9</v>
      </c>
      <c r="DH25" s="183">
        <v>9</v>
      </c>
      <c r="DI25" s="184">
        <v>0</v>
      </c>
      <c r="DJ25" s="178">
        <v>0</v>
      </c>
      <c r="DK25" s="178">
        <v>0</v>
      </c>
      <c r="DL25" s="179">
        <v>0</v>
      </c>
      <c r="DM25" s="180">
        <v>0</v>
      </c>
      <c r="DN25" s="180">
        <v>0</v>
      </c>
      <c r="DO25" s="180">
        <v>0</v>
      </c>
      <c r="DP25" s="178">
        <v>2</v>
      </c>
      <c r="DQ25" s="181">
        <v>2</v>
      </c>
      <c r="DR25" s="183">
        <v>2</v>
      </c>
      <c r="DS25" s="184">
        <v>0</v>
      </c>
      <c r="DT25" s="178">
        <v>0</v>
      </c>
      <c r="DU25" s="178">
        <v>0</v>
      </c>
      <c r="DV25" s="179">
        <v>15</v>
      </c>
      <c r="DW25" s="180">
        <v>33</v>
      </c>
      <c r="DX25" s="180">
        <v>78</v>
      </c>
      <c r="DY25" s="180">
        <v>113</v>
      </c>
      <c r="DZ25" s="178">
        <v>56</v>
      </c>
      <c r="EA25" s="181">
        <v>295</v>
      </c>
      <c r="EB25" s="183">
        <v>295</v>
      </c>
      <c r="EC25" s="32"/>
    </row>
    <row r="26" spans="2:133" ht="21" customHeight="1" x14ac:dyDescent="0.2">
      <c r="B26" s="437" t="s">
        <v>23</v>
      </c>
      <c r="C26" s="177">
        <v>0</v>
      </c>
      <c r="D26" s="178">
        <v>0</v>
      </c>
      <c r="E26" s="178">
        <v>0</v>
      </c>
      <c r="F26" s="179">
        <v>2</v>
      </c>
      <c r="G26" s="180">
        <v>12</v>
      </c>
      <c r="H26" s="180">
        <v>90</v>
      </c>
      <c r="I26" s="180">
        <v>129</v>
      </c>
      <c r="J26" s="178">
        <v>99</v>
      </c>
      <c r="K26" s="181">
        <v>332</v>
      </c>
      <c r="L26" s="182">
        <v>332</v>
      </c>
      <c r="M26" s="177">
        <v>0</v>
      </c>
      <c r="N26" s="178">
        <v>0</v>
      </c>
      <c r="O26" s="181">
        <v>0</v>
      </c>
      <c r="P26" s="179">
        <v>2</v>
      </c>
      <c r="Q26" s="180">
        <v>12</v>
      </c>
      <c r="R26" s="180">
        <v>90</v>
      </c>
      <c r="S26" s="180">
        <v>127</v>
      </c>
      <c r="T26" s="178">
        <v>99</v>
      </c>
      <c r="U26" s="181">
        <v>330</v>
      </c>
      <c r="V26" s="183">
        <v>330</v>
      </c>
      <c r="W26" s="184">
        <v>0</v>
      </c>
      <c r="X26" s="178">
        <v>0</v>
      </c>
      <c r="Y26" s="181">
        <v>0</v>
      </c>
      <c r="Z26" s="184">
        <v>0</v>
      </c>
      <c r="AA26" s="180">
        <v>0</v>
      </c>
      <c r="AB26" s="180">
        <v>0</v>
      </c>
      <c r="AC26" s="180">
        <v>2</v>
      </c>
      <c r="AD26" s="178">
        <v>0</v>
      </c>
      <c r="AE26" s="181">
        <v>2</v>
      </c>
      <c r="AF26" s="185">
        <v>2</v>
      </c>
      <c r="AG26" s="184">
        <v>0</v>
      </c>
      <c r="AH26" s="178">
        <v>0</v>
      </c>
      <c r="AI26" s="181">
        <v>0</v>
      </c>
      <c r="AJ26" s="184">
        <v>21</v>
      </c>
      <c r="AK26" s="180">
        <v>28</v>
      </c>
      <c r="AL26" s="180">
        <v>37</v>
      </c>
      <c r="AM26" s="180">
        <v>62</v>
      </c>
      <c r="AN26" s="178">
        <v>26</v>
      </c>
      <c r="AO26" s="181">
        <v>174</v>
      </c>
      <c r="AP26" s="185">
        <v>174</v>
      </c>
      <c r="AQ26" s="184">
        <v>0</v>
      </c>
      <c r="AR26" s="178">
        <v>0</v>
      </c>
      <c r="AS26" s="181">
        <v>0</v>
      </c>
      <c r="AT26" s="179">
        <v>21</v>
      </c>
      <c r="AU26" s="180">
        <v>28</v>
      </c>
      <c r="AV26" s="180">
        <v>37</v>
      </c>
      <c r="AW26" s="180">
        <v>62</v>
      </c>
      <c r="AX26" s="178">
        <v>25</v>
      </c>
      <c r="AY26" s="181">
        <v>173</v>
      </c>
      <c r="AZ26" s="182">
        <v>173</v>
      </c>
      <c r="BA26" s="177">
        <v>0</v>
      </c>
      <c r="BB26" s="178">
        <v>0</v>
      </c>
      <c r="BC26" s="178">
        <v>0</v>
      </c>
      <c r="BD26" s="179">
        <v>0</v>
      </c>
      <c r="BE26" s="180">
        <v>0</v>
      </c>
      <c r="BF26" s="180">
        <v>0</v>
      </c>
      <c r="BG26" s="180">
        <v>0</v>
      </c>
      <c r="BH26" s="178">
        <v>1</v>
      </c>
      <c r="BI26" s="181">
        <v>1</v>
      </c>
      <c r="BJ26" s="183">
        <v>1</v>
      </c>
      <c r="BK26" s="184">
        <v>0</v>
      </c>
      <c r="BL26" s="178">
        <v>0</v>
      </c>
      <c r="BM26" s="178">
        <v>0</v>
      </c>
      <c r="BN26" s="179">
        <v>0</v>
      </c>
      <c r="BO26" s="180">
        <v>0</v>
      </c>
      <c r="BP26" s="180">
        <v>0</v>
      </c>
      <c r="BQ26" s="180">
        <v>0</v>
      </c>
      <c r="BR26" s="178">
        <v>2</v>
      </c>
      <c r="BS26" s="181">
        <v>2</v>
      </c>
      <c r="BT26" s="182">
        <v>2</v>
      </c>
      <c r="BU26" s="177">
        <v>0</v>
      </c>
      <c r="BV26" s="178">
        <v>0</v>
      </c>
      <c r="BW26" s="178">
        <v>0</v>
      </c>
      <c r="BX26" s="179">
        <v>0</v>
      </c>
      <c r="BY26" s="180">
        <v>0</v>
      </c>
      <c r="BZ26" s="180">
        <v>0</v>
      </c>
      <c r="CA26" s="180">
        <v>0</v>
      </c>
      <c r="CB26" s="178">
        <v>2</v>
      </c>
      <c r="CC26" s="181">
        <v>2</v>
      </c>
      <c r="CD26" s="183">
        <v>2</v>
      </c>
      <c r="CE26" s="184">
        <v>0</v>
      </c>
      <c r="CF26" s="178">
        <v>0</v>
      </c>
      <c r="CG26" s="178">
        <v>0</v>
      </c>
      <c r="CH26" s="179">
        <v>0</v>
      </c>
      <c r="CI26" s="180">
        <v>0</v>
      </c>
      <c r="CJ26" s="180">
        <v>0</v>
      </c>
      <c r="CK26" s="180">
        <v>0</v>
      </c>
      <c r="CL26" s="178">
        <v>0</v>
      </c>
      <c r="CM26" s="181">
        <v>0</v>
      </c>
      <c r="CN26" s="183">
        <v>0</v>
      </c>
      <c r="CO26" s="184">
        <v>0</v>
      </c>
      <c r="CP26" s="178">
        <v>0</v>
      </c>
      <c r="CQ26" s="178">
        <v>0</v>
      </c>
      <c r="CR26" s="179">
        <v>0</v>
      </c>
      <c r="CS26" s="180">
        <v>0</v>
      </c>
      <c r="CT26" s="180">
        <v>0</v>
      </c>
      <c r="CU26" s="180">
        <v>4</v>
      </c>
      <c r="CV26" s="178">
        <v>9</v>
      </c>
      <c r="CW26" s="181">
        <v>13</v>
      </c>
      <c r="CX26" s="182">
        <v>13</v>
      </c>
      <c r="CY26" s="177">
        <v>0</v>
      </c>
      <c r="CZ26" s="178">
        <v>0</v>
      </c>
      <c r="DA26" s="178">
        <v>0</v>
      </c>
      <c r="DB26" s="179">
        <v>0</v>
      </c>
      <c r="DC26" s="180">
        <v>0</v>
      </c>
      <c r="DD26" s="180">
        <v>0</v>
      </c>
      <c r="DE26" s="180">
        <v>4</v>
      </c>
      <c r="DF26" s="178">
        <v>9</v>
      </c>
      <c r="DG26" s="181">
        <v>13</v>
      </c>
      <c r="DH26" s="183">
        <v>13</v>
      </c>
      <c r="DI26" s="184">
        <v>0</v>
      </c>
      <c r="DJ26" s="178">
        <v>0</v>
      </c>
      <c r="DK26" s="178">
        <v>0</v>
      </c>
      <c r="DL26" s="179">
        <v>0</v>
      </c>
      <c r="DM26" s="180">
        <v>0</v>
      </c>
      <c r="DN26" s="180">
        <v>0</v>
      </c>
      <c r="DO26" s="180">
        <v>0</v>
      </c>
      <c r="DP26" s="178">
        <v>0</v>
      </c>
      <c r="DQ26" s="181">
        <v>0</v>
      </c>
      <c r="DR26" s="183">
        <v>0</v>
      </c>
      <c r="DS26" s="184">
        <v>0</v>
      </c>
      <c r="DT26" s="178">
        <v>0</v>
      </c>
      <c r="DU26" s="178">
        <v>0</v>
      </c>
      <c r="DV26" s="179">
        <v>23</v>
      </c>
      <c r="DW26" s="180">
        <v>40</v>
      </c>
      <c r="DX26" s="180">
        <v>127</v>
      </c>
      <c r="DY26" s="180">
        <v>193</v>
      </c>
      <c r="DZ26" s="178">
        <v>136</v>
      </c>
      <c r="EA26" s="181">
        <v>519</v>
      </c>
      <c r="EB26" s="183">
        <v>519</v>
      </c>
      <c r="EC26" s="32"/>
    </row>
    <row r="27" spans="2:133" ht="21" customHeight="1" x14ac:dyDescent="0.2">
      <c r="B27" s="437" t="s">
        <v>24</v>
      </c>
      <c r="C27" s="177">
        <v>0</v>
      </c>
      <c r="D27" s="178">
        <v>0</v>
      </c>
      <c r="E27" s="178">
        <v>0</v>
      </c>
      <c r="F27" s="179">
        <v>0</v>
      </c>
      <c r="G27" s="180">
        <v>0</v>
      </c>
      <c r="H27" s="180">
        <v>28</v>
      </c>
      <c r="I27" s="180">
        <v>91</v>
      </c>
      <c r="J27" s="178">
        <v>54</v>
      </c>
      <c r="K27" s="181">
        <v>173</v>
      </c>
      <c r="L27" s="182">
        <v>173</v>
      </c>
      <c r="M27" s="177">
        <v>0</v>
      </c>
      <c r="N27" s="178">
        <v>0</v>
      </c>
      <c r="O27" s="181">
        <v>0</v>
      </c>
      <c r="P27" s="179">
        <v>0</v>
      </c>
      <c r="Q27" s="180">
        <v>0</v>
      </c>
      <c r="R27" s="180">
        <v>28</v>
      </c>
      <c r="S27" s="180">
        <v>91</v>
      </c>
      <c r="T27" s="178">
        <v>54</v>
      </c>
      <c r="U27" s="181">
        <v>173</v>
      </c>
      <c r="V27" s="183">
        <v>173</v>
      </c>
      <c r="W27" s="184">
        <v>0</v>
      </c>
      <c r="X27" s="178">
        <v>0</v>
      </c>
      <c r="Y27" s="181">
        <v>0</v>
      </c>
      <c r="Z27" s="184">
        <v>0</v>
      </c>
      <c r="AA27" s="180">
        <v>0</v>
      </c>
      <c r="AB27" s="180">
        <v>0</v>
      </c>
      <c r="AC27" s="180">
        <v>0</v>
      </c>
      <c r="AD27" s="178">
        <v>0</v>
      </c>
      <c r="AE27" s="181">
        <v>0</v>
      </c>
      <c r="AF27" s="185">
        <v>0</v>
      </c>
      <c r="AG27" s="184">
        <v>0</v>
      </c>
      <c r="AH27" s="178">
        <v>0</v>
      </c>
      <c r="AI27" s="181">
        <v>0</v>
      </c>
      <c r="AJ27" s="184">
        <v>16</v>
      </c>
      <c r="AK27" s="180">
        <v>10</v>
      </c>
      <c r="AL27" s="180">
        <v>22</v>
      </c>
      <c r="AM27" s="180">
        <v>26</v>
      </c>
      <c r="AN27" s="178">
        <v>11</v>
      </c>
      <c r="AO27" s="181">
        <v>85</v>
      </c>
      <c r="AP27" s="185">
        <v>85</v>
      </c>
      <c r="AQ27" s="184">
        <v>0</v>
      </c>
      <c r="AR27" s="178">
        <v>0</v>
      </c>
      <c r="AS27" s="181">
        <v>0</v>
      </c>
      <c r="AT27" s="179">
        <v>16</v>
      </c>
      <c r="AU27" s="180">
        <v>10</v>
      </c>
      <c r="AV27" s="180">
        <v>21</v>
      </c>
      <c r="AW27" s="180">
        <v>25</v>
      </c>
      <c r="AX27" s="178">
        <v>11</v>
      </c>
      <c r="AY27" s="181">
        <v>83</v>
      </c>
      <c r="AZ27" s="182">
        <v>83</v>
      </c>
      <c r="BA27" s="177">
        <v>0</v>
      </c>
      <c r="BB27" s="178">
        <v>0</v>
      </c>
      <c r="BC27" s="178">
        <v>0</v>
      </c>
      <c r="BD27" s="179">
        <v>0</v>
      </c>
      <c r="BE27" s="180">
        <v>0</v>
      </c>
      <c r="BF27" s="180">
        <v>1</v>
      </c>
      <c r="BG27" s="180">
        <v>1</v>
      </c>
      <c r="BH27" s="178">
        <v>0</v>
      </c>
      <c r="BI27" s="181">
        <v>2</v>
      </c>
      <c r="BJ27" s="183">
        <v>2</v>
      </c>
      <c r="BK27" s="184">
        <v>0</v>
      </c>
      <c r="BL27" s="178">
        <v>0</v>
      </c>
      <c r="BM27" s="178">
        <v>0</v>
      </c>
      <c r="BN27" s="179">
        <v>0</v>
      </c>
      <c r="BO27" s="180">
        <v>0</v>
      </c>
      <c r="BP27" s="180">
        <v>0</v>
      </c>
      <c r="BQ27" s="180">
        <v>0</v>
      </c>
      <c r="BR27" s="178">
        <v>0</v>
      </c>
      <c r="BS27" s="181">
        <v>0</v>
      </c>
      <c r="BT27" s="182">
        <v>0</v>
      </c>
      <c r="BU27" s="177">
        <v>0</v>
      </c>
      <c r="BV27" s="178">
        <v>0</v>
      </c>
      <c r="BW27" s="178">
        <v>0</v>
      </c>
      <c r="BX27" s="179">
        <v>0</v>
      </c>
      <c r="BY27" s="180">
        <v>0</v>
      </c>
      <c r="BZ27" s="180">
        <v>0</v>
      </c>
      <c r="CA27" s="180">
        <v>0</v>
      </c>
      <c r="CB27" s="178">
        <v>0</v>
      </c>
      <c r="CC27" s="181">
        <v>0</v>
      </c>
      <c r="CD27" s="183">
        <v>0</v>
      </c>
      <c r="CE27" s="184">
        <v>0</v>
      </c>
      <c r="CF27" s="178">
        <v>0</v>
      </c>
      <c r="CG27" s="178">
        <v>0</v>
      </c>
      <c r="CH27" s="179">
        <v>0</v>
      </c>
      <c r="CI27" s="180">
        <v>0</v>
      </c>
      <c r="CJ27" s="180">
        <v>0</v>
      </c>
      <c r="CK27" s="180">
        <v>0</v>
      </c>
      <c r="CL27" s="178">
        <v>0</v>
      </c>
      <c r="CM27" s="181">
        <v>0</v>
      </c>
      <c r="CN27" s="183">
        <v>0</v>
      </c>
      <c r="CO27" s="184">
        <v>0</v>
      </c>
      <c r="CP27" s="178">
        <v>0</v>
      </c>
      <c r="CQ27" s="178">
        <v>0</v>
      </c>
      <c r="CR27" s="179">
        <v>0</v>
      </c>
      <c r="CS27" s="180">
        <v>0</v>
      </c>
      <c r="CT27" s="180">
        <v>0</v>
      </c>
      <c r="CU27" s="180">
        <v>0</v>
      </c>
      <c r="CV27" s="178">
        <v>0</v>
      </c>
      <c r="CW27" s="181">
        <v>0</v>
      </c>
      <c r="CX27" s="182">
        <v>0</v>
      </c>
      <c r="CY27" s="177">
        <v>0</v>
      </c>
      <c r="CZ27" s="178">
        <v>0</v>
      </c>
      <c r="DA27" s="178">
        <v>0</v>
      </c>
      <c r="DB27" s="179">
        <v>0</v>
      </c>
      <c r="DC27" s="180">
        <v>0</v>
      </c>
      <c r="DD27" s="180">
        <v>0</v>
      </c>
      <c r="DE27" s="180">
        <v>0</v>
      </c>
      <c r="DF27" s="178">
        <v>0</v>
      </c>
      <c r="DG27" s="181">
        <v>0</v>
      </c>
      <c r="DH27" s="183">
        <v>0</v>
      </c>
      <c r="DI27" s="184">
        <v>0</v>
      </c>
      <c r="DJ27" s="178">
        <v>0</v>
      </c>
      <c r="DK27" s="178">
        <v>0</v>
      </c>
      <c r="DL27" s="179">
        <v>0</v>
      </c>
      <c r="DM27" s="180">
        <v>0</v>
      </c>
      <c r="DN27" s="180">
        <v>0</v>
      </c>
      <c r="DO27" s="180">
        <v>0</v>
      </c>
      <c r="DP27" s="178">
        <v>0</v>
      </c>
      <c r="DQ27" s="181">
        <v>0</v>
      </c>
      <c r="DR27" s="183">
        <v>0</v>
      </c>
      <c r="DS27" s="184">
        <v>0</v>
      </c>
      <c r="DT27" s="178">
        <v>0</v>
      </c>
      <c r="DU27" s="178">
        <v>0</v>
      </c>
      <c r="DV27" s="179">
        <v>16</v>
      </c>
      <c r="DW27" s="180">
        <v>10</v>
      </c>
      <c r="DX27" s="180">
        <v>50</v>
      </c>
      <c r="DY27" s="180">
        <v>116</v>
      </c>
      <c r="DZ27" s="178">
        <v>65</v>
      </c>
      <c r="EA27" s="181">
        <v>257</v>
      </c>
      <c r="EB27" s="183">
        <v>257</v>
      </c>
      <c r="EC27" s="32"/>
    </row>
    <row r="28" spans="2:133" ht="21" customHeight="1" x14ac:dyDescent="0.2">
      <c r="B28" s="437" t="s">
        <v>25</v>
      </c>
      <c r="C28" s="177">
        <v>0</v>
      </c>
      <c r="D28" s="178">
        <v>0</v>
      </c>
      <c r="E28" s="178">
        <v>0</v>
      </c>
      <c r="F28" s="179">
        <v>0</v>
      </c>
      <c r="G28" s="180">
        <v>4</v>
      </c>
      <c r="H28" s="180">
        <v>57</v>
      </c>
      <c r="I28" s="180">
        <v>82</v>
      </c>
      <c r="J28" s="178">
        <v>52</v>
      </c>
      <c r="K28" s="181">
        <v>195</v>
      </c>
      <c r="L28" s="182">
        <v>195</v>
      </c>
      <c r="M28" s="177">
        <v>0</v>
      </c>
      <c r="N28" s="178">
        <v>0</v>
      </c>
      <c r="O28" s="181">
        <v>0</v>
      </c>
      <c r="P28" s="179">
        <v>0</v>
      </c>
      <c r="Q28" s="180">
        <v>4</v>
      </c>
      <c r="R28" s="180">
        <v>57</v>
      </c>
      <c r="S28" s="180">
        <v>81</v>
      </c>
      <c r="T28" s="178">
        <v>47</v>
      </c>
      <c r="U28" s="181">
        <v>189</v>
      </c>
      <c r="V28" s="183">
        <v>189</v>
      </c>
      <c r="W28" s="184">
        <v>0</v>
      </c>
      <c r="X28" s="178">
        <v>0</v>
      </c>
      <c r="Y28" s="181">
        <v>0</v>
      </c>
      <c r="Z28" s="184">
        <v>0</v>
      </c>
      <c r="AA28" s="180">
        <v>0</v>
      </c>
      <c r="AB28" s="180">
        <v>0</v>
      </c>
      <c r="AC28" s="180">
        <v>1</v>
      </c>
      <c r="AD28" s="178">
        <v>5</v>
      </c>
      <c r="AE28" s="181">
        <v>6</v>
      </c>
      <c r="AF28" s="185">
        <v>6</v>
      </c>
      <c r="AG28" s="184">
        <v>0</v>
      </c>
      <c r="AH28" s="178">
        <v>0</v>
      </c>
      <c r="AI28" s="181">
        <v>0</v>
      </c>
      <c r="AJ28" s="184">
        <v>13</v>
      </c>
      <c r="AK28" s="180">
        <v>25</v>
      </c>
      <c r="AL28" s="180">
        <v>17</v>
      </c>
      <c r="AM28" s="180">
        <v>44</v>
      </c>
      <c r="AN28" s="178">
        <v>17</v>
      </c>
      <c r="AO28" s="181">
        <v>116</v>
      </c>
      <c r="AP28" s="185">
        <v>116</v>
      </c>
      <c r="AQ28" s="184">
        <v>0</v>
      </c>
      <c r="AR28" s="178">
        <v>0</v>
      </c>
      <c r="AS28" s="181">
        <v>0</v>
      </c>
      <c r="AT28" s="179">
        <v>13</v>
      </c>
      <c r="AU28" s="180">
        <v>25</v>
      </c>
      <c r="AV28" s="180">
        <v>17</v>
      </c>
      <c r="AW28" s="180">
        <v>43</v>
      </c>
      <c r="AX28" s="178">
        <v>17</v>
      </c>
      <c r="AY28" s="181">
        <v>115</v>
      </c>
      <c r="AZ28" s="182">
        <v>115</v>
      </c>
      <c r="BA28" s="177">
        <v>0</v>
      </c>
      <c r="BB28" s="178">
        <v>0</v>
      </c>
      <c r="BC28" s="178">
        <v>0</v>
      </c>
      <c r="BD28" s="179">
        <v>0</v>
      </c>
      <c r="BE28" s="180">
        <v>0</v>
      </c>
      <c r="BF28" s="180">
        <v>0</v>
      </c>
      <c r="BG28" s="180">
        <v>1</v>
      </c>
      <c r="BH28" s="178">
        <v>0</v>
      </c>
      <c r="BI28" s="181">
        <v>1</v>
      </c>
      <c r="BJ28" s="183">
        <v>1</v>
      </c>
      <c r="BK28" s="184">
        <v>0</v>
      </c>
      <c r="BL28" s="178">
        <v>0</v>
      </c>
      <c r="BM28" s="178">
        <v>0</v>
      </c>
      <c r="BN28" s="179">
        <v>0</v>
      </c>
      <c r="BO28" s="180">
        <v>0</v>
      </c>
      <c r="BP28" s="180">
        <v>0</v>
      </c>
      <c r="BQ28" s="180">
        <v>0</v>
      </c>
      <c r="BR28" s="178">
        <v>0</v>
      </c>
      <c r="BS28" s="181">
        <v>0</v>
      </c>
      <c r="BT28" s="182">
        <v>0</v>
      </c>
      <c r="BU28" s="177">
        <v>0</v>
      </c>
      <c r="BV28" s="178">
        <v>0</v>
      </c>
      <c r="BW28" s="178">
        <v>0</v>
      </c>
      <c r="BX28" s="179">
        <v>0</v>
      </c>
      <c r="BY28" s="180">
        <v>0</v>
      </c>
      <c r="BZ28" s="180">
        <v>0</v>
      </c>
      <c r="CA28" s="180">
        <v>0</v>
      </c>
      <c r="CB28" s="178">
        <v>0</v>
      </c>
      <c r="CC28" s="181">
        <v>0</v>
      </c>
      <c r="CD28" s="183">
        <v>0</v>
      </c>
      <c r="CE28" s="184">
        <v>0</v>
      </c>
      <c r="CF28" s="178">
        <v>0</v>
      </c>
      <c r="CG28" s="178">
        <v>0</v>
      </c>
      <c r="CH28" s="179">
        <v>0</v>
      </c>
      <c r="CI28" s="180">
        <v>0</v>
      </c>
      <c r="CJ28" s="180">
        <v>0</v>
      </c>
      <c r="CK28" s="180">
        <v>0</v>
      </c>
      <c r="CL28" s="178">
        <v>0</v>
      </c>
      <c r="CM28" s="181">
        <v>0</v>
      </c>
      <c r="CN28" s="183">
        <v>0</v>
      </c>
      <c r="CO28" s="184">
        <v>0</v>
      </c>
      <c r="CP28" s="178">
        <v>0</v>
      </c>
      <c r="CQ28" s="178">
        <v>0</v>
      </c>
      <c r="CR28" s="179">
        <v>0</v>
      </c>
      <c r="CS28" s="180">
        <v>0</v>
      </c>
      <c r="CT28" s="180">
        <v>0</v>
      </c>
      <c r="CU28" s="180">
        <v>0</v>
      </c>
      <c r="CV28" s="178">
        <v>3</v>
      </c>
      <c r="CW28" s="181">
        <v>3</v>
      </c>
      <c r="CX28" s="182">
        <v>3</v>
      </c>
      <c r="CY28" s="177">
        <v>0</v>
      </c>
      <c r="CZ28" s="178">
        <v>0</v>
      </c>
      <c r="DA28" s="178">
        <v>0</v>
      </c>
      <c r="DB28" s="179">
        <v>0</v>
      </c>
      <c r="DC28" s="180">
        <v>0</v>
      </c>
      <c r="DD28" s="180">
        <v>0</v>
      </c>
      <c r="DE28" s="180">
        <v>0</v>
      </c>
      <c r="DF28" s="178">
        <v>3</v>
      </c>
      <c r="DG28" s="181">
        <v>3</v>
      </c>
      <c r="DH28" s="183">
        <v>3</v>
      </c>
      <c r="DI28" s="184">
        <v>0</v>
      </c>
      <c r="DJ28" s="178">
        <v>0</v>
      </c>
      <c r="DK28" s="178">
        <v>0</v>
      </c>
      <c r="DL28" s="179">
        <v>0</v>
      </c>
      <c r="DM28" s="180">
        <v>0</v>
      </c>
      <c r="DN28" s="180">
        <v>0</v>
      </c>
      <c r="DO28" s="180">
        <v>0</v>
      </c>
      <c r="DP28" s="178">
        <v>0</v>
      </c>
      <c r="DQ28" s="181">
        <v>0</v>
      </c>
      <c r="DR28" s="183">
        <v>0</v>
      </c>
      <c r="DS28" s="184">
        <v>0</v>
      </c>
      <c r="DT28" s="178">
        <v>0</v>
      </c>
      <c r="DU28" s="178">
        <v>0</v>
      </c>
      <c r="DV28" s="179">
        <v>13</v>
      </c>
      <c r="DW28" s="180">
        <v>29</v>
      </c>
      <c r="DX28" s="180">
        <v>74</v>
      </c>
      <c r="DY28" s="180">
        <v>126</v>
      </c>
      <c r="DZ28" s="178">
        <v>71</v>
      </c>
      <c r="EA28" s="181">
        <v>313</v>
      </c>
      <c r="EB28" s="183">
        <v>313</v>
      </c>
      <c r="EC28" s="32"/>
    </row>
    <row r="29" spans="2:133" ht="21" customHeight="1" x14ac:dyDescent="0.2">
      <c r="B29" s="437" t="s">
        <v>26</v>
      </c>
      <c r="C29" s="177">
        <v>0</v>
      </c>
      <c r="D29" s="178">
        <v>0</v>
      </c>
      <c r="E29" s="178">
        <v>0</v>
      </c>
      <c r="F29" s="179">
        <v>2</v>
      </c>
      <c r="G29" s="180">
        <v>5</v>
      </c>
      <c r="H29" s="180">
        <v>34</v>
      </c>
      <c r="I29" s="180">
        <v>67</v>
      </c>
      <c r="J29" s="178">
        <v>48</v>
      </c>
      <c r="K29" s="181">
        <v>156</v>
      </c>
      <c r="L29" s="182">
        <v>156</v>
      </c>
      <c r="M29" s="177">
        <v>0</v>
      </c>
      <c r="N29" s="178">
        <v>0</v>
      </c>
      <c r="O29" s="181">
        <v>0</v>
      </c>
      <c r="P29" s="179">
        <v>2</v>
      </c>
      <c r="Q29" s="180">
        <v>5</v>
      </c>
      <c r="R29" s="180">
        <v>34</v>
      </c>
      <c r="S29" s="180">
        <v>65</v>
      </c>
      <c r="T29" s="178">
        <v>48</v>
      </c>
      <c r="U29" s="181">
        <v>154</v>
      </c>
      <c r="V29" s="183">
        <v>154</v>
      </c>
      <c r="W29" s="184">
        <v>0</v>
      </c>
      <c r="X29" s="178">
        <v>0</v>
      </c>
      <c r="Y29" s="181">
        <v>0</v>
      </c>
      <c r="Z29" s="184">
        <v>0</v>
      </c>
      <c r="AA29" s="180">
        <v>0</v>
      </c>
      <c r="AB29" s="180">
        <v>0</v>
      </c>
      <c r="AC29" s="180">
        <v>2</v>
      </c>
      <c r="AD29" s="178">
        <v>0</v>
      </c>
      <c r="AE29" s="181">
        <v>2</v>
      </c>
      <c r="AF29" s="185">
        <v>2</v>
      </c>
      <c r="AG29" s="184">
        <v>0</v>
      </c>
      <c r="AH29" s="178">
        <v>0</v>
      </c>
      <c r="AI29" s="181">
        <v>0</v>
      </c>
      <c r="AJ29" s="184">
        <v>5</v>
      </c>
      <c r="AK29" s="180">
        <v>18</v>
      </c>
      <c r="AL29" s="180">
        <v>29</v>
      </c>
      <c r="AM29" s="180">
        <v>18</v>
      </c>
      <c r="AN29" s="178">
        <v>13</v>
      </c>
      <c r="AO29" s="181">
        <v>83</v>
      </c>
      <c r="AP29" s="185">
        <v>83</v>
      </c>
      <c r="AQ29" s="184">
        <v>0</v>
      </c>
      <c r="AR29" s="178">
        <v>0</v>
      </c>
      <c r="AS29" s="181">
        <v>0</v>
      </c>
      <c r="AT29" s="179">
        <v>5</v>
      </c>
      <c r="AU29" s="180">
        <v>17</v>
      </c>
      <c r="AV29" s="180">
        <v>29</v>
      </c>
      <c r="AW29" s="180">
        <v>17</v>
      </c>
      <c r="AX29" s="178">
        <v>13</v>
      </c>
      <c r="AY29" s="181">
        <v>81</v>
      </c>
      <c r="AZ29" s="182">
        <v>81</v>
      </c>
      <c r="BA29" s="177">
        <v>0</v>
      </c>
      <c r="BB29" s="178">
        <v>0</v>
      </c>
      <c r="BC29" s="178">
        <v>0</v>
      </c>
      <c r="BD29" s="179">
        <v>0</v>
      </c>
      <c r="BE29" s="180">
        <v>1</v>
      </c>
      <c r="BF29" s="180">
        <v>0</v>
      </c>
      <c r="BG29" s="180">
        <v>1</v>
      </c>
      <c r="BH29" s="178">
        <v>0</v>
      </c>
      <c r="BI29" s="181">
        <v>2</v>
      </c>
      <c r="BJ29" s="183">
        <v>2</v>
      </c>
      <c r="BK29" s="184">
        <v>0</v>
      </c>
      <c r="BL29" s="178">
        <v>0</v>
      </c>
      <c r="BM29" s="178">
        <v>0</v>
      </c>
      <c r="BN29" s="179">
        <v>0</v>
      </c>
      <c r="BO29" s="180">
        <v>0</v>
      </c>
      <c r="BP29" s="180">
        <v>0</v>
      </c>
      <c r="BQ29" s="180">
        <v>0</v>
      </c>
      <c r="BR29" s="178">
        <v>0</v>
      </c>
      <c r="BS29" s="181">
        <v>0</v>
      </c>
      <c r="BT29" s="182">
        <v>0</v>
      </c>
      <c r="BU29" s="177">
        <v>0</v>
      </c>
      <c r="BV29" s="178">
        <v>0</v>
      </c>
      <c r="BW29" s="178">
        <v>0</v>
      </c>
      <c r="BX29" s="179">
        <v>0</v>
      </c>
      <c r="BY29" s="180">
        <v>0</v>
      </c>
      <c r="BZ29" s="180">
        <v>0</v>
      </c>
      <c r="CA29" s="180">
        <v>0</v>
      </c>
      <c r="CB29" s="178">
        <v>0</v>
      </c>
      <c r="CC29" s="181">
        <v>0</v>
      </c>
      <c r="CD29" s="183">
        <v>0</v>
      </c>
      <c r="CE29" s="184">
        <v>0</v>
      </c>
      <c r="CF29" s="178">
        <v>0</v>
      </c>
      <c r="CG29" s="178">
        <v>0</v>
      </c>
      <c r="CH29" s="179">
        <v>0</v>
      </c>
      <c r="CI29" s="180">
        <v>0</v>
      </c>
      <c r="CJ29" s="180">
        <v>0</v>
      </c>
      <c r="CK29" s="180">
        <v>0</v>
      </c>
      <c r="CL29" s="178">
        <v>0</v>
      </c>
      <c r="CM29" s="181">
        <v>0</v>
      </c>
      <c r="CN29" s="183">
        <v>0</v>
      </c>
      <c r="CO29" s="184">
        <v>0</v>
      </c>
      <c r="CP29" s="178">
        <v>0</v>
      </c>
      <c r="CQ29" s="178">
        <v>0</v>
      </c>
      <c r="CR29" s="179">
        <v>0</v>
      </c>
      <c r="CS29" s="180">
        <v>0</v>
      </c>
      <c r="CT29" s="180">
        <v>1</v>
      </c>
      <c r="CU29" s="180">
        <v>1</v>
      </c>
      <c r="CV29" s="178">
        <v>2</v>
      </c>
      <c r="CW29" s="181">
        <v>4</v>
      </c>
      <c r="CX29" s="182">
        <v>4</v>
      </c>
      <c r="CY29" s="177">
        <v>0</v>
      </c>
      <c r="CZ29" s="178">
        <v>0</v>
      </c>
      <c r="DA29" s="178">
        <v>0</v>
      </c>
      <c r="DB29" s="179">
        <v>0</v>
      </c>
      <c r="DC29" s="180">
        <v>0</v>
      </c>
      <c r="DD29" s="180">
        <v>1</v>
      </c>
      <c r="DE29" s="180">
        <v>1</v>
      </c>
      <c r="DF29" s="178">
        <v>2</v>
      </c>
      <c r="DG29" s="181">
        <v>4</v>
      </c>
      <c r="DH29" s="183">
        <v>4</v>
      </c>
      <c r="DI29" s="184">
        <v>0</v>
      </c>
      <c r="DJ29" s="178">
        <v>0</v>
      </c>
      <c r="DK29" s="178">
        <v>0</v>
      </c>
      <c r="DL29" s="179">
        <v>0</v>
      </c>
      <c r="DM29" s="180">
        <v>0</v>
      </c>
      <c r="DN29" s="180">
        <v>0</v>
      </c>
      <c r="DO29" s="180">
        <v>0</v>
      </c>
      <c r="DP29" s="178">
        <v>0</v>
      </c>
      <c r="DQ29" s="181">
        <v>0</v>
      </c>
      <c r="DR29" s="183">
        <v>0</v>
      </c>
      <c r="DS29" s="184">
        <v>0</v>
      </c>
      <c r="DT29" s="178">
        <v>0</v>
      </c>
      <c r="DU29" s="178">
        <v>0</v>
      </c>
      <c r="DV29" s="179">
        <v>7</v>
      </c>
      <c r="DW29" s="180">
        <v>23</v>
      </c>
      <c r="DX29" s="180">
        <v>63</v>
      </c>
      <c r="DY29" s="180">
        <v>86</v>
      </c>
      <c r="DZ29" s="178">
        <v>63</v>
      </c>
      <c r="EA29" s="181">
        <v>242</v>
      </c>
      <c r="EB29" s="183">
        <v>242</v>
      </c>
      <c r="EC29" s="32"/>
    </row>
    <row r="30" spans="2:133" ht="21" customHeight="1" x14ac:dyDescent="0.2">
      <c r="B30" s="437" t="s">
        <v>27</v>
      </c>
      <c r="C30" s="177">
        <v>0</v>
      </c>
      <c r="D30" s="178">
        <v>0</v>
      </c>
      <c r="E30" s="178">
        <v>0</v>
      </c>
      <c r="F30" s="179">
        <v>3</v>
      </c>
      <c r="G30" s="180">
        <v>2</v>
      </c>
      <c r="H30" s="180">
        <v>33</v>
      </c>
      <c r="I30" s="180">
        <v>61</v>
      </c>
      <c r="J30" s="178">
        <v>39</v>
      </c>
      <c r="K30" s="181">
        <v>138</v>
      </c>
      <c r="L30" s="182">
        <v>138</v>
      </c>
      <c r="M30" s="177">
        <v>0</v>
      </c>
      <c r="N30" s="178">
        <v>0</v>
      </c>
      <c r="O30" s="181">
        <v>0</v>
      </c>
      <c r="P30" s="179">
        <v>3</v>
      </c>
      <c r="Q30" s="180">
        <v>2</v>
      </c>
      <c r="R30" s="180">
        <v>32</v>
      </c>
      <c r="S30" s="180">
        <v>61</v>
      </c>
      <c r="T30" s="178">
        <v>39</v>
      </c>
      <c r="U30" s="181">
        <v>137</v>
      </c>
      <c r="V30" s="183">
        <v>137</v>
      </c>
      <c r="W30" s="184">
        <v>0</v>
      </c>
      <c r="X30" s="178">
        <v>0</v>
      </c>
      <c r="Y30" s="181">
        <v>0</v>
      </c>
      <c r="Z30" s="184">
        <v>0</v>
      </c>
      <c r="AA30" s="180">
        <v>0</v>
      </c>
      <c r="AB30" s="180">
        <v>1</v>
      </c>
      <c r="AC30" s="180">
        <v>0</v>
      </c>
      <c r="AD30" s="178">
        <v>0</v>
      </c>
      <c r="AE30" s="181">
        <v>1</v>
      </c>
      <c r="AF30" s="185">
        <v>1</v>
      </c>
      <c r="AG30" s="184">
        <v>0</v>
      </c>
      <c r="AH30" s="178">
        <v>0</v>
      </c>
      <c r="AI30" s="181">
        <v>0</v>
      </c>
      <c r="AJ30" s="184">
        <v>10</v>
      </c>
      <c r="AK30" s="180">
        <v>15</v>
      </c>
      <c r="AL30" s="180">
        <v>17</v>
      </c>
      <c r="AM30" s="180">
        <v>18</v>
      </c>
      <c r="AN30" s="178">
        <v>15</v>
      </c>
      <c r="AO30" s="181">
        <v>75</v>
      </c>
      <c r="AP30" s="185">
        <v>75</v>
      </c>
      <c r="AQ30" s="184">
        <v>0</v>
      </c>
      <c r="AR30" s="178">
        <v>0</v>
      </c>
      <c r="AS30" s="181">
        <v>0</v>
      </c>
      <c r="AT30" s="179">
        <v>10</v>
      </c>
      <c r="AU30" s="180">
        <v>13</v>
      </c>
      <c r="AV30" s="180">
        <v>16</v>
      </c>
      <c r="AW30" s="180">
        <v>17</v>
      </c>
      <c r="AX30" s="178">
        <v>15</v>
      </c>
      <c r="AY30" s="181">
        <v>71</v>
      </c>
      <c r="AZ30" s="182">
        <v>71</v>
      </c>
      <c r="BA30" s="177">
        <v>0</v>
      </c>
      <c r="BB30" s="178">
        <v>0</v>
      </c>
      <c r="BC30" s="178">
        <v>0</v>
      </c>
      <c r="BD30" s="179">
        <v>0</v>
      </c>
      <c r="BE30" s="180">
        <v>2</v>
      </c>
      <c r="BF30" s="180">
        <v>1</v>
      </c>
      <c r="BG30" s="180">
        <v>1</v>
      </c>
      <c r="BH30" s="178">
        <v>0</v>
      </c>
      <c r="BI30" s="181">
        <v>4</v>
      </c>
      <c r="BJ30" s="183">
        <v>4</v>
      </c>
      <c r="BK30" s="184">
        <v>0</v>
      </c>
      <c r="BL30" s="178">
        <v>0</v>
      </c>
      <c r="BM30" s="178">
        <v>0</v>
      </c>
      <c r="BN30" s="179">
        <v>0</v>
      </c>
      <c r="BO30" s="180">
        <v>0</v>
      </c>
      <c r="BP30" s="180">
        <v>0</v>
      </c>
      <c r="BQ30" s="180">
        <v>0</v>
      </c>
      <c r="BR30" s="178">
        <v>0</v>
      </c>
      <c r="BS30" s="181">
        <v>0</v>
      </c>
      <c r="BT30" s="182">
        <v>0</v>
      </c>
      <c r="BU30" s="177">
        <v>0</v>
      </c>
      <c r="BV30" s="178">
        <v>0</v>
      </c>
      <c r="BW30" s="178">
        <v>0</v>
      </c>
      <c r="BX30" s="179">
        <v>0</v>
      </c>
      <c r="BY30" s="180">
        <v>0</v>
      </c>
      <c r="BZ30" s="180">
        <v>0</v>
      </c>
      <c r="CA30" s="180">
        <v>0</v>
      </c>
      <c r="CB30" s="178">
        <v>0</v>
      </c>
      <c r="CC30" s="181">
        <v>0</v>
      </c>
      <c r="CD30" s="183">
        <v>0</v>
      </c>
      <c r="CE30" s="184">
        <v>0</v>
      </c>
      <c r="CF30" s="178">
        <v>0</v>
      </c>
      <c r="CG30" s="178">
        <v>0</v>
      </c>
      <c r="CH30" s="179">
        <v>0</v>
      </c>
      <c r="CI30" s="180">
        <v>0</v>
      </c>
      <c r="CJ30" s="180">
        <v>0</v>
      </c>
      <c r="CK30" s="180">
        <v>0</v>
      </c>
      <c r="CL30" s="178">
        <v>0</v>
      </c>
      <c r="CM30" s="181">
        <v>0</v>
      </c>
      <c r="CN30" s="183">
        <v>0</v>
      </c>
      <c r="CO30" s="184">
        <v>0</v>
      </c>
      <c r="CP30" s="178">
        <v>0</v>
      </c>
      <c r="CQ30" s="178">
        <v>0</v>
      </c>
      <c r="CR30" s="179">
        <v>0</v>
      </c>
      <c r="CS30" s="180">
        <v>0</v>
      </c>
      <c r="CT30" s="180">
        <v>0</v>
      </c>
      <c r="CU30" s="180">
        <v>2</v>
      </c>
      <c r="CV30" s="178">
        <v>2</v>
      </c>
      <c r="CW30" s="181">
        <v>4</v>
      </c>
      <c r="CX30" s="182">
        <v>4</v>
      </c>
      <c r="CY30" s="177">
        <v>0</v>
      </c>
      <c r="CZ30" s="178">
        <v>0</v>
      </c>
      <c r="DA30" s="178">
        <v>0</v>
      </c>
      <c r="DB30" s="179">
        <v>0</v>
      </c>
      <c r="DC30" s="180">
        <v>0</v>
      </c>
      <c r="DD30" s="180">
        <v>0</v>
      </c>
      <c r="DE30" s="180">
        <v>1</v>
      </c>
      <c r="DF30" s="178">
        <v>2</v>
      </c>
      <c r="DG30" s="181">
        <v>3</v>
      </c>
      <c r="DH30" s="183">
        <v>3</v>
      </c>
      <c r="DI30" s="184">
        <v>0</v>
      </c>
      <c r="DJ30" s="178">
        <v>0</v>
      </c>
      <c r="DK30" s="178">
        <v>0</v>
      </c>
      <c r="DL30" s="179">
        <v>0</v>
      </c>
      <c r="DM30" s="180">
        <v>0</v>
      </c>
      <c r="DN30" s="180">
        <v>0</v>
      </c>
      <c r="DO30" s="180">
        <v>1</v>
      </c>
      <c r="DP30" s="178">
        <v>0</v>
      </c>
      <c r="DQ30" s="181">
        <v>1</v>
      </c>
      <c r="DR30" s="183">
        <v>1</v>
      </c>
      <c r="DS30" s="184">
        <v>0</v>
      </c>
      <c r="DT30" s="178">
        <v>0</v>
      </c>
      <c r="DU30" s="178">
        <v>0</v>
      </c>
      <c r="DV30" s="179">
        <v>13</v>
      </c>
      <c r="DW30" s="180">
        <v>17</v>
      </c>
      <c r="DX30" s="180">
        <v>50</v>
      </c>
      <c r="DY30" s="180">
        <v>80</v>
      </c>
      <c r="DZ30" s="178">
        <v>56</v>
      </c>
      <c r="EA30" s="181">
        <v>216</v>
      </c>
      <c r="EB30" s="183">
        <v>216</v>
      </c>
      <c r="EC30" s="32"/>
    </row>
    <row r="31" spans="2:133" ht="21" customHeight="1" x14ac:dyDescent="0.2">
      <c r="B31" s="437" t="s">
        <v>28</v>
      </c>
      <c r="C31" s="177">
        <v>0</v>
      </c>
      <c r="D31" s="178">
        <v>0</v>
      </c>
      <c r="E31" s="178">
        <v>0</v>
      </c>
      <c r="F31" s="179">
        <v>0</v>
      </c>
      <c r="G31" s="180">
        <v>1</v>
      </c>
      <c r="H31" s="180">
        <v>13</v>
      </c>
      <c r="I31" s="180">
        <v>17</v>
      </c>
      <c r="J31" s="178">
        <v>18</v>
      </c>
      <c r="K31" s="181">
        <v>49</v>
      </c>
      <c r="L31" s="182">
        <v>49</v>
      </c>
      <c r="M31" s="177">
        <v>0</v>
      </c>
      <c r="N31" s="178">
        <v>0</v>
      </c>
      <c r="O31" s="181">
        <v>0</v>
      </c>
      <c r="P31" s="179">
        <v>0</v>
      </c>
      <c r="Q31" s="180">
        <v>1</v>
      </c>
      <c r="R31" s="180">
        <v>13</v>
      </c>
      <c r="S31" s="180">
        <v>17</v>
      </c>
      <c r="T31" s="178">
        <v>17</v>
      </c>
      <c r="U31" s="181">
        <v>48</v>
      </c>
      <c r="V31" s="183">
        <v>48</v>
      </c>
      <c r="W31" s="184">
        <v>0</v>
      </c>
      <c r="X31" s="178">
        <v>0</v>
      </c>
      <c r="Y31" s="181">
        <v>0</v>
      </c>
      <c r="Z31" s="184">
        <v>0</v>
      </c>
      <c r="AA31" s="180">
        <v>0</v>
      </c>
      <c r="AB31" s="180">
        <v>0</v>
      </c>
      <c r="AC31" s="180">
        <v>0</v>
      </c>
      <c r="AD31" s="178">
        <v>1</v>
      </c>
      <c r="AE31" s="181">
        <v>1</v>
      </c>
      <c r="AF31" s="185">
        <v>1</v>
      </c>
      <c r="AG31" s="184">
        <v>0</v>
      </c>
      <c r="AH31" s="178">
        <v>0</v>
      </c>
      <c r="AI31" s="181">
        <v>0</v>
      </c>
      <c r="AJ31" s="184">
        <v>3</v>
      </c>
      <c r="AK31" s="180">
        <v>8</v>
      </c>
      <c r="AL31" s="180">
        <v>11</v>
      </c>
      <c r="AM31" s="180">
        <v>7</v>
      </c>
      <c r="AN31" s="178">
        <v>2</v>
      </c>
      <c r="AO31" s="181">
        <v>31</v>
      </c>
      <c r="AP31" s="185">
        <v>31</v>
      </c>
      <c r="AQ31" s="184">
        <v>0</v>
      </c>
      <c r="AR31" s="178">
        <v>0</v>
      </c>
      <c r="AS31" s="181">
        <v>0</v>
      </c>
      <c r="AT31" s="179">
        <v>3</v>
      </c>
      <c r="AU31" s="180">
        <v>8</v>
      </c>
      <c r="AV31" s="180">
        <v>11</v>
      </c>
      <c r="AW31" s="180">
        <v>7</v>
      </c>
      <c r="AX31" s="178">
        <v>2</v>
      </c>
      <c r="AY31" s="181">
        <v>31</v>
      </c>
      <c r="AZ31" s="182">
        <v>31</v>
      </c>
      <c r="BA31" s="177">
        <v>0</v>
      </c>
      <c r="BB31" s="178">
        <v>0</v>
      </c>
      <c r="BC31" s="178">
        <v>0</v>
      </c>
      <c r="BD31" s="179">
        <v>0</v>
      </c>
      <c r="BE31" s="180">
        <v>0</v>
      </c>
      <c r="BF31" s="180">
        <v>0</v>
      </c>
      <c r="BG31" s="180">
        <v>0</v>
      </c>
      <c r="BH31" s="178">
        <v>0</v>
      </c>
      <c r="BI31" s="181">
        <v>0</v>
      </c>
      <c r="BJ31" s="183">
        <v>0</v>
      </c>
      <c r="BK31" s="184">
        <v>0</v>
      </c>
      <c r="BL31" s="178">
        <v>0</v>
      </c>
      <c r="BM31" s="178">
        <v>0</v>
      </c>
      <c r="BN31" s="179">
        <v>0</v>
      </c>
      <c r="BO31" s="180">
        <v>0</v>
      </c>
      <c r="BP31" s="180">
        <v>0</v>
      </c>
      <c r="BQ31" s="180">
        <v>0</v>
      </c>
      <c r="BR31" s="178">
        <v>0</v>
      </c>
      <c r="BS31" s="181">
        <v>0</v>
      </c>
      <c r="BT31" s="182">
        <v>0</v>
      </c>
      <c r="BU31" s="177">
        <v>0</v>
      </c>
      <c r="BV31" s="178">
        <v>0</v>
      </c>
      <c r="BW31" s="178">
        <v>0</v>
      </c>
      <c r="BX31" s="179">
        <v>0</v>
      </c>
      <c r="BY31" s="180">
        <v>0</v>
      </c>
      <c r="BZ31" s="180">
        <v>0</v>
      </c>
      <c r="CA31" s="180">
        <v>0</v>
      </c>
      <c r="CB31" s="178">
        <v>0</v>
      </c>
      <c r="CC31" s="181">
        <v>0</v>
      </c>
      <c r="CD31" s="183">
        <v>0</v>
      </c>
      <c r="CE31" s="184">
        <v>0</v>
      </c>
      <c r="CF31" s="178">
        <v>0</v>
      </c>
      <c r="CG31" s="178">
        <v>0</v>
      </c>
      <c r="CH31" s="179">
        <v>0</v>
      </c>
      <c r="CI31" s="180">
        <v>0</v>
      </c>
      <c r="CJ31" s="180">
        <v>0</v>
      </c>
      <c r="CK31" s="180">
        <v>0</v>
      </c>
      <c r="CL31" s="178">
        <v>0</v>
      </c>
      <c r="CM31" s="181">
        <v>0</v>
      </c>
      <c r="CN31" s="183">
        <v>0</v>
      </c>
      <c r="CO31" s="184">
        <v>0</v>
      </c>
      <c r="CP31" s="178">
        <v>0</v>
      </c>
      <c r="CQ31" s="178">
        <v>0</v>
      </c>
      <c r="CR31" s="179">
        <v>0</v>
      </c>
      <c r="CS31" s="180">
        <v>0</v>
      </c>
      <c r="CT31" s="180">
        <v>0</v>
      </c>
      <c r="CU31" s="180">
        <v>0</v>
      </c>
      <c r="CV31" s="178">
        <v>0</v>
      </c>
      <c r="CW31" s="181">
        <v>0</v>
      </c>
      <c r="CX31" s="182">
        <v>0</v>
      </c>
      <c r="CY31" s="177">
        <v>0</v>
      </c>
      <c r="CZ31" s="178">
        <v>0</v>
      </c>
      <c r="DA31" s="178">
        <v>0</v>
      </c>
      <c r="DB31" s="179">
        <v>0</v>
      </c>
      <c r="DC31" s="180">
        <v>0</v>
      </c>
      <c r="DD31" s="180">
        <v>0</v>
      </c>
      <c r="DE31" s="180">
        <v>0</v>
      </c>
      <c r="DF31" s="178">
        <v>0</v>
      </c>
      <c r="DG31" s="181">
        <v>0</v>
      </c>
      <c r="DH31" s="183">
        <v>0</v>
      </c>
      <c r="DI31" s="184">
        <v>0</v>
      </c>
      <c r="DJ31" s="178">
        <v>0</v>
      </c>
      <c r="DK31" s="178">
        <v>0</v>
      </c>
      <c r="DL31" s="179">
        <v>0</v>
      </c>
      <c r="DM31" s="180">
        <v>0</v>
      </c>
      <c r="DN31" s="180">
        <v>0</v>
      </c>
      <c r="DO31" s="180">
        <v>0</v>
      </c>
      <c r="DP31" s="178">
        <v>0</v>
      </c>
      <c r="DQ31" s="181">
        <v>0</v>
      </c>
      <c r="DR31" s="183">
        <v>0</v>
      </c>
      <c r="DS31" s="184">
        <v>0</v>
      </c>
      <c r="DT31" s="178">
        <v>0</v>
      </c>
      <c r="DU31" s="178">
        <v>0</v>
      </c>
      <c r="DV31" s="179">
        <v>3</v>
      </c>
      <c r="DW31" s="180">
        <v>9</v>
      </c>
      <c r="DX31" s="180">
        <v>24</v>
      </c>
      <c r="DY31" s="180">
        <v>24</v>
      </c>
      <c r="DZ31" s="178">
        <v>20</v>
      </c>
      <c r="EA31" s="181">
        <v>80</v>
      </c>
      <c r="EB31" s="183">
        <v>80</v>
      </c>
      <c r="EC31" s="32"/>
    </row>
    <row r="32" spans="2:133" ht="21" customHeight="1" x14ac:dyDescent="0.2">
      <c r="B32" s="437" t="s">
        <v>29</v>
      </c>
      <c r="C32" s="177">
        <v>0</v>
      </c>
      <c r="D32" s="178">
        <v>0</v>
      </c>
      <c r="E32" s="178">
        <v>0</v>
      </c>
      <c r="F32" s="179">
        <v>0</v>
      </c>
      <c r="G32" s="180">
        <v>1</v>
      </c>
      <c r="H32" s="180">
        <v>13</v>
      </c>
      <c r="I32" s="180">
        <v>27</v>
      </c>
      <c r="J32" s="178">
        <v>18</v>
      </c>
      <c r="K32" s="181">
        <v>59</v>
      </c>
      <c r="L32" s="182">
        <v>59</v>
      </c>
      <c r="M32" s="177">
        <v>0</v>
      </c>
      <c r="N32" s="178">
        <v>0</v>
      </c>
      <c r="O32" s="181">
        <v>0</v>
      </c>
      <c r="P32" s="179">
        <v>0</v>
      </c>
      <c r="Q32" s="180">
        <v>1</v>
      </c>
      <c r="R32" s="180">
        <v>13</v>
      </c>
      <c r="S32" s="180">
        <v>27</v>
      </c>
      <c r="T32" s="178">
        <v>18</v>
      </c>
      <c r="U32" s="181">
        <v>59</v>
      </c>
      <c r="V32" s="183">
        <v>59</v>
      </c>
      <c r="W32" s="184">
        <v>0</v>
      </c>
      <c r="X32" s="178">
        <v>0</v>
      </c>
      <c r="Y32" s="181">
        <v>0</v>
      </c>
      <c r="Z32" s="184">
        <v>0</v>
      </c>
      <c r="AA32" s="180">
        <v>0</v>
      </c>
      <c r="AB32" s="180">
        <v>0</v>
      </c>
      <c r="AC32" s="180">
        <v>0</v>
      </c>
      <c r="AD32" s="178">
        <v>0</v>
      </c>
      <c r="AE32" s="181">
        <v>0</v>
      </c>
      <c r="AF32" s="185">
        <v>0</v>
      </c>
      <c r="AG32" s="184">
        <v>0</v>
      </c>
      <c r="AH32" s="178">
        <v>0</v>
      </c>
      <c r="AI32" s="181">
        <v>0</v>
      </c>
      <c r="AJ32" s="184">
        <v>3</v>
      </c>
      <c r="AK32" s="180">
        <v>9</v>
      </c>
      <c r="AL32" s="180">
        <v>9</v>
      </c>
      <c r="AM32" s="180">
        <v>14</v>
      </c>
      <c r="AN32" s="178">
        <v>8</v>
      </c>
      <c r="AO32" s="181">
        <v>43</v>
      </c>
      <c r="AP32" s="185">
        <v>43</v>
      </c>
      <c r="AQ32" s="184">
        <v>0</v>
      </c>
      <c r="AR32" s="178">
        <v>0</v>
      </c>
      <c r="AS32" s="181">
        <v>0</v>
      </c>
      <c r="AT32" s="179">
        <v>3</v>
      </c>
      <c r="AU32" s="180">
        <v>9</v>
      </c>
      <c r="AV32" s="180">
        <v>9</v>
      </c>
      <c r="AW32" s="180">
        <v>14</v>
      </c>
      <c r="AX32" s="178">
        <v>8</v>
      </c>
      <c r="AY32" s="181">
        <v>43</v>
      </c>
      <c r="AZ32" s="182">
        <v>43</v>
      </c>
      <c r="BA32" s="177">
        <v>0</v>
      </c>
      <c r="BB32" s="178">
        <v>0</v>
      </c>
      <c r="BC32" s="178">
        <v>0</v>
      </c>
      <c r="BD32" s="179">
        <v>0</v>
      </c>
      <c r="BE32" s="180">
        <v>0</v>
      </c>
      <c r="BF32" s="180">
        <v>0</v>
      </c>
      <c r="BG32" s="180">
        <v>0</v>
      </c>
      <c r="BH32" s="178">
        <v>0</v>
      </c>
      <c r="BI32" s="181">
        <v>0</v>
      </c>
      <c r="BJ32" s="183">
        <v>0</v>
      </c>
      <c r="BK32" s="184">
        <v>0</v>
      </c>
      <c r="BL32" s="178">
        <v>0</v>
      </c>
      <c r="BM32" s="178">
        <v>0</v>
      </c>
      <c r="BN32" s="179">
        <v>0</v>
      </c>
      <c r="BO32" s="180">
        <v>0</v>
      </c>
      <c r="BP32" s="180">
        <v>0</v>
      </c>
      <c r="BQ32" s="180">
        <v>0</v>
      </c>
      <c r="BR32" s="178">
        <v>0</v>
      </c>
      <c r="BS32" s="181">
        <v>0</v>
      </c>
      <c r="BT32" s="182">
        <v>0</v>
      </c>
      <c r="BU32" s="177">
        <v>0</v>
      </c>
      <c r="BV32" s="178">
        <v>0</v>
      </c>
      <c r="BW32" s="178">
        <v>0</v>
      </c>
      <c r="BX32" s="179">
        <v>0</v>
      </c>
      <c r="BY32" s="180">
        <v>0</v>
      </c>
      <c r="BZ32" s="180">
        <v>0</v>
      </c>
      <c r="CA32" s="180">
        <v>0</v>
      </c>
      <c r="CB32" s="178">
        <v>0</v>
      </c>
      <c r="CC32" s="181">
        <v>0</v>
      </c>
      <c r="CD32" s="183">
        <v>0</v>
      </c>
      <c r="CE32" s="184">
        <v>0</v>
      </c>
      <c r="CF32" s="178">
        <v>0</v>
      </c>
      <c r="CG32" s="178">
        <v>0</v>
      </c>
      <c r="CH32" s="179">
        <v>0</v>
      </c>
      <c r="CI32" s="180">
        <v>0</v>
      </c>
      <c r="CJ32" s="180">
        <v>0</v>
      </c>
      <c r="CK32" s="180">
        <v>0</v>
      </c>
      <c r="CL32" s="178">
        <v>0</v>
      </c>
      <c r="CM32" s="181">
        <v>0</v>
      </c>
      <c r="CN32" s="183">
        <v>0</v>
      </c>
      <c r="CO32" s="184">
        <v>0</v>
      </c>
      <c r="CP32" s="178">
        <v>0</v>
      </c>
      <c r="CQ32" s="178">
        <v>0</v>
      </c>
      <c r="CR32" s="179">
        <v>0</v>
      </c>
      <c r="CS32" s="180">
        <v>0</v>
      </c>
      <c r="CT32" s="180">
        <v>0</v>
      </c>
      <c r="CU32" s="180">
        <v>0</v>
      </c>
      <c r="CV32" s="178">
        <v>0</v>
      </c>
      <c r="CW32" s="181">
        <v>0</v>
      </c>
      <c r="CX32" s="182">
        <v>0</v>
      </c>
      <c r="CY32" s="177">
        <v>0</v>
      </c>
      <c r="CZ32" s="178">
        <v>0</v>
      </c>
      <c r="DA32" s="178">
        <v>0</v>
      </c>
      <c r="DB32" s="179">
        <v>0</v>
      </c>
      <c r="DC32" s="180">
        <v>0</v>
      </c>
      <c r="DD32" s="180">
        <v>0</v>
      </c>
      <c r="DE32" s="180">
        <v>0</v>
      </c>
      <c r="DF32" s="178">
        <v>0</v>
      </c>
      <c r="DG32" s="181">
        <v>0</v>
      </c>
      <c r="DH32" s="183">
        <v>0</v>
      </c>
      <c r="DI32" s="184">
        <v>0</v>
      </c>
      <c r="DJ32" s="178">
        <v>0</v>
      </c>
      <c r="DK32" s="178">
        <v>0</v>
      </c>
      <c r="DL32" s="179">
        <v>0</v>
      </c>
      <c r="DM32" s="180">
        <v>0</v>
      </c>
      <c r="DN32" s="180">
        <v>0</v>
      </c>
      <c r="DO32" s="180">
        <v>0</v>
      </c>
      <c r="DP32" s="178">
        <v>0</v>
      </c>
      <c r="DQ32" s="181">
        <v>0</v>
      </c>
      <c r="DR32" s="183">
        <v>0</v>
      </c>
      <c r="DS32" s="184">
        <v>0</v>
      </c>
      <c r="DT32" s="178">
        <v>0</v>
      </c>
      <c r="DU32" s="178">
        <v>0</v>
      </c>
      <c r="DV32" s="179">
        <v>3</v>
      </c>
      <c r="DW32" s="180">
        <v>10</v>
      </c>
      <c r="DX32" s="180">
        <v>22</v>
      </c>
      <c r="DY32" s="180">
        <v>41</v>
      </c>
      <c r="DZ32" s="178">
        <v>26</v>
      </c>
      <c r="EA32" s="181">
        <v>102</v>
      </c>
      <c r="EB32" s="183">
        <v>102</v>
      </c>
      <c r="EC32" s="32"/>
    </row>
    <row r="33" spans="2:133" ht="21" customHeight="1" x14ac:dyDescent="0.2">
      <c r="B33" s="437" t="s">
        <v>30</v>
      </c>
      <c r="C33" s="177">
        <v>0</v>
      </c>
      <c r="D33" s="178">
        <v>0</v>
      </c>
      <c r="E33" s="178">
        <v>0</v>
      </c>
      <c r="F33" s="179">
        <v>0</v>
      </c>
      <c r="G33" s="180">
        <v>4</v>
      </c>
      <c r="H33" s="180">
        <v>21</v>
      </c>
      <c r="I33" s="180">
        <v>33</v>
      </c>
      <c r="J33" s="178">
        <v>21</v>
      </c>
      <c r="K33" s="181">
        <v>79</v>
      </c>
      <c r="L33" s="182">
        <v>79</v>
      </c>
      <c r="M33" s="177">
        <v>0</v>
      </c>
      <c r="N33" s="178">
        <v>0</v>
      </c>
      <c r="O33" s="181">
        <v>0</v>
      </c>
      <c r="P33" s="179">
        <v>0</v>
      </c>
      <c r="Q33" s="180">
        <v>4</v>
      </c>
      <c r="R33" s="180">
        <v>21</v>
      </c>
      <c r="S33" s="180">
        <v>33</v>
      </c>
      <c r="T33" s="178">
        <v>21</v>
      </c>
      <c r="U33" s="181">
        <v>79</v>
      </c>
      <c r="V33" s="183">
        <v>79</v>
      </c>
      <c r="W33" s="184">
        <v>0</v>
      </c>
      <c r="X33" s="178">
        <v>0</v>
      </c>
      <c r="Y33" s="181">
        <v>0</v>
      </c>
      <c r="Z33" s="184">
        <v>0</v>
      </c>
      <c r="AA33" s="180">
        <v>0</v>
      </c>
      <c r="AB33" s="180">
        <v>0</v>
      </c>
      <c r="AC33" s="180">
        <v>0</v>
      </c>
      <c r="AD33" s="178">
        <v>0</v>
      </c>
      <c r="AE33" s="181">
        <v>0</v>
      </c>
      <c r="AF33" s="185">
        <v>0</v>
      </c>
      <c r="AG33" s="184">
        <v>0</v>
      </c>
      <c r="AH33" s="178">
        <v>0</v>
      </c>
      <c r="AI33" s="181">
        <v>0</v>
      </c>
      <c r="AJ33" s="184">
        <v>11</v>
      </c>
      <c r="AK33" s="180">
        <v>6</v>
      </c>
      <c r="AL33" s="180">
        <v>11</v>
      </c>
      <c r="AM33" s="180">
        <v>16</v>
      </c>
      <c r="AN33" s="178">
        <v>6</v>
      </c>
      <c r="AO33" s="181">
        <v>50</v>
      </c>
      <c r="AP33" s="185">
        <v>50</v>
      </c>
      <c r="AQ33" s="184">
        <v>0</v>
      </c>
      <c r="AR33" s="178">
        <v>0</v>
      </c>
      <c r="AS33" s="181">
        <v>0</v>
      </c>
      <c r="AT33" s="179">
        <v>11</v>
      </c>
      <c r="AU33" s="180">
        <v>6</v>
      </c>
      <c r="AV33" s="180">
        <v>10</v>
      </c>
      <c r="AW33" s="180">
        <v>16</v>
      </c>
      <c r="AX33" s="178">
        <v>6</v>
      </c>
      <c r="AY33" s="181">
        <v>49</v>
      </c>
      <c r="AZ33" s="182">
        <v>49</v>
      </c>
      <c r="BA33" s="177">
        <v>0</v>
      </c>
      <c r="BB33" s="178">
        <v>0</v>
      </c>
      <c r="BC33" s="178">
        <v>0</v>
      </c>
      <c r="BD33" s="179">
        <v>0</v>
      </c>
      <c r="BE33" s="180">
        <v>0</v>
      </c>
      <c r="BF33" s="180">
        <v>1</v>
      </c>
      <c r="BG33" s="180">
        <v>0</v>
      </c>
      <c r="BH33" s="178">
        <v>0</v>
      </c>
      <c r="BI33" s="181">
        <v>1</v>
      </c>
      <c r="BJ33" s="183">
        <v>1</v>
      </c>
      <c r="BK33" s="184">
        <v>0</v>
      </c>
      <c r="BL33" s="178">
        <v>0</v>
      </c>
      <c r="BM33" s="178">
        <v>0</v>
      </c>
      <c r="BN33" s="179">
        <v>0</v>
      </c>
      <c r="BO33" s="180">
        <v>0</v>
      </c>
      <c r="BP33" s="180">
        <v>0</v>
      </c>
      <c r="BQ33" s="180">
        <v>0</v>
      </c>
      <c r="BR33" s="178">
        <v>0</v>
      </c>
      <c r="BS33" s="181">
        <v>0</v>
      </c>
      <c r="BT33" s="182">
        <v>0</v>
      </c>
      <c r="BU33" s="177">
        <v>0</v>
      </c>
      <c r="BV33" s="178">
        <v>0</v>
      </c>
      <c r="BW33" s="178">
        <v>0</v>
      </c>
      <c r="BX33" s="179">
        <v>0</v>
      </c>
      <c r="BY33" s="180">
        <v>0</v>
      </c>
      <c r="BZ33" s="180">
        <v>0</v>
      </c>
      <c r="CA33" s="180">
        <v>0</v>
      </c>
      <c r="CB33" s="178">
        <v>0</v>
      </c>
      <c r="CC33" s="181">
        <v>0</v>
      </c>
      <c r="CD33" s="183">
        <v>0</v>
      </c>
      <c r="CE33" s="184">
        <v>0</v>
      </c>
      <c r="CF33" s="178">
        <v>0</v>
      </c>
      <c r="CG33" s="178">
        <v>0</v>
      </c>
      <c r="CH33" s="179">
        <v>0</v>
      </c>
      <c r="CI33" s="180">
        <v>0</v>
      </c>
      <c r="CJ33" s="180">
        <v>0</v>
      </c>
      <c r="CK33" s="180">
        <v>0</v>
      </c>
      <c r="CL33" s="178">
        <v>0</v>
      </c>
      <c r="CM33" s="181">
        <v>0</v>
      </c>
      <c r="CN33" s="183">
        <v>0</v>
      </c>
      <c r="CO33" s="184">
        <v>0</v>
      </c>
      <c r="CP33" s="178">
        <v>0</v>
      </c>
      <c r="CQ33" s="178">
        <v>0</v>
      </c>
      <c r="CR33" s="179">
        <v>0</v>
      </c>
      <c r="CS33" s="180">
        <v>0</v>
      </c>
      <c r="CT33" s="180">
        <v>0</v>
      </c>
      <c r="CU33" s="180">
        <v>1</v>
      </c>
      <c r="CV33" s="178">
        <v>3</v>
      </c>
      <c r="CW33" s="181">
        <v>4</v>
      </c>
      <c r="CX33" s="182">
        <v>4</v>
      </c>
      <c r="CY33" s="177">
        <v>0</v>
      </c>
      <c r="CZ33" s="178">
        <v>0</v>
      </c>
      <c r="DA33" s="178">
        <v>0</v>
      </c>
      <c r="DB33" s="179">
        <v>0</v>
      </c>
      <c r="DC33" s="180">
        <v>0</v>
      </c>
      <c r="DD33" s="180">
        <v>0</v>
      </c>
      <c r="DE33" s="180">
        <v>1</v>
      </c>
      <c r="DF33" s="178">
        <v>2</v>
      </c>
      <c r="DG33" s="181">
        <v>3</v>
      </c>
      <c r="DH33" s="183">
        <v>3</v>
      </c>
      <c r="DI33" s="184">
        <v>0</v>
      </c>
      <c r="DJ33" s="178">
        <v>0</v>
      </c>
      <c r="DK33" s="178">
        <v>0</v>
      </c>
      <c r="DL33" s="179">
        <v>0</v>
      </c>
      <c r="DM33" s="180">
        <v>0</v>
      </c>
      <c r="DN33" s="180">
        <v>0</v>
      </c>
      <c r="DO33" s="180">
        <v>0</v>
      </c>
      <c r="DP33" s="178">
        <v>1</v>
      </c>
      <c r="DQ33" s="181">
        <v>1</v>
      </c>
      <c r="DR33" s="183">
        <v>1</v>
      </c>
      <c r="DS33" s="184">
        <v>0</v>
      </c>
      <c r="DT33" s="178">
        <v>0</v>
      </c>
      <c r="DU33" s="178">
        <v>0</v>
      </c>
      <c r="DV33" s="179">
        <v>11</v>
      </c>
      <c r="DW33" s="180">
        <v>10</v>
      </c>
      <c r="DX33" s="180">
        <v>32</v>
      </c>
      <c r="DY33" s="180">
        <v>49</v>
      </c>
      <c r="DZ33" s="178">
        <v>30</v>
      </c>
      <c r="EA33" s="181">
        <v>132</v>
      </c>
      <c r="EB33" s="183">
        <v>132</v>
      </c>
      <c r="EC33" s="32"/>
    </row>
    <row r="34" spans="2:133" ht="21" customHeight="1" x14ac:dyDescent="0.2">
      <c r="B34" s="437" t="s">
        <v>31</v>
      </c>
      <c r="C34" s="177">
        <v>0</v>
      </c>
      <c r="D34" s="178">
        <v>0</v>
      </c>
      <c r="E34" s="178">
        <v>0</v>
      </c>
      <c r="F34" s="179">
        <v>2</v>
      </c>
      <c r="G34" s="180">
        <v>2</v>
      </c>
      <c r="H34" s="180">
        <v>25</v>
      </c>
      <c r="I34" s="180">
        <v>36</v>
      </c>
      <c r="J34" s="178">
        <v>22</v>
      </c>
      <c r="K34" s="181">
        <v>87</v>
      </c>
      <c r="L34" s="182">
        <v>87</v>
      </c>
      <c r="M34" s="177">
        <v>0</v>
      </c>
      <c r="N34" s="178">
        <v>0</v>
      </c>
      <c r="O34" s="181">
        <v>0</v>
      </c>
      <c r="P34" s="179">
        <v>2</v>
      </c>
      <c r="Q34" s="180">
        <v>2</v>
      </c>
      <c r="R34" s="180">
        <v>25</v>
      </c>
      <c r="S34" s="180">
        <v>36</v>
      </c>
      <c r="T34" s="178">
        <v>22</v>
      </c>
      <c r="U34" s="181">
        <v>87</v>
      </c>
      <c r="V34" s="183">
        <v>87</v>
      </c>
      <c r="W34" s="184">
        <v>0</v>
      </c>
      <c r="X34" s="178">
        <v>0</v>
      </c>
      <c r="Y34" s="181">
        <v>0</v>
      </c>
      <c r="Z34" s="184">
        <v>0</v>
      </c>
      <c r="AA34" s="180">
        <v>0</v>
      </c>
      <c r="AB34" s="180">
        <v>0</v>
      </c>
      <c r="AC34" s="180">
        <v>0</v>
      </c>
      <c r="AD34" s="178">
        <v>0</v>
      </c>
      <c r="AE34" s="181">
        <v>0</v>
      </c>
      <c r="AF34" s="185">
        <v>0</v>
      </c>
      <c r="AG34" s="184">
        <v>0</v>
      </c>
      <c r="AH34" s="178">
        <v>0</v>
      </c>
      <c r="AI34" s="181">
        <v>0</v>
      </c>
      <c r="AJ34" s="184">
        <v>3</v>
      </c>
      <c r="AK34" s="180">
        <v>8</v>
      </c>
      <c r="AL34" s="180">
        <v>11</v>
      </c>
      <c r="AM34" s="180">
        <v>10</v>
      </c>
      <c r="AN34" s="178">
        <v>3</v>
      </c>
      <c r="AO34" s="181">
        <v>35</v>
      </c>
      <c r="AP34" s="185">
        <v>35</v>
      </c>
      <c r="AQ34" s="184">
        <v>0</v>
      </c>
      <c r="AR34" s="178">
        <v>0</v>
      </c>
      <c r="AS34" s="181">
        <v>0</v>
      </c>
      <c r="AT34" s="179">
        <v>3</v>
      </c>
      <c r="AU34" s="180">
        <v>8</v>
      </c>
      <c r="AV34" s="180">
        <v>11</v>
      </c>
      <c r="AW34" s="180">
        <v>10</v>
      </c>
      <c r="AX34" s="178">
        <v>3</v>
      </c>
      <c r="AY34" s="181">
        <v>35</v>
      </c>
      <c r="AZ34" s="182">
        <v>35</v>
      </c>
      <c r="BA34" s="177">
        <v>0</v>
      </c>
      <c r="BB34" s="178">
        <v>0</v>
      </c>
      <c r="BC34" s="178">
        <v>0</v>
      </c>
      <c r="BD34" s="179">
        <v>0</v>
      </c>
      <c r="BE34" s="180">
        <v>0</v>
      </c>
      <c r="BF34" s="180">
        <v>0</v>
      </c>
      <c r="BG34" s="180">
        <v>0</v>
      </c>
      <c r="BH34" s="178">
        <v>0</v>
      </c>
      <c r="BI34" s="181">
        <v>0</v>
      </c>
      <c r="BJ34" s="183">
        <v>0</v>
      </c>
      <c r="BK34" s="184">
        <v>0</v>
      </c>
      <c r="BL34" s="178">
        <v>0</v>
      </c>
      <c r="BM34" s="178">
        <v>0</v>
      </c>
      <c r="BN34" s="179">
        <v>0</v>
      </c>
      <c r="BO34" s="180">
        <v>0</v>
      </c>
      <c r="BP34" s="180">
        <v>0</v>
      </c>
      <c r="BQ34" s="180">
        <v>0</v>
      </c>
      <c r="BR34" s="178">
        <v>0</v>
      </c>
      <c r="BS34" s="181">
        <v>0</v>
      </c>
      <c r="BT34" s="182">
        <v>0</v>
      </c>
      <c r="BU34" s="177">
        <v>0</v>
      </c>
      <c r="BV34" s="178">
        <v>0</v>
      </c>
      <c r="BW34" s="178">
        <v>0</v>
      </c>
      <c r="BX34" s="179">
        <v>0</v>
      </c>
      <c r="BY34" s="180">
        <v>0</v>
      </c>
      <c r="BZ34" s="180">
        <v>0</v>
      </c>
      <c r="CA34" s="180">
        <v>0</v>
      </c>
      <c r="CB34" s="178">
        <v>0</v>
      </c>
      <c r="CC34" s="181">
        <v>0</v>
      </c>
      <c r="CD34" s="183">
        <v>0</v>
      </c>
      <c r="CE34" s="184">
        <v>0</v>
      </c>
      <c r="CF34" s="178">
        <v>0</v>
      </c>
      <c r="CG34" s="178">
        <v>0</v>
      </c>
      <c r="CH34" s="179">
        <v>0</v>
      </c>
      <c r="CI34" s="180">
        <v>0</v>
      </c>
      <c r="CJ34" s="180">
        <v>0</v>
      </c>
      <c r="CK34" s="180">
        <v>0</v>
      </c>
      <c r="CL34" s="178">
        <v>0</v>
      </c>
      <c r="CM34" s="181">
        <v>0</v>
      </c>
      <c r="CN34" s="183">
        <v>0</v>
      </c>
      <c r="CO34" s="184">
        <v>0</v>
      </c>
      <c r="CP34" s="178">
        <v>0</v>
      </c>
      <c r="CQ34" s="178">
        <v>0</v>
      </c>
      <c r="CR34" s="179">
        <v>1</v>
      </c>
      <c r="CS34" s="180">
        <v>0</v>
      </c>
      <c r="CT34" s="180">
        <v>0</v>
      </c>
      <c r="CU34" s="180">
        <v>2</v>
      </c>
      <c r="CV34" s="178">
        <v>2</v>
      </c>
      <c r="CW34" s="181">
        <v>5</v>
      </c>
      <c r="CX34" s="182">
        <v>5</v>
      </c>
      <c r="CY34" s="177">
        <v>0</v>
      </c>
      <c r="CZ34" s="178">
        <v>0</v>
      </c>
      <c r="DA34" s="178">
        <v>0</v>
      </c>
      <c r="DB34" s="179">
        <v>1</v>
      </c>
      <c r="DC34" s="180">
        <v>0</v>
      </c>
      <c r="DD34" s="180">
        <v>0</v>
      </c>
      <c r="DE34" s="180">
        <v>2</v>
      </c>
      <c r="DF34" s="178">
        <v>2</v>
      </c>
      <c r="DG34" s="181">
        <v>5</v>
      </c>
      <c r="DH34" s="183">
        <v>5</v>
      </c>
      <c r="DI34" s="184">
        <v>0</v>
      </c>
      <c r="DJ34" s="178">
        <v>0</v>
      </c>
      <c r="DK34" s="178">
        <v>0</v>
      </c>
      <c r="DL34" s="179">
        <v>0</v>
      </c>
      <c r="DM34" s="180">
        <v>0</v>
      </c>
      <c r="DN34" s="180">
        <v>0</v>
      </c>
      <c r="DO34" s="180">
        <v>0</v>
      </c>
      <c r="DP34" s="178">
        <v>0</v>
      </c>
      <c r="DQ34" s="181">
        <v>0</v>
      </c>
      <c r="DR34" s="183">
        <v>0</v>
      </c>
      <c r="DS34" s="184">
        <v>0</v>
      </c>
      <c r="DT34" s="178">
        <v>0</v>
      </c>
      <c r="DU34" s="178">
        <v>0</v>
      </c>
      <c r="DV34" s="179">
        <v>6</v>
      </c>
      <c r="DW34" s="180">
        <v>10</v>
      </c>
      <c r="DX34" s="180">
        <v>36</v>
      </c>
      <c r="DY34" s="180">
        <v>48</v>
      </c>
      <c r="DZ34" s="178">
        <v>27</v>
      </c>
      <c r="EA34" s="181">
        <v>127</v>
      </c>
      <c r="EB34" s="183">
        <v>127</v>
      </c>
      <c r="EC34" s="32"/>
    </row>
    <row r="35" spans="2:133" ht="21" customHeight="1" x14ac:dyDescent="0.2">
      <c r="B35" s="437" t="s">
        <v>32</v>
      </c>
      <c r="C35" s="177">
        <v>0</v>
      </c>
      <c r="D35" s="178">
        <v>0</v>
      </c>
      <c r="E35" s="178">
        <v>0</v>
      </c>
      <c r="F35" s="179">
        <v>2</v>
      </c>
      <c r="G35" s="180">
        <v>0</v>
      </c>
      <c r="H35" s="180">
        <v>12</v>
      </c>
      <c r="I35" s="180">
        <v>22</v>
      </c>
      <c r="J35" s="178">
        <v>19</v>
      </c>
      <c r="K35" s="181">
        <v>55</v>
      </c>
      <c r="L35" s="182">
        <v>55</v>
      </c>
      <c r="M35" s="177">
        <v>0</v>
      </c>
      <c r="N35" s="178">
        <v>0</v>
      </c>
      <c r="O35" s="181">
        <v>0</v>
      </c>
      <c r="P35" s="179">
        <v>2</v>
      </c>
      <c r="Q35" s="180">
        <v>0</v>
      </c>
      <c r="R35" s="180">
        <v>12</v>
      </c>
      <c r="S35" s="180">
        <v>21</v>
      </c>
      <c r="T35" s="178">
        <v>18</v>
      </c>
      <c r="U35" s="181">
        <v>53</v>
      </c>
      <c r="V35" s="183">
        <v>53</v>
      </c>
      <c r="W35" s="184">
        <v>0</v>
      </c>
      <c r="X35" s="178">
        <v>0</v>
      </c>
      <c r="Y35" s="181">
        <v>0</v>
      </c>
      <c r="Z35" s="184">
        <v>0</v>
      </c>
      <c r="AA35" s="180">
        <v>0</v>
      </c>
      <c r="AB35" s="180">
        <v>0</v>
      </c>
      <c r="AC35" s="180">
        <v>1</v>
      </c>
      <c r="AD35" s="178">
        <v>1</v>
      </c>
      <c r="AE35" s="181">
        <v>2</v>
      </c>
      <c r="AF35" s="185">
        <v>2</v>
      </c>
      <c r="AG35" s="184">
        <v>0</v>
      </c>
      <c r="AH35" s="178">
        <v>0</v>
      </c>
      <c r="AI35" s="181">
        <v>0</v>
      </c>
      <c r="AJ35" s="184">
        <v>5</v>
      </c>
      <c r="AK35" s="180">
        <v>6</v>
      </c>
      <c r="AL35" s="180">
        <v>12</v>
      </c>
      <c r="AM35" s="180">
        <v>19</v>
      </c>
      <c r="AN35" s="178">
        <v>10</v>
      </c>
      <c r="AO35" s="181">
        <v>52</v>
      </c>
      <c r="AP35" s="185">
        <v>52</v>
      </c>
      <c r="AQ35" s="184">
        <v>0</v>
      </c>
      <c r="AR35" s="178">
        <v>0</v>
      </c>
      <c r="AS35" s="181">
        <v>0</v>
      </c>
      <c r="AT35" s="179">
        <v>5</v>
      </c>
      <c r="AU35" s="180">
        <v>6</v>
      </c>
      <c r="AV35" s="180">
        <v>12</v>
      </c>
      <c r="AW35" s="180">
        <v>19</v>
      </c>
      <c r="AX35" s="178">
        <v>10</v>
      </c>
      <c r="AY35" s="181">
        <v>52</v>
      </c>
      <c r="AZ35" s="182">
        <v>52</v>
      </c>
      <c r="BA35" s="177">
        <v>0</v>
      </c>
      <c r="BB35" s="178">
        <v>0</v>
      </c>
      <c r="BC35" s="178">
        <v>0</v>
      </c>
      <c r="BD35" s="179">
        <v>0</v>
      </c>
      <c r="BE35" s="180">
        <v>0</v>
      </c>
      <c r="BF35" s="180">
        <v>0</v>
      </c>
      <c r="BG35" s="180">
        <v>0</v>
      </c>
      <c r="BH35" s="178">
        <v>0</v>
      </c>
      <c r="BI35" s="181">
        <v>0</v>
      </c>
      <c r="BJ35" s="183">
        <v>0</v>
      </c>
      <c r="BK35" s="184">
        <v>0</v>
      </c>
      <c r="BL35" s="178">
        <v>0</v>
      </c>
      <c r="BM35" s="178">
        <v>0</v>
      </c>
      <c r="BN35" s="179">
        <v>0</v>
      </c>
      <c r="BO35" s="180">
        <v>0</v>
      </c>
      <c r="BP35" s="180">
        <v>0</v>
      </c>
      <c r="BQ35" s="180">
        <v>0</v>
      </c>
      <c r="BR35" s="178">
        <v>0</v>
      </c>
      <c r="BS35" s="181">
        <v>0</v>
      </c>
      <c r="BT35" s="182">
        <v>0</v>
      </c>
      <c r="BU35" s="177">
        <v>0</v>
      </c>
      <c r="BV35" s="178">
        <v>0</v>
      </c>
      <c r="BW35" s="178">
        <v>0</v>
      </c>
      <c r="BX35" s="179">
        <v>0</v>
      </c>
      <c r="BY35" s="180">
        <v>0</v>
      </c>
      <c r="BZ35" s="180">
        <v>0</v>
      </c>
      <c r="CA35" s="180">
        <v>0</v>
      </c>
      <c r="CB35" s="178">
        <v>0</v>
      </c>
      <c r="CC35" s="181">
        <v>0</v>
      </c>
      <c r="CD35" s="183">
        <v>0</v>
      </c>
      <c r="CE35" s="184">
        <v>0</v>
      </c>
      <c r="CF35" s="178">
        <v>0</v>
      </c>
      <c r="CG35" s="178">
        <v>0</v>
      </c>
      <c r="CH35" s="179">
        <v>0</v>
      </c>
      <c r="CI35" s="180">
        <v>0</v>
      </c>
      <c r="CJ35" s="180">
        <v>0</v>
      </c>
      <c r="CK35" s="180">
        <v>0</v>
      </c>
      <c r="CL35" s="178">
        <v>0</v>
      </c>
      <c r="CM35" s="181">
        <v>0</v>
      </c>
      <c r="CN35" s="183">
        <v>0</v>
      </c>
      <c r="CO35" s="184">
        <v>0</v>
      </c>
      <c r="CP35" s="178">
        <v>0</v>
      </c>
      <c r="CQ35" s="178">
        <v>0</v>
      </c>
      <c r="CR35" s="179">
        <v>0</v>
      </c>
      <c r="CS35" s="180">
        <v>2</v>
      </c>
      <c r="CT35" s="180">
        <v>2</v>
      </c>
      <c r="CU35" s="180">
        <v>0</v>
      </c>
      <c r="CV35" s="178">
        <v>1</v>
      </c>
      <c r="CW35" s="181">
        <v>5</v>
      </c>
      <c r="CX35" s="182">
        <v>5</v>
      </c>
      <c r="CY35" s="177">
        <v>0</v>
      </c>
      <c r="CZ35" s="178">
        <v>0</v>
      </c>
      <c r="DA35" s="178">
        <v>0</v>
      </c>
      <c r="DB35" s="179">
        <v>0</v>
      </c>
      <c r="DC35" s="180">
        <v>2</v>
      </c>
      <c r="DD35" s="180">
        <v>2</v>
      </c>
      <c r="DE35" s="180">
        <v>0</v>
      </c>
      <c r="DF35" s="178">
        <v>1</v>
      </c>
      <c r="DG35" s="181">
        <v>5</v>
      </c>
      <c r="DH35" s="183">
        <v>5</v>
      </c>
      <c r="DI35" s="184">
        <v>0</v>
      </c>
      <c r="DJ35" s="178">
        <v>0</v>
      </c>
      <c r="DK35" s="178">
        <v>0</v>
      </c>
      <c r="DL35" s="179">
        <v>0</v>
      </c>
      <c r="DM35" s="180">
        <v>0</v>
      </c>
      <c r="DN35" s="180">
        <v>0</v>
      </c>
      <c r="DO35" s="180">
        <v>0</v>
      </c>
      <c r="DP35" s="178">
        <v>0</v>
      </c>
      <c r="DQ35" s="181">
        <v>0</v>
      </c>
      <c r="DR35" s="183">
        <v>0</v>
      </c>
      <c r="DS35" s="184">
        <v>0</v>
      </c>
      <c r="DT35" s="178">
        <v>0</v>
      </c>
      <c r="DU35" s="178">
        <v>0</v>
      </c>
      <c r="DV35" s="179">
        <v>7</v>
      </c>
      <c r="DW35" s="180">
        <v>8</v>
      </c>
      <c r="DX35" s="180">
        <v>26</v>
      </c>
      <c r="DY35" s="180">
        <v>41</v>
      </c>
      <c r="DZ35" s="178">
        <v>30</v>
      </c>
      <c r="EA35" s="181">
        <v>112</v>
      </c>
      <c r="EB35" s="183">
        <v>112</v>
      </c>
      <c r="EC35" s="32"/>
    </row>
    <row r="36" spans="2:133" ht="21" customHeight="1" x14ac:dyDescent="0.2">
      <c r="B36" s="437" t="s">
        <v>33</v>
      </c>
      <c r="C36" s="177">
        <v>0</v>
      </c>
      <c r="D36" s="178">
        <v>0</v>
      </c>
      <c r="E36" s="178">
        <v>0</v>
      </c>
      <c r="F36" s="179">
        <v>0</v>
      </c>
      <c r="G36" s="180">
        <v>7</v>
      </c>
      <c r="H36" s="180">
        <v>23</v>
      </c>
      <c r="I36" s="180">
        <v>31</v>
      </c>
      <c r="J36" s="178">
        <v>20</v>
      </c>
      <c r="K36" s="181">
        <v>81</v>
      </c>
      <c r="L36" s="182">
        <v>81</v>
      </c>
      <c r="M36" s="177">
        <v>0</v>
      </c>
      <c r="N36" s="178">
        <v>0</v>
      </c>
      <c r="O36" s="181">
        <v>0</v>
      </c>
      <c r="P36" s="179">
        <v>0</v>
      </c>
      <c r="Q36" s="180">
        <v>7</v>
      </c>
      <c r="R36" s="180">
        <v>23</v>
      </c>
      <c r="S36" s="180">
        <v>31</v>
      </c>
      <c r="T36" s="178">
        <v>20</v>
      </c>
      <c r="U36" s="181">
        <v>81</v>
      </c>
      <c r="V36" s="183">
        <v>81</v>
      </c>
      <c r="W36" s="184">
        <v>0</v>
      </c>
      <c r="X36" s="178">
        <v>0</v>
      </c>
      <c r="Y36" s="181">
        <v>0</v>
      </c>
      <c r="Z36" s="184">
        <v>0</v>
      </c>
      <c r="AA36" s="180">
        <v>0</v>
      </c>
      <c r="AB36" s="180">
        <v>0</v>
      </c>
      <c r="AC36" s="180">
        <v>0</v>
      </c>
      <c r="AD36" s="178">
        <v>0</v>
      </c>
      <c r="AE36" s="181">
        <v>0</v>
      </c>
      <c r="AF36" s="185">
        <v>0</v>
      </c>
      <c r="AG36" s="184">
        <v>0</v>
      </c>
      <c r="AH36" s="178">
        <v>0</v>
      </c>
      <c r="AI36" s="181">
        <v>0</v>
      </c>
      <c r="AJ36" s="184">
        <v>7</v>
      </c>
      <c r="AK36" s="180">
        <v>8</v>
      </c>
      <c r="AL36" s="180">
        <v>13</v>
      </c>
      <c r="AM36" s="180">
        <v>19</v>
      </c>
      <c r="AN36" s="178">
        <v>7</v>
      </c>
      <c r="AO36" s="181">
        <v>54</v>
      </c>
      <c r="AP36" s="185">
        <v>54</v>
      </c>
      <c r="AQ36" s="184">
        <v>0</v>
      </c>
      <c r="AR36" s="178">
        <v>0</v>
      </c>
      <c r="AS36" s="181">
        <v>0</v>
      </c>
      <c r="AT36" s="179">
        <v>7</v>
      </c>
      <c r="AU36" s="180">
        <v>8</v>
      </c>
      <c r="AV36" s="180">
        <v>13</v>
      </c>
      <c r="AW36" s="180">
        <v>19</v>
      </c>
      <c r="AX36" s="178">
        <v>7</v>
      </c>
      <c r="AY36" s="181">
        <v>54</v>
      </c>
      <c r="AZ36" s="182">
        <v>54</v>
      </c>
      <c r="BA36" s="177">
        <v>0</v>
      </c>
      <c r="BB36" s="178">
        <v>0</v>
      </c>
      <c r="BC36" s="178">
        <v>0</v>
      </c>
      <c r="BD36" s="179">
        <v>0</v>
      </c>
      <c r="BE36" s="180">
        <v>0</v>
      </c>
      <c r="BF36" s="180">
        <v>0</v>
      </c>
      <c r="BG36" s="180">
        <v>0</v>
      </c>
      <c r="BH36" s="178">
        <v>0</v>
      </c>
      <c r="BI36" s="181">
        <v>0</v>
      </c>
      <c r="BJ36" s="183">
        <v>0</v>
      </c>
      <c r="BK36" s="184">
        <v>0</v>
      </c>
      <c r="BL36" s="178">
        <v>0</v>
      </c>
      <c r="BM36" s="178">
        <v>0</v>
      </c>
      <c r="BN36" s="179">
        <v>0</v>
      </c>
      <c r="BO36" s="180">
        <v>0</v>
      </c>
      <c r="BP36" s="180">
        <v>0</v>
      </c>
      <c r="BQ36" s="180">
        <v>0</v>
      </c>
      <c r="BR36" s="178">
        <v>0</v>
      </c>
      <c r="BS36" s="181">
        <v>0</v>
      </c>
      <c r="BT36" s="182">
        <v>0</v>
      </c>
      <c r="BU36" s="177">
        <v>0</v>
      </c>
      <c r="BV36" s="178">
        <v>0</v>
      </c>
      <c r="BW36" s="178">
        <v>0</v>
      </c>
      <c r="BX36" s="179">
        <v>0</v>
      </c>
      <c r="BY36" s="180">
        <v>0</v>
      </c>
      <c r="BZ36" s="180">
        <v>0</v>
      </c>
      <c r="CA36" s="180">
        <v>0</v>
      </c>
      <c r="CB36" s="178">
        <v>0</v>
      </c>
      <c r="CC36" s="181">
        <v>0</v>
      </c>
      <c r="CD36" s="183">
        <v>0</v>
      </c>
      <c r="CE36" s="184">
        <v>0</v>
      </c>
      <c r="CF36" s="178">
        <v>0</v>
      </c>
      <c r="CG36" s="178">
        <v>0</v>
      </c>
      <c r="CH36" s="179">
        <v>0</v>
      </c>
      <c r="CI36" s="180">
        <v>0</v>
      </c>
      <c r="CJ36" s="180">
        <v>0</v>
      </c>
      <c r="CK36" s="180">
        <v>0</v>
      </c>
      <c r="CL36" s="178">
        <v>0</v>
      </c>
      <c r="CM36" s="181">
        <v>0</v>
      </c>
      <c r="CN36" s="183">
        <v>0</v>
      </c>
      <c r="CO36" s="184">
        <v>0</v>
      </c>
      <c r="CP36" s="178">
        <v>0</v>
      </c>
      <c r="CQ36" s="178">
        <v>0</v>
      </c>
      <c r="CR36" s="179">
        <v>3</v>
      </c>
      <c r="CS36" s="180">
        <v>11</v>
      </c>
      <c r="CT36" s="180">
        <v>7</v>
      </c>
      <c r="CU36" s="180">
        <v>9</v>
      </c>
      <c r="CV36" s="178">
        <v>11</v>
      </c>
      <c r="CW36" s="181">
        <v>41</v>
      </c>
      <c r="CX36" s="182">
        <v>41</v>
      </c>
      <c r="CY36" s="177">
        <v>0</v>
      </c>
      <c r="CZ36" s="178">
        <v>0</v>
      </c>
      <c r="DA36" s="178">
        <v>0</v>
      </c>
      <c r="DB36" s="179">
        <v>3</v>
      </c>
      <c r="DC36" s="180">
        <v>11</v>
      </c>
      <c r="DD36" s="180">
        <v>7</v>
      </c>
      <c r="DE36" s="180">
        <v>9</v>
      </c>
      <c r="DF36" s="178">
        <v>11</v>
      </c>
      <c r="DG36" s="181">
        <v>41</v>
      </c>
      <c r="DH36" s="183">
        <v>41</v>
      </c>
      <c r="DI36" s="184">
        <v>0</v>
      </c>
      <c r="DJ36" s="178">
        <v>0</v>
      </c>
      <c r="DK36" s="178">
        <v>0</v>
      </c>
      <c r="DL36" s="179">
        <v>0</v>
      </c>
      <c r="DM36" s="180">
        <v>0</v>
      </c>
      <c r="DN36" s="180">
        <v>0</v>
      </c>
      <c r="DO36" s="180">
        <v>0</v>
      </c>
      <c r="DP36" s="178">
        <v>0</v>
      </c>
      <c r="DQ36" s="181">
        <v>0</v>
      </c>
      <c r="DR36" s="183">
        <v>0</v>
      </c>
      <c r="DS36" s="184">
        <v>0</v>
      </c>
      <c r="DT36" s="178">
        <v>0</v>
      </c>
      <c r="DU36" s="178">
        <v>0</v>
      </c>
      <c r="DV36" s="179">
        <v>10</v>
      </c>
      <c r="DW36" s="180">
        <v>25</v>
      </c>
      <c r="DX36" s="180">
        <v>43</v>
      </c>
      <c r="DY36" s="180">
        <v>59</v>
      </c>
      <c r="DZ36" s="178">
        <v>38</v>
      </c>
      <c r="EA36" s="181">
        <v>175</v>
      </c>
      <c r="EB36" s="183">
        <v>175</v>
      </c>
      <c r="EC36" s="32"/>
    </row>
    <row r="37" spans="2:133" ht="21" customHeight="1" x14ac:dyDescent="0.2">
      <c r="B37" s="437" t="s">
        <v>34</v>
      </c>
      <c r="C37" s="177">
        <v>0</v>
      </c>
      <c r="D37" s="178">
        <v>0</v>
      </c>
      <c r="E37" s="178">
        <v>0</v>
      </c>
      <c r="F37" s="179">
        <v>0</v>
      </c>
      <c r="G37" s="180">
        <v>0</v>
      </c>
      <c r="H37" s="180">
        <v>8</v>
      </c>
      <c r="I37" s="180">
        <v>26</v>
      </c>
      <c r="J37" s="178">
        <v>10</v>
      </c>
      <c r="K37" s="181">
        <v>44</v>
      </c>
      <c r="L37" s="182">
        <v>44</v>
      </c>
      <c r="M37" s="177">
        <v>0</v>
      </c>
      <c r="N37" s="178">
        <v>0</v>
      </c>
      <c r="O37" s="181">
        <v>0</v>
      </c>
      <c r="P37" s="179">
        <v>0</v>
      </c>
      <c r="Q37" s="180">
        <v>0</v>
      </c>
      <c r="R37" s="180">
        <v>8</v>
      </c>
      <c r="S37" s="180">
        <v>26</v>
      </c>
      <c r="T37" s="178">
        <v>10</v>
      </c>
      <c r="U37" s="181">
        <v>44</v>
      </c>
      <c r="V37" s="183">
        <v>44</v>
      </c>
      <c r="W37" s="184">
        <v>0</v>
      </c>
      <c r="X37" s="178">
        <v>0</v>
      </c>
      <c r="Y37" s="181">
        <v>0</v>
      </c>
      <c r="Z37" s="184">
        <v>0</v>
      </c>
      <c r="AA37" s="180">
        <v>0</v>
      </c>
      <c r="AB37" s="180">
        <v>0</v>
      </c>
      <c r="AC37" s="180">
        <v>0</v>
      </c>
      <c r="AD37" s="178">
        <v>0</v>
      </c>
      <c r="AE37" s="181">
        <v>0</v>
      </c>
      <c r="AF37" s="185">
        <v>0</v>
      </c>
      <c r="AG37" s="184">
        <v>0</v>
      </c>
      <c r="AH37" s="178">
        <v>0</v>
      </c>
      <c r="AI37" s="181">
        <v>0</v>
      </c>
      <c r="AJ37" s="184">
        <v>8</v>
      </c>
      <c r="AK37" s="180">
        <v>11</v>
      </c>
      <c r="AL37" s="180">
        <v>8</v>
      </c>
      <c r="AM37" s="180">
        <v>9</v>
      </c>
      <c r="AN37" s="178">
        <v>3</v>
      </c>
      <c r="AO37" s="181">
        <v>39</v>
      </c>
      <c r="AP37" s="185">
        <v>39</v>
      </c>
      <c r="AQ37" s="184">
        <v>0</v>
      </c>
      <c r="AR37" s="178">
        <v>0</v>
      </c>
      <c r="AS37" s="181">
        <v>0</v>
      </c>
      <c r="AT37" s="179">
        <v>8</v>
      </c>
      <c r="AU37" s="180">
        <v>10</v>
      </c>
      <c r="AV37" s="180">
        <v>8</v>
      </c>
      <c r="AW37" s="180">
        <v>9</v>
      </c>
      <c r="AX37" s="178">
        <v>3</v>
      </c>
      <c r="AY37" s="181">
        <v>38</v>
      </c>
      <c r="AZ37" s="182">
        <v>38</v>
      </c>
      <c r="BA37" s="177">
        <v>0</v>
      </c>
      <c r="BB37" s="178">
        <v>0</v>
      </c>
      <c r="BC37" s="178">
        <v>0</v>
      </c>
      <c r="BD37" s="179">
        <v>0</v>
      </c>
      <c r="BE37" s="180">
        <v>1</v>
      </c>
      <c r="BF37" s="180">
        <v>0</v>
      </c>
      <c r="BG37" s="180">
        <v>0</v>
      </c>
      <c r="BH37" s="178">
        <v>0</v>
      </c>
      <c r="BI37" s="181">
        <v>1</v>
      </c>
      <c r="BJ37" s="183">
        <v>1</v>
      </c>
      <c r="BK37" s="184">
        <v>0</v>
      </c>
      <c r="BL37" s="178">
        <v>0</v>
      </c>
      <c r="BM37" s="178">
        <v>0</v>
      </c>
      <c r="BN37" s="179">
        <v>0</v>
      </c>
      <c r="BO37" s="180">
        <v>0</v>
      </c>
      <c r="BP37" s="180">
        <v>0</v>
      </c>
      <c r="BQ37" s="180">
        <v>0</v>
      </c>
      <c r="BR37" s="178">
        <v>0</v>
      </c>
      <c r="BS37" s="181">
        <v>0</v>
      </c>
      <c r="BT37" s="182">
        <v>0</v>
      </c>
      <c r="BU37" s="177">
        <v>0</v>
      </c>
      <c r="BV37" s="178">
        <v>0</v>
      </c>
      <c r="BW37" s="178">
        <v>0</v>
      </c>
      <c r="BX37" s="179">
        <v>0</v>
      </c>
      <c r="BY37" s="180">
        <v>0</v>
      </c>
      <c r="BZ37" s="180">
        <v>0</v>
      </c>
      <c r="CA37" s="180">
        <v>0</v>
      </c>
      <c r="CB37" s="178">
        <v>0</v>
      </c>
      <c r="CC37" s="181">
        <v>0</v>
      </c>
      <c r="CD37" s="183">
        <v>0</v>
      </c>
      <c r="CE37" s="184">
        <v>0</v>
      </c>
      <c r="CF37" s="178">
        <v>0</v>
      </c>
      <c r="CG37" s="178">
        <v>0</v>
      </c>
      <c r="CH37" s="179">
        <v>0</v>
      </c>
      <c r="CI37" s="180">
        <v>0</v>
      </c>
      <c r="CJ37" s="180">
        <v>0</v>
      </c>
      <c r="CK37" s="180">
        <v>0</v>
      </c>
      <c r="CL37" s="178">
        <v>0</v>
      </c>
      <c r="CM37" s="181">
        <v>0</v>
      </c>
      <c r="CN37" s="183">
        <v>0</v>
      </c>
      <c r="CO37" s="184">
        <v>0</v>
      </c>
      <c r="CP37" s="178">
        <v>0</v>
      </c>
      <c r="CQ37" s="178">
        <v>0</v>
      </c>
      <c r="CR37" s="179">
        <v>0</v>
      </c>
      <c r="CS37" s="180">
        <v>0</v>
      </c>
      <c r="CT37" s="180">
        <v>0</v>
      </c>
      <c r="CU37" s="180">
        <v>2</v>
      </c>
      <c r="CV37" s="178">
        <v>1</v>
      </c>
      <c r="CW37" s="181">
        <v>3</v>
      </c>
      <c r="CX37" s="182">
        <v>3</v>
      </c>
      <c r="CY37" s="177">
        <v>0</v>
      </c>
      <c r="CZ37" s="178">
        <v>0</v>
      </c>
      <c r="DA37" s="178">
        <v>0</v>
      </c>
      <c r="DB37" s="179">
        <v>0</v>
      </c>
      <c r="DC37" s="180">
        <v>0</v>
      </c>
      <c r="DD37" s="180">
        <v>0</v>
      </c>
      <c r="DE37" s="180">
        <v>2</v>
      </c>
      <c r="DF37" s="178">
        <v>0</v>
      </c>
      <c r="DG37" s="181">
        <v>2</v>
      </c>
      <c r="DH37" s="183">
        <v>2</v>
      </c>
      <c r="DI37" s="184">
        <v>0</v>
      </c>
      <c r="DJ37" s="178">
        <v>0</v>
      </c>
      <c r="DK37" s="178">
        <v>0</v>
      </c>
      <c r="DL37" s="179">
        <v>0</v>
      </c>
      <c r="DM37" s="180">
        <v>0</v>
      </c>
      <c r="DN37" s="180">
        <v>0</v>
      </c>
      <c r="DO37" s="180">
        <v>0</v>
      </c>
      <c r="DP37" s="178">
        <v>1</v>
      </c>
      <c r="DQ37" s="181">
        <v>1</v>
      </c>
      <c r="DR37" s="183">
        <v>1</v>
      </c>
      <c r="DS37" s="184">
        <v>0</v>
      </c>
      <c r="DT37" s="178">
        <v>0</v>
      </c>
      <c r="DU37" s="178">
        <v>0</v>
      </c>
      <c r="DV37" s="179">
        <v>8</v>
      </c>
      <c r="DW37" s="180">
        <v>11</v>
      </c>
      <c r="DX37" s="180">
        <v>16</v>
      </c>
      <c r="DY37" s="180">
        <v>37</v>
      </c>
      <c r="DZ37" s="178">
        <v>14</v>
      </c>
      <c r="EA37" s="181">
        <v>86</v>
      </c>
      <c r="EB37" s="183">
        <v>86</v>
      </c>
      <c r="EC37" s="32"/>
    </row>
    <row r="38" spans="2:133" ht="21" customHeight="1" x14ac:dyDescent="0.2">
      <c r="B38" s="437" t="s">
        <v>35</v>
      </c>
      <c r="C38" s="177">
        <v>0</v>
      </c>
      <c r="D38" s="178">
        <v>0</v>
      </c>
      <c r="E38" s="178">
        <v>0</v>
      </c>
      <c r="F38" s="179">
        <v>1</v>
      </c>
      <c r="G38" s="180">
        <v>1</v>
      </c>
      <c r="H38" s="180">
        <v>23</v>
      </c>
      <c r="I38" s="180">
        <v>48</v>
      </c>
      <c r="J38" s="178">
        <v>31</v>
      </c>
      <c r="K38" s="181">
        <v>104</v>
      </c>
      <c r="L38" s="182">
        <v>104</v>
      </c>
      <c r="M38" s="177">
        <v>0</v>
      </c>
      <c r="N38" s="178">
        <v>0</v>
      </c>
      <c r="O38" s="181">
        <v>0</v>
      </c>
      <c r="P38" s="179">
        <v>1</v>
      </c>
      <c r="Q38" s="180">
        <v>1</v>
      </c>
      <c r="R38" s="180">
        <v>23</v>
      </c>
      <c r="S38" s="180">
        <v>48</v>
      </c>
      <c r="T38" s="178">
        <v>31</v>
      </c>
      <c r="U38" s="181">
        <v>104</v>
      </c>
      <c r="V38" s="183">
        <v>104</v>
      </c>
      <c r="W38" s="184">
        <v>0</v>
      </c>
      <c r="X38" s="178">
        <v>0</v>
      </c>
      <c r="Y38" s="181">
        <v>0</v>
      </c>
      <c r="Z38" s="184">
        <v>0</v>
      </c>
      <c r="AA38" s="180">
        <v>0</v>
      </c>
      <c r="AB38" s="180">
        <v>0</v>
      </c>
      <c r="AC38" s="180">
        <v>0</v>
      </c>
      <c r="AD38" s="178">
        <v>0</v>
      </c>
      <c r="AE38" s="181">
        <v>0</v>
      </c>
      <c r="AF38" s="185">
        <v>0</v>
      </c>
      <c r="AG38" s="184">
        <v>0</v>
      </c>
      <c r="AH38" s="178">
        <v>0</v>
      </c>
      <c r="AI38" s="181">
        <v>0</v>
      </c>
      <c r="AJ38" s="184">
        <v>21</v>
      </c>
      <c r="AK38" s="180">
        <v>29</v>
      </c>
      <c r="AL38" s="180">
        <v>28</v>
      </c>
      <c r="AM38" s="180">
        <v>14</v>
      </c>
      <c r="AN38" s="178">
        <v>10</v>
      </c>
      <c r="AO38" s="181">
        <v>102</v>
      </c>
      <c r="AP38" s="185">
        <v>102</v>
      </c>
      <c r="AQ38" s="184">
        <v>0</v>
      </c>
      <c r="AR38" s="178">
        <v>0</v>
      </c>
      <c r="AS38" s="181">
        <v>0</v>
      </c>
      <c r="AT38" s="179">
        <v>21</v>
      </c>
      <c r="AU38" s="180">
        <v>28</v>
      </c>
      <c r="AV38" s="180">
        <v>28</v>
      </c>
      <c r="AW38" s="180">
        <v>14</v>
      </c>
      <c r="AX38" s="178">
        <v>10</v>
      </c>
      <c r="AY38" s="181">
        <v>101</v>
      </c>
      <c r="AZ38" s="182">
        <v>101</v>
      </c>
      <c r="BA38" s="177">
        <v>0</v>
      </c>
      <c r="BB38" s="178">
        <v>0</v>
      </c>
      <c r="BC38" s="178">
        <v>0</v>
      </c>
      <c r="BD38" s="179">
        <v>0</v>
      </c>
      <c r="BE38" s="180">
        <v>1</v>
      </c>
      <c r="BF38" s="180">
        <v>0</v>
      </c>
      <c r="BG38" s="180">
        <v>0</v>
      </c>
      <c r="BH38" s="178">
        <v>0</v>
      </c>
      <c r="BI38" s="181">
        <v>1</v>
      </c>
      <c r="BJ38" s="183">
        <v>1</v>
      </c>
      <c r="BK38" s="184">
        <v>0</v>
      </c>
      <c r="BL38" s="178">
        <v>0</v>
      </c>
      <c r="BM38" s="178">
        <v>0</v>
      </c>
      <c r="BN38" s="179">
        <v>0</v>
      </c>
      <c r="BO38" s="180">
        <v>0</v>
      </c>
      <c r="BP38" s="180">
        <v>0</v>
      </c>
      <c r="BQ38" s="180">
        <v>0</v>
      </c>
      <c r="BR38" s="178">
        <v>0</v>
      </c>
      <c r="BS38" s="181">
        <v>0</v>
      </c>
      <c r="BT38" s="182">
        <v>0</v>
      </c>
      <c r="BU38" s="177">
        <v>0</v>
      </c>
      <c r="BV38" s="178">
        <v>0</v>
      </c>
      <c r="BW38" s="178">
        <v>0</v>
      </c>
      <c r="BX38" s="179">
        <v>0</v>
      </c>
      <c r="BY38" s="180">
        <v>0</v>
      </c>
      <c r="BZ38" s="180">
        <v>0</v>
      </c>
      <c r="CA38" s="180">
        <v>0</v>
      </c>
      <c r="CB38" s="178">
        <v>0</v>
      </c>
      <c r="CC38" s="181">
        <v>0</v>
      </c>
      <c r="CD38" s="183">
        <v>0</v>
      </c>
      <c r="CE38" s="184">
        <v>0</v>
      </c>
      <c r="CF38" s="178">
        <v>0</v>
      </c>
      <c r="CG38" s="178">
        <v>0</v>
      </c>
      <c r="CH38" s="179">
        <v>0</v>
      </c>
      <c r="CI38" s="180">
        <v>0</v>
      </c>
      <c r="CJ38" s="180">
        <v>0</v>
      </c>
      <c r="CK38" s="180">
        <v>0</v>
      </c>
      <c r="CL38" s="178">
        <v>0</v>
      </c>
      <c r="CM38" s="181">
        <v>0</v>
      </c>
      <c r="CN38" s="183">
        <v>0</v>
      </c>
      <c r="CO38" s="184">
        <v>0</v>
      </c>
      <c r="CP38" s="178">
        <v>0</v>
      </c>
      <c r="CQ38" s="178">
        <v>0</v>
      </c>
      <c r="CR38" s="179">
        <v>3</v>
      </c>
      <c r="CS38" s="180">
        <v>1</v>
      </c>
      <c r="CT38" s="180">
        <v>7</v>
      </c>
      <c r="CU38" s="180">
        <v>7</v>
      </c>
      <c r="CV38" s="178">
        <v>6</v>
      </c>
      <c r="CW38" s="181">
        <v>24</v>
      </c>
      <c r="CX38" s="182">
        <v>24</v>
      </c>
      <c r="CY38" s="177">
        <v>0</v>
      </c>
      <c r="CZ38" s="178">
        <v>0</v>
      </c>
      <c r="DA38" s="178">
        <v>0</v>
      </c>
      <c r="DB38" s="179">
        <v>2</v>
      </c>
      <c r="DC38" s="180">
        <v>1</v>
      </c>
      <c r="DD38" s="180">
        <v>7</v>
      </c>
      <c r="DE38" s="180">
        <v>7</v>
      </c>
      <c r="DF38" s="178">
        <v>6</v>
      </c>
      <c r="DG38" s="181">
        <v>23</v>
      </c>
      <c r="DH38" s="183">
        <v>23</v>
      </c>
      <c r="DI38" s="184">
        <v>0</v>
      </c>
      <c r="DJ38" s="178">
        <v>0</v>
      </c>
      <c r="DK38" s="178">
        <v>0</v>
      </c>
      <c r="DL38" s="179">
        <v>1</v>
      </c>
      <c r="DM38" s="180">
        <v>0</v>
      </c>
      <c r="DN38" s="180">
        <v>0</v>
      </c>
      <c r="DO38" s="180">
        <v>0</v>
      </c>
      <c r="DP38" s="178">
        <v>0</v>
      </c>
      <c r="DQ38" s="181">
        <v>1</v>
      </c>
      <c r="DR38" s="183">
        <v>1</v>
      </c>
      <c r="DS38" s="184">
        <v>0</v>
      </c>
      <c r="DT38" s="178">
        <v>0</v>
      </c>
      <c r="DU38" s="178">
        <v>0</v>
      </c>
      <c r="DV38" s="179">
        <v>25</v>
      </c>
      <c r="DW38" s="180">
        <v>31</v>
      </c>
      <c r="DX38" s="180">
        <v>58</v>
      </c>
      <c r="DY38" s="180">
        <v>69</v>
      </c>
      <c r="DZ38" s="178">
        <v>47</v>
      </c>
      <c r="EA38" s="181">
        <v>230</v>
      </c>
      <c r="EB38" s="183">
        <v>230</v>
      </c>
      <c r="EC38" s="32"/>
    </row>
    <row r="39" spans="2:133" ht="21" customHeight="1" x14ac:dyDescent="0.2">
      <c r="B39" s="437" t="s">
        <v>36</v>
      </c>
      <c r="C39" s="177">
        <v>0</v>
      </c>
      <c r="D39" s="178">
        <v>0</v>
      </c>
      <c r="E39" s="178">
        <v>0</v>
      </c>
      <c r="F39" s="179">
        <v>0</v>
      </c>
      <c r="G39" s="180">
        <v>3</v>
      </c>
      <c r="H39" s="180">
        <v>58</v>
      </c>
      <c r="I39" s="180">
        <v>84</v>
      </c>
      <c r="J39" s="178">
        <v>67</v>
      </c>
      <c r="K39" s="181">
        <v>212</v>
      </c>
      <c r="L39" s="182">
        <v>212</v>
      </c>
      <c r="M39" s="177">
        <v>0</v>
      </c>
      <c r="N39" s="178">
        <v>0</v>
      </c>
      <c r="O39" s="181">
        <v>0</v>
      </c>
      <c r="P39" s="179">
        <v>0</v>
      </c>
      <c r="Q39" s="180">
        <v>3</v>
      </c>
      <c r="R39" s="180">
        <v>57</v>
      </c>
      <c r="S39" s="180">
        <v>80</v>
      </c>
      <c r="T39" s="178">
        <v>66</v>
      </c>
      <c r="U39" s="181">
        <v>206</v>
      </c>
      <c r="V39" s="183">
        <v>206</v>
      </c>
      <c r="W39" s="184">
        <v>0</v>
      </c>
      <c r="X39" s="178">
        <v>0</v>
      </c>
      <c r="Y39" s="181">
        <v>0</v>
      </c>
      <c r="Z39" s="184">
        <v>0</v>
      </c>
      <c r="AA39" s="180">
        <v>0</v>
      </c>
      <c r="AB39" s="180">
        <v>1</v>
      </c>
      <c r="AC39" s="180">
        <v>4</v>
      </c>
      <c r="AD39" s="178">
        <v>1</v>
      </c>
      <c r="AE39" s="181">
        <v>6</v>
      </c>
      <c r="AF39" s="185">
        <v>6</v>
      </c>
      <c r="AG39" s="184">
        <v>0</v>
      </c>
      <c r="AH39" s="178">
        <v>0</v>
      </c>
      <c r="AI39" s="181">
        <v>0</v>
      </c>
      <c r="AJ39" s="184">
        <v>13</v>
      </c>
      <c r="AK39" s="180">
        <v>21</v>
      </c>
      <c r="AL39" s="180">
        <v>54</v>
      </c>
      <c r="AM39" s="180">
        <v>54</v>
      </c>
      <c r="AN39" s="178">
        <v>22</v>
      </c>
      <c r="AO39" s="181">
        <v>164</v>
      </c>
      <c r="AP39" s="185">
        <v>164</v>
      </c>
      <c r="AQ39" s="184">
        <v>0</v>
      </c>
      <c r="AR39" s="178">
        <v>0</v>
      </c>
      <c r="AS39" s="181">
        <v>0</v>
      </c>
      <c r="AT39" s="179">
        <v>13</v>
      </c>
      <c r="AU39" s="180">
        <v>21</v>
      </c>
      <c r="AV39" s="180">
        <v>53</v>
      </c>
      <c r="AW39" s="180">
        <v>53</v>
      </c>
      <c r="AX39" s="178">
        <v>22</v>
      </c>
      <c r="AY39" s="181">
        <v>162</v>
      </c>
      <c r="AZ39" s="182">
        <v>162</v>
      </c>
      <c r="BA39" s="177">
        <v>0</v>
      </c>
      <c r="BB39" s="178">
        <v>0</v>
      </c>
      <c r="BC39" s="178">
        <v>0</v>
      </c>
      <c r="BD39" s="179">
        <v>0</v>
      </c>
      <c r="BE39" s="180">
        <v>0</v>
      </c>
      <c r="BF39" s="180">
        <v>1</v>
      </c>
      <c r="BG39" s="180">
        <v>1</v>
      </c>
      <c r="BH39" s="178">
        <v>0</v>
      </c>
      <c r="BI39" s="181">
        <v>2</v>
      </c>
      <c r="BJ39" s="183">
        <v>2</v>
      </c>
      <c r="BK39" s="184">
        <v>0</v>
      </c>
      <c r="BL39" s="178">
        <v>0</v>
      </c>
      <c r="BM39" s="178">
        <v>0</v>
      </c>
      <c r="BN39" s="179">
        <v>0</v>
      </c>
      <c r="BO39" s="180">
        <v>0</v>
      </c>
      <c r="BP39" s="180">
        <v>0</v>
      </c>
      <c r="BQ39" s="180">
        <v>1</v>
      </c>
      <c r="BR39" s="178">
        <v>1</v>
      </c>
      <c r="BS39" s="181">
        <v>2</v>
      </c>
      <c r="BT39" s="182">
        <v>2</v>
      </c>
      <c r="BU39" s="177">
        <v>0</v>
      </c>
      <c r="BV39" s="178">
        <v>0</v>
      </c>
      <c r="BW39" s="178">
        <v>0</v>
      </c>
      <c r="BX39" s="179">
        <v>0</v>
      </c>
      <c r="BY39" s="180">
        <v>0</v>
      </c>
      <c r="BZ39" s="180">
        <v>0</v>
      </c>
      <c r="CA39" s="180">
        <v>1</v>
      </c>
      <c r="CB39" s="178">
        <v>1</v>
      </c>
      <c r="CC39" s="181">
        <v>2</v>
      </c>
      <c r="CD39" s="183">
        <v>2</v>
      </c>
      <c r="CE39" s="184">
        <v>0</v>
      </c>
      <c r="CF39" s="178">
        <v>0</v>
      </c>
      <c r="CG39" s="178">
        <v>0</v>
      </c>
      <c r="CH39" s="179">
        <v>0</v>
      </c>
      <c r="CI39" s="180">
        <v>0</v>
      </c>
      <c r="CJ39" s="180">
        <v>0</v>
      </c>
      <c r="CK39" s="180">
        <v>0</v>
      </c>
      <c r="CL39" s="178">
        <v>0</v>
      </c>
      <c r="CM39" s="181">
        <v>0</v>
      </c>
      <c r="CN39" s="183">
        <v>0</v>
      </c>
      <c r="CO39" s="184">
        <v>0</v>
      </c>
      <c r="CP39" s="178">
        <v>0</v>
      </c>
      <c r="CQ39" s="178">
        <v>0</v>
      </c>
      <c r="CR39" s="179">
        <v>0</v>
      </c>
      <c r="CS39" s="180">
        <v>0</v>
      </c>
      <c r="CT39" s="180">
        <v>0</v>
      </c>
      <c r="CU39" s="180">
        <v>8</v>
      </c>
      <c r="CV39" s="178">
        <v>2</v>
      </c>
      <c r="CW39" s="181">
        <v>10</v>
      </c>
      <c r="CX39" s="182">
        <v>10</v>
      </c>
      <c r="CY39" s="177">
        <v>0</v>
      </c>
      <c r="CZ39" s="178">
        <v>0</v>
      </c>
      <c r="DA39" s="178">
        <v>0</v>
      </c>
      <c r="DB39" s="179">
        <v>0</v>
      </c>
      <c r="DC39" s="180">
        <v>0</v>
      </c>
      <c r="DD39" s="180">
        <v>0</v>
      </c>
      <c r="DE39" s="180">
        <v>7</v>
      </c>
      <c r="DF39" s="178">
        <v>2</v>
      </c>
      <c r="DG39" s="181">
        <v>9</v>
      </c>
      <c r="DH39" s="183">
        <v>9</v>
      </c>
      <c r="DI39" s="184">
        <v>0</v>
      </c>
      <c r="DJ39" s="178">
        <v>0</v>
      </c>
      <c r="DK39" s="178">
        <v>0</v>
      </c>
      <c r="DL39" s="179">
        <v>0</v>
      </c>
      <c r="DM39" s="180">
        <v>0</v>
      </c>
      <c r="DN39" s="180">
        <v>0</v>
      </c>
      <c r="DO39" s="180">
        <v>1</v>
      </c>
      <c r="DP39" s="178">
        <v>0</v>
      </c>
      <c r="DQ39" s="181">
        <v>1</v>
      </c>
      <c r="DR39" s="183">
        <v>1</v>
      </c>
      <c r="DS39" s="184">
        <v>0</v>
      </c>
      <c r="DT39" s="178">
        <v>0</v>
      </c>
      <c r="DU39" s="178">
        <v>0</v>
      </c>
      <c r="DV39" s="179">
        <v>13</v>
      </c>
      <c r="DW39" s="180">
        <v>24</v>
      </c>
      <c r="DX39" s="180">
        <v>91</v>
      </c>
      <c r="DY39" s="180">
        <v>143</v>
      </c>
      <c r="DZ39" s="178">
        <v>91</v>
      </c>
      <c r="EA39" s="181">
        <v>362</v>
      </c>
      <c r="EB39" s="183">
        <v>362</v>
      </c>
      <c r="EC39" s="32"/>
    </row>
    <row r="40" spans="2:133" ht="21" customHeight="1" thickBot="1" x14ac:dyDescent="0.25">
      <c r="B40" s="438" t="s">
        <v>37</v>
      </c>
      <c r="C40" s="186">
        <v>0</v>
      </c>
      <c r="D40" s="187">
        <v>0</v>
      </c>
      <c r="E40" s="187">
        <v>0</v>
      </c>
      <c r="F40" s="188">
        <v>0</v>
      </c>
      <c r="G40" s="189">
        <v>0</v>
      </c>
      <c r="H40" s="189">
        <v>5</v>
      </c>
      <c r="I40" s="189">
        <v>9</v>
      </c>
      <c r="J40" s="187">
        <v>7</v>
      </c>
      <c r="K40" s="190">
        <v>21</v>
      </c>
      <c r="L40" s="191">
        <v>21</v>
      </c>
      <c r="M40" s="186">
        <v>0</v>
      </c>
      <c r="N40" s="187">
        <v>0</v>
      </c>
      <c r="O40" s="190">
        <v>0</v>
      </c>
      <c r="P40" s="188">
        <v>0</v>
      </c>
      <c r="Q40" s="189">
        <v>0</v>
      </c>
      <c r="R40" s="189">
        <v>5</v>
      </c>
      <c r="S40" s="189">
        <v>9</v>
      </c>
      <c r="T40" s="187">
        <v>7</v>
      </c>
      <c r="U40" s="190">
        <v>21</v>
      </c>
      <c r="V40" s="192">
        <v>21</v>
      </c>
      <c r="W40" s="193">
        <v>0</v>
      </c>
      <c r="X40" s="187">
        <v>0</v>
      </c>
      <c r="Y40" s="190">
        <v>0</v>
      </c>
      <c r="Z40" s="193">
        <v>0</v>
      </c>
      <c r="AA40" s="189">
        <v>0</v>
      </c>
      <c r="AB40" s="189">
        <v>0</v>
      </c>
      <c r="AC40" s="189">
        <v>0</v>
      </c>
      <c r="AD40" s="187">
        <v>0</v>
      </c>
      <c r="AE40" s="190">
        <v>0</v>
      </c>
      <c r="AF40" s="194">
        <v>0</v>
      </c>
      <c r="AG40" s="193">
        <v>0</v>
      </c>
      <c r="AH40" s="187">
        <v>0</v>
      </c>
      <c r="AI40" s="190">
        <v>0</v>
      </c>
      <c r="AJ40" s="193">
        <v>2</v>
      </c>
      <c r="AK40" s="189">
        <v>3</v>
      </c>
      <c r="AL40" s="189">
        <v>8</v>
      </c>
      <c r="AM40" s="189">
        <v>1</v>
      </c>
      <c r="AN40" s="187">
        <v>2</v>
      </c>
      <c r="AO40" s="190">
        <v>16</v>
      </c>
      <c r="AP40" s="194">
        <v>16</v>
      </c>
      <c r="AQ40" s="193">
        <v>0</v>
      </c>
      <c r="AR40" s="187">
        <v>0</v>
      </c>
      <c r="AS40" s="190">
        <v>0</v>
      </c>
      <c r="AT40" s="188">
        <v>2</v>
      </c>
      <c r="AU40" s="189">
        <v>3</v>
      </c>
      <c r="AV40" s="189">
        <v>8</v>
      </c>
      <c r="AW40" s="189">
        <v>1</v>
      </c>
      <c r="AX40" s="187">
        <v>2</v>
      </c>
      <c r="AY40" s="190">
        <v>16</v>
      </c>
      <c r="AZ40" s="191">
        <v>16</v>
      </c>
      <c r="BA40" s="186">
        <v>0</v>
      </c>
      <c r="BB40" s="187">
        <v>0</v>
      </c>
      <c r="BC40" s="187">
        <v>0</v>
      </c>
      <c r="BD40" s="188">
        <v>0</v>
      </c>
      <c r="BE40" s="189">
        <v>0</v>
      </c>
      <c r="BF40" s="189">
        <v>0</v>
      </c>
      <c r="BG40" s="189">
        <v>0</v>
      </c>
      <c r="BH40" s="187">
        <v>0</v>
      </c>
      <c r="BI40" s="190">
        <v>0</v>
      </c>
      <c r="BJ40" s="192">
        <v>0</v>
      </c>
      <c r="BK40" s="193">
        <v>0</v>
      </c>
      <c r="BL40" s="187">
        <v>0</v>
      </c>
      <c r="BM40" s="187">
        <v>0</v>
      </c>
      <c r="BN40" s="188">
        <v>0</v>
      </c>
      <c r="BO40" s="189">
        <v>0</v>
      </c>
      <c r="BP40" s="189">
        <v>0</v>
      </c>
      <c r="BQ40" s="189">
        <v>0</v>
      </c>
      <c r="BR40" s="187">
        <v>0</v>
      </c>
      <c r="BS40" s="190">
        <v>0</v>
      </c>
      <c r="BT40" s="191">
        <v>0</v>
      </c>
      <c r="BU40" s="186">
        <v>0</v>
      </c>
      <c r="BV40" s="187">
        <v>0</v>
      </c>
      <c r="BW40" s="187">
        <v>0</v>
      </c>
      <c r="BX40" s="188">
        <v>0</v>
      </c>
      <c r="BY40" s="189">
        <v>0</v>
      </c>
      <c r="BZ40" s="189">
        <v>0</v>
      </c>
      <c r="CA40" s="189">
        <v>0</v>
      </c>
      <c r="CB40" s="187">
        <v>0</v>
      </c>
      <c r="CC40" s="190">
        <v>0</v>
      </c>
      <c r="CD40" s="192">
        <v>0</v>
      </c>
      <c r="CE40" s="193">
        <v>0</v>
      </c>
      <c r="CF40" s="187">
        <v>0</v>
      </c>
      <c r="CG40" s="187">
        <v>0</v>
      </c>
      <c r="CH40" s="188">
        <v>0</v>
      </c>
      <c r="CI40" s="189">
        <v>0</v>
      </c>
      <c r="CJ40" s="189">
        <v>0</v>
      </c>
      <c r="CK40" s="189">
        <v>0</v>
      </c>
      <c r="CL40" s="187">
        <v>0</v>
      </c>
      <c r="CM40" s="190">
        <v>0</v>
      </c>
      <c r="CN40" s="192">
        <v>0</v>
      </c>
      <c r="CO40" s="193">
        <v>0</v>
      </c>
      <c r="CP40" s="187">
        <v>0</v>
      </c>
      <c r="CQ40" s="187">
        <v>0</v>
      </c>
      <c r="CR40" s="188">
        <v>0</v>
      </c>
      <c r="CS40" s="189">
        <v>0</v>
      </c>
      <c r="CT40" s="189">
        <v>0</v>
      </c>
      <c r="CU40" s="189">
        <v>0</v>
      </c>
      <c r="CV40" s="187">
        <v>0</v>
      </c>
      <c r="CW40" s="190">
        <v>0</v>
      </c>
      <c r="CX40" s="191">
        <v>0</v>
      </c>
      <c r="CY40" s="186">
        <v>0</v>
      </c>
      <c r="CZ40" s="187">
        <v>0</v>
      </c>
      <c r="DA40" s="187">
        <v>0</v>
      </c>
      <c r="DB40" s="188">
        <v>0</v>
      </c>
      <c r="DC40" s="189">
        <v>0</v>
      </c>
      <c r="DD40" s="189">
        <v>0</v>
      </c>
      <c r="DE40" s="189">
        <v>0</v>
      </c>
      <c r="DF40" s="187">
        <v>0</v>
      </c>
      <c r="DG40" s="190">
        <v>0</v>
      </c>
      <c r="DH40" s="192">
        <v>0</v>
      </c>
      <c r="DI40" s="193">
        <v>0</v>
      </c>
      <c r="DJ40" s="187">
        <v>0</v>
      </c>
      <c r="DK40" s="187">
        <v>0</v>
      </c>
      <c r="DL40" s="188">
        <v>0</v>
      </c>
      <c r="DM40" s="189">
        <v>0</v>
      </c>
      <c r="DN40" s="189">
        <v>0</v>
      </c>
      <c r="DO40" s="189">
        <v>0</v>
      </c>
      <c r="DP40" s="187">
        <v>0</v>
      </c>
      <c r="DQ40" s="190">
        <v>0</v>
      </c>
      <c r="DR40" s="192">
        <v>0</v>
      </c>
      <c r="DS40" s="193">
        <v>0</v>
      </c>
      <c r="DT40" s="187">
        <v>0</v>
      </c>
      <c r="DU40" s="187">
        <v>0</v>
      </c>
      <c r="DV40" s="188">
        <v>2</v>
      </c>
      <c r="DW40" s="189">
        <v>3</v>
      </c>
      <c r="DX40" s="189">
        <v>13</v>
      </c>
      <c r="DY40" s="189">
        <v>10</v>
      </c>
      <c r="DZ40" s="187">
        <v>9</v>
      </c>
      <c r="EA40" s="190">
        <v>37</v>
      </c>
      <c r="EB40" s="192">
        <v>37</v>
      </c>
      <c r="EC40" s="32"/>
    </row>
    <row r="41" spans="2:133" x14ac:dyDescent="0.2">
      <c r="C41" s="33"/>
      <c r="D41" s="33"/>
      <c r="E41" s="33"/>
      <c r="F41" s="33"/>
      <c r="G41" s="33"/>
      <c r="H41" s="33"/>
      <c r="I41" s="33"/>
      <c r="J41" s="33"/>
      <c r="K41" s="33"/>
      <c r="L41" s="33"/>
      <c r="M41" s="33"/>
      <c r="N41" s="33"/>
      <c r="O41" s="33"/>
      <c r="P41" s="33"/>
      <c r="Q41" s="33"/>
      <c r="R41" s="33"/>
      <c r="S41" s="33"/>
      <c r="T41" s="33"/>
      <c r="U41" s="33"/>
      <c r="V41" s="33"/>
      <c r="W41" s="33"/>
      <c r="X41" s="33"/>
      <c r="Y41" s="33"/>
      <c r="Z41" s="33"/>
      <c r="AA41" s="33"/>
      <c r="AB41" s="33"/>
      <c r="AC41" s="33"/>
      <c r="AD41" s="33"/>
      <c r="AE41" s="33"/>
      <c r="AF41" s="33"/>
      <c r="AG41" s="32"/>
      <c r="AH41" s="32"/>
      <c r="AI41" s="32"/>
      <c r="AJ41" s="32"/>
      <c r="AK41" s="32"/>
      <c r="AL41" s="32"/>
      <c r="AM41" s="32"/>
      <c r="AN41" s="32"/>
      <c r="AO41" s="32"/>
      <c r="AP41" s="32"/>
      <c r="AQ41" s="32"/>
      <c r="AR41" s="32"/>
      <c r="AS41" s="32"/>
      <c r="AT41" s="32"/>
      <c r="AU41" s="32"/>
      <c r="AV41" s="32"/>
      <c r="AW41" s="32"/>
      <c r="AX41" s="32"/>
      <c r="AY41" s="32"/>
      <c r="AZ41" s="32"/>
      <c r="BA41" s="32"/>
      <c r="BB41" s="32"/>
      <c r="BC41" s="32"/>
      <c r="BD41" s="32"/>
      <c r="BE41" s="32"/>
      <c r="BF41" s="32"/>
      <c r="BG41" s="32"/>
      <c r="BH41" s="32"/>
      <c r="BI41" s="32"/>
      <c r="BJ41" s="32"/>
      <c r="BK41" s="32"/>
      <c r="BL41" s="32"/>
      <c r="BM41" s="32"/>
      <c r="BN41" s="32"/>
      <c r="BO41" s="32"/>
      <c r="BP41" s="32"/>
      <c r="BQ41" s="32"/>
      <c r="BR41" s="32"/>
      <c r="BS41" s="32"/>
      <c r="BT41" s="32"/>
      <c r="BU41" s="32"/>
      <c r="BV41" s="32"/>
      <c r="BW41" s="32"/>
      <c r="BX41" s="32"/>
      <c r="BY41" s="32"/>
      <c r="BZ41" s="32"/>
      <c r="CA41" s="32"/>
      <c r="CB41" s="32"/>
      <c r="CC41" s="32"/>
      <c r="CD41" s="32"/>
      <c r="CE41" s="32"/>
      <c r="CF41" s="32"/>
      <c r="CG41" s="32"/>
      <c r="CH41" s="32"/>
      <c r="CI41" s="32"/>
      <c r="CJ41" s="32"/>
      <c r="CK41" s="32"/>
      <c r="CL41" s="32"/>
      <c r="CM41" s="32"/>
      <c r="CN41" s="32"/>
      <c r="CO41" s="32"/>
      <c r="CP41" s="32"/>
      <c r="CQ41" s="32"/>
      <c r="CR41" s="32"/>
      <c r="CS41" s="32"/>
      <c r="CT41" s="32"/>
      <c r="CU41" s="32"/>
      <c r="CV41" s="32"/>
      <c r="CW41" s="32"/>
      <c r="CX41" s="32"/>
      <c r="CY41" s="32"/>
      <c r="CZ41" s="32"/>
      <c r="DA41" s="32"/>
      <c r="DB41" s="32"/>
      <c r="DC41" s="32"/>
      <c r="DD41" s="32"/>
      <c r="DE41" s="32"/>
      <c r="DF41" s="32"/>
      <c r="DG41" s="32"/>
      <c r="DH41" s="32"/>
      <c r="DI41" s="32"/>
      <c r="DJ41" s="32"/>
      <c r="DK41" s="32"/>
      <c r="DL41" s="32"/>
      <c r="DM41" s="32"/>
      <c r="DN41" s="32"/>
      <c r="DO41" s="32"/>
      <c r="DP41" s="32"/>
      <c r="DQ41" s="32"/>
      <c r="DR41" s="32"/>
      <c r="DS41" s="32"/>
      <c r="DT41" s="32"/>
      <c r="DU41" s="32"/>
      <c r="DV41" s="32"/>
      <c r="DW41" s="32"/>
      <c r="DX41" s="32"/>
      <c r="DY41" s="32"/>
      <c r="DZ41" s="32"/>
      <c r="EA41" s="32"/>
      <c r="EB41" s="32"/>
      <c r="EC41" s="32"/>
    </row>
    <row r="42" spans="2:133" x14ac:dyDescent="0.2">
      <c r="C42" s="33"/>
      <c r="D42" s="33"/>
      <c r="E42" s="33"/>
      <c r="F42" s="33"/>
      <c r="G42" s="33"/>
      <c r="H42" s="33"/>
      <c r="I42" s="33"/>
      <c r="J42" s="33"/>
      <c r="K42" s="33"/>
      <c r="L42" s="33"/>
      <c r="M42" s="33"/>
      <c r="N42" s="33"/>
      <c r="O42" s="33"/>
      <c r="P42" s="33"/>
      <c r="Q42" s="33"/>
      <c r="R42" s="33"/>
      <c r="S42" s="33"/>
      <c r="T42" s="33"/>
      <c r="U42" s="33"/>
      <c r="V42" s="33"/>
      <c r="W42" s="33"/>
      <c r="X42" s="33"/>
      <c r="Y42" s="33"/>
      <c r="Z42" s="33"/>
      <c r="AA42" s="33"/>
      <c r="AB42" s="33"/>
      <c r="AC42" s="33"/>
      <c r="AD42" s="33"/>
      <c r="AE42" s="33"/>
      <c r="AF42" s="33"/>
      <c r="AG42" s="32"/>
      <c r="AH42" s="32"/>
      <c r="AI42" s="32"/>
      <c r="AJ42" s="32"/>
      <c r="AK42" s="32"/>
      <c r="AL42" s="32"/>
      <c r="AM42" s="32"/>
      <c r="AN42" s="32"/>
      <c r="AO42" s="32"/>
      <c r="AP42" s="32"/>
      <c r="AQ42" s="32"/>
      <c r="AR42" s="32"/>
      <c r="AS42" s="32"/>
      <c r="AT42" s="32"/>
      <c r="AU42" s="32"/>
      <c r="AV42" s="32"/>
      <c r="AW42" s="32"/>
      <c r="AX42" s="32"/>
      <c r="AY42" s="32"/>
      <c r="AZ42" s="32"/>
      <c r="BA42" s="32"/>
      <c r="BB42" s="32"/>
      <c r="BC42" s="32"/>
      <c r="BD42" s="32"/>
      <c r="BE42" s="32"/>
      <c r="BF42" s="32"/>
      <c r="BG42" s="32"/>
      <c r="BH42" s="32"/>
      <c r="BI42" s="32"/>
      <c r="BJ42" s="32"/>
      <c r="BK42" s="32"/>
      <c r="BL42" s="32"/>
      <c r="BM42" s="32"/>
      <c r="BN42" s="32"/>
      <c r="BO42" s="32"/>
      <c r="BP42" s="32"/>
      <c r="BQ42" s="32"/>
      <c r="BR42" s="32"/>
      <c r="BS42" s="32"/>
      <c r="BT42" s="32"/>
      <c r="BU42" s="32"/>
      <c r="BV42" s="32"/>
      <c r="BW42" s="32"/>
      <c r="BX42" s="32"/>
      <c r="BY42" s="32"/>
      <c r="BZ42" s="32"/>
      <c r="CA42" s="32"/>
      <c r="CB42" s="32"/>
      <c r="CC42" s="32"/>
      <c r="CD42" s="32"/>
      <c r="CE42" s="32"/>
      <c r="CF42" s="32"/>
      <c r="CG42" s="32"/>
      <c r="CH42" s="32"/>
      <c r="CI42" s="32"/>
      <c r="CJ42" s="32"/>
      <c r="CK42" s="32"/>
      <c r="CL42" s="32"/>
      <c r="CM42" s="32"/>
      <c r="CN42" s="32"/>
      <c r="CO42" s="32"/>
      <c r="CP42" s="32"/>
      <c r="CQ42" s="32"/>
      <c r="CR42" s="32"/>
      <c r="CS42" s="32"/>
      <c r="CT42" s="32"/>
      <c r="CU42" s="32"/>
      <c r="CV42" s="32"/>
      <c r="CW42" s="32"/>
      <c r="CX42" s="32"/>
      <c r="CY42" s="32"/>
      <c r="CZ42" s="32"/>
      <c r="DA42" s="32"/>
      <c r="DB42" s="32"/>
      <c r="DC42" s="32"/>
      <c r="DD42" s="32"/>
      <c r="DE42" s="32"/>
      <c r="DF42" s="32"/>
      <c r="DG42" s="32"/>
      <c r="DH42" s="32"/>
      <c r="DI42" s="32"/>
      <c r="DJ42" s="32"/>
      <c r="DK42" s="32"/>
      <c r="DL42" s="32"/>
      <c r="DM42" s="32"/>
      <c r="DN42" s="32"/>
      <c r="DO42" s="32"/>
      <c r="DP42" s="32"/>
      <c r="DQ42" s="32"/>
      <c r="DR42" s="32"/>
      <c r="DS42" s="32"/>
      <c r="DT42" s="32"/>
      <c r="DU42" s="32"/>
      <c r="DV42" s="32"/>
      <c r="DW42" s="32"/>
      <c r="DX42" s="32"/>
      <c r="DY42" s="32"/>
      <c r="DZ42" s="32"/>
      <c r="EA42" s="32"/>
      <c r="EB42" s="32"/>
      <c r="EC42" s="32"/>
    </row>
    <row r="43" spans="2:133" x14ac:dyDescent="0.2">
      <c r="C43" s="33"/>
      <c r="D43" s="33"/>
      <c r="E43" s="33"/>
      <c r="F43" s="33"/>
      <c r="G43" s="33"/>
      <c r="H43" s="33"/>
      <c r="I43" s="33"/>
      <c r="J43" s="33"/>
      <c r="K43" s="33"/>
      <c r="L43" s="33"/>
      <c r="M43" s="33"/>
      <c r="N43" s="33"/>
      <c r="O43" s="33"/>
      <c r="P43" s="33"/>
      <c r="Q43" s="33"/>
      <c r="R43" s="33"/>
      <c r="S43" s="33"/>
      <c r="T43" s="33"/>
      <c r="U43" s="33"/>
      <c r="V43" s="33"/>
      <c r="W43" s="33"/>
      <c r="X43" s="33"/>
      <c r="Y43" s="33"/>
      <c r="Z43" s="33"/>
      <c r="AA43" s="33"/>
      <c r="AB43" s="33"/>
      <c r="AC43" s="33"/>
      <c r="AD43" s="33"/>
      <c r="AE43" s="33"/>
      <c r="AF43" s="33"/>
      <c r="AG43" s="32"/>
      <c r="AH43" s="32"/>
      <c r="AI43" s="32"/>
      <c r="AJ43" s="32"/>
      <c r="AK43" s="32"/>
      <c r="AL43" s="32"/>
      <c r="AM43" s="32"/>
      <c r="AN43" s="32"/>
      <c r="AO43" s="32"/>
      <c r="AP43" s="32"/>
      <c r="AQ43" s="32"/>
      <c r="AR43" s="32"/>
      <c r="AS43" s="32"/>
      <c r="AT43" s="32"/>
      <c r="AU43" s="32"/>
      <c r="AV43" s="32"/>
      <c r="AW43" s="32"/>
      <c r="AX43" s="32"/>
      <c r="AY43" s="32"/>
      <c r="AZ43" s="32"/>
      <c r="BA43" s="32"/>
      <c r="BB43" s="32"/>
      <c r="BC43" s="32"/>
      <c r="BD43" s="32"/>
      <c r="BE43" s="32"/>
      <c r="BF43" s="32"/>
      <c r="BG43" s="32"/>
      <c r="BH43" s="32"/>
      <c r="BI43" s="32"/>
      <c r="BJ43" s="32"/>
      <c r="BK43" s="32"/>
      <c r="BL43" s="32"/>
      <c r="BM43" s="32"/>
      <c r="BN43" s="32"/>
      <c r="BO43" s="32"/>
      <c r="BP43" s="32"/>
      <c r="BQ43" s="32"/>
      <c r="BR43" s="32"/>
      <c r="BS43" s="32"/>
      <c r="BT43" s="32"/>
      <c r="BU43" s="32"/>
      <c r="BV43" s="32"/>
      <c r="BW43" s="32"/>
      <c r="BX43" s="32"/>
      <c r="BY43" s="32"/>
      <c r="BZ43" s="32"/>
      <c r="CA43" s="32"/>
      <c r="CB43" s="32"/>
      <c r="CC43" s="32"/>
      <c r="CD43" s="32"/>
      <c r="CE43" s="32"/>
      <c r="CF43" s="32"/>
      <c r="CG43" s="32"/>
      <c r="CH43" s="32"/>
      <c r="CI43" s="32"/>
      <c r="CJ43" s="32"/>
      <c r="CK43" s="32"/>
      <c r="CL43" s="32"/>
      <c r="CM43" s="32"/>
      <c r="CN43" s="32"/>
      <c r="CO43" s="32"/>
      <c r="CP43" s="32"/>
      <c r="CQ43" s="32"/>
      <c r="CR43" s="32"/>
      <c r="CS43" s="32"/>
      <c r="CT43" s="32"/>
      <c r="CU43" s="32"/>
      <c r="CV43" s="32"/>
      <c r="CW43" s="32"/>
      <c r="CX43" s="32"/>
      <c r="CY43" s="32"/>
      <c r="CZ43" s="32"/>
      <c r="DA43" s="32"/>
      <c r="DB43" s="32"/>
      <c r="DC43" s="32"/>
      <c r="DD43" s="32"/>
      <c r="DE43" s="32"/>
      <c r="DF43" s="32"/>
      <c r="DG43" s="32"/>
      <c r="DH43" s="32"/>
      <c r="DI43" s="32"/>
      <c r="DJ43" s="32"/>
      <c r="DK43" s="32"/>
      <c r="DL43" s="32"/>
      <c r="DM43" s="32"/>
      <c r="DN43" s="32"/>
      <c r="DO43" s="32"/>
      <c r="DP43" s="32"/>
      <c r="DQ43" s="32"/>
      <c r="DR43" s="32"/>
      <c r="DS43" s="32"/>
      <c r="DT43" s="32"/>
      <c r="DU43" s="32"/>
      <c r="DV43" s="32"/>
      <c r="DW43" s="32"/>
      <c r="DX43" s="32"/>
      <c r="DY43" s="32"/>
      <c r="DZ43" s="32"/>
      <c r="EA43" s="32"/>
      <c r="EB43" s="32"/>
      <c r="EC43" s="32"/>
    </row>
    <row r="44" spans="2:133" x14ac:dyDescent="0.2">
      <c r="C44" s="33"/>
      <c r="D44" s="33"/>
      <c r="E44" s="33"/>
      <c r="F44" s="33"/>
      <c r="G44" s="33"/>
      <c r="H44" s="33"/>
      <c r="I44" s="33"/>
      <c r="J44" s="33"/>
      <c r="K44" s="33"/>
      <c r="L44" s="33"/>
      <c r="M44" s="33"/>
      <c r="N44" s="33"/>
      <c r="O44" s="33"/>
      <c r="P44" s="33"/>
      <c r="Q44" s="33"/>
      <c r="R44" s="33"/>
      <c r="S44" s="33"/>
      <c r="T44" s="33"/>
      <c r="U44" s="33"/>
      <c r="V44" s="33"/>
      <c r="W44" s="33"/>
      <c r="X44" s="33"/>
      <c r="Y44" s="33"/>
      <c r="Z44" s="33"/>
      <c r="AA44" s="33"/>
      <c r="AB44" s="33"/>
      <c r="AC44" s="33"/>
      <c r="AD44" s="33"/>
      <c r="AE44" s="33"/>
      <c r="AF44" s="33"/>
      <c r="AG44" s="32"/>
      <c r="AH44" s="32"/>
      <c r="AI44" s="32"/>
      <c r="AJ44" s="32"/>
      <c r="AK44" s="32"/>
      <c r="AL44" s="32"/>
      <c r="AM44" s="32"/>
      <c r="AN44" s="32"/>
      <c r="AO44" s="32"/>
      <c r="AP44" s="32"/>
      <c r="AQ44" s="32"/>
      <c r="AR44" s="32"/>
      <c r="AS44" s="32"/>
      <c r="AT44" s="32"/>
      <c r="AU44" s="32"/>
      <c r="AV44" s="32"/>
      <c r="AW44" s="32"/>
      <c r="AX44" s="32"/>
      <c r="AY44" s="32"/>
      <c r="AZ44" s="32"/>
      <c r="BA44" s="32"/>
      <c r="BB44" s="32"/>
      <c r="BC44" s="32"/>
      <c r="BD44" s="32"/>
      <c r="BE44" s="32"/>
      <c r="BF44" s="32"/>
      <c r="BG44" s="32"/>
      <c r="BH44" s="32"/>
      <c r="BI44" s="32"/>
      <c r="BJ44" s="32"/>
      <c r="BK44" s="32"/>
      <c r="BL44" s="32"/>
      <c r="BM44" s="32"/>
      <c r="BN44" s="32"/>
      <c r="BO44" s="32"/>
      <c r="BP44" s="32"/>
      <c r="BQ44" s="32"/>
      <c r="BR44" s="32"/>
      <c r="BS44" s="32"/>
      <c r="BT44" s="32"/>
      <c r="BU44" s="32"/>
      <c r="BV44" s="32"/>
      <c r="BW44" s="32"/>
      <c r="BX44" s="32"/>
      <c r="BY44" s="32"/>
      <c r="BZ44" s="32"/>
      <c r="CA44" s="32"/>
      <c r="CB44" s="32"/>
      <c r="CC44" s="32"/>
      <c r="CD44" s="32"/>
      <c r="CE44" s="32"/>
      <c r="CF44" s="32"/>
      <c r="CG44" s="32"/>
      <c r="CH44" s="32"/>
      <c r="CI44" s="32"/>
      <c r="CJ44" s="32"/>
      <c r="CK44" s="32"/>
      <c r="CL44" s="32"/>
      <c r="CM44" s="32"/>
      <c r="CN44" s="32"/>
      <c r="CO44" s="32"/>
      <c r="CP44" s="32"/>
      <c r="CQ44" s="32"/>
      <c r="CR44" s="32"/>
      <c r="CS44" s="32"/>
      <c r="CT44" s="32"/>
      <c r="CU44" s="32"/>
      <c r="CV44" s="32"/>
      <c r="CW44" s="32"/>
      <c r="CX44" s="32"/>
      <c r="CY44" s="32"/>
      <c r="CZ44" s="32"/>
      <c r="DA44" s="32"/>
      <c r="DB44" s="32"/>
      <c r="DC44" s="32"/>
      <c r="DD44" s="32"/>
      <c r="DE44" s="32"/>
      <c r="DF44" s="32"/>
      <c r="DG44" s="32"/>
      <c r="DH44" s="32"/>
      <c r="DI44" s="32"/>
      <c r="DJ44" s="32"/>
      <c r="DK44" s="32"/>
      <c r="DL44" s="32"/>
      <c r="DM44" s="32"/>
      <c r="DN44" s="32"/>
      <c r="DO44" s="32"/>
      <c r="DP44" s="32"/>
      <c r="DQ44" s="32"/>
      <c r="DR44" s="32"/>
      <c r="DS44" s="32"/>
      <c r="DT44" s="32"/>
      <c r="DU44" s="32"/>
      <c r="DV44" s="32"/>
      <c r="DW44" s="32"/>
      <c r="DX44" s="32"/>
      <c r="DY44" s="32"/>
      <c r="DZ44" s="32"/>
      <c r="EA44" s="32"/>
      <c r="EB44" s="32"/>
      <c r="EC44" s="32"/>
    </row>
    <row r="45" spans="2:133" x14ac:dyDescent="0.2">
      <c r="C45" s="33"/>
      <c r="D45" s="33"/>
      <c r="E45" s="33"/>
      <c r="F45" s="33"/>
      <c r="G45" s="33"/>
      <c r="H45" s="33"/>
      <c r="I45" s="33"/>
      <c r="J45" s="33"/>
      <c r="K45" s="33"/>
      <c r="L45" s="33"/>
      <c r="M45" s="33"/>
      <c r="N45" s="33"/>
      <c r="O45" s="33"/>
      <c r="P45" s="33"/>
      <c r="Q45" s="33"/>
      <c r="R45" s="33"/>
      <c r="S45" s="33"/>
      <c r="T45" s="33"/>
      <c r="U45" s="33"/>
      <c r="V45" s="33"/>
      <c r="W45" s="33"/>
      <c r="X45" s="33"/>
      <c r="Y45" s="33"/>
      <c r="Z45" s="33"/>
      <c r="AA45" s="33"/>
      <c r="AB45" s="33"/>
      <c r="AC45" s="33"/>
      <c r="AD45" s="33"/>
      <c r="AE45" s="33"/>
      <c r="AF45" s="33"/>
      <c r="AG45" s="32"/>
      <c r="AH45" s="32"/>
      <c r="AI45" s="32"/>
      <c r="AJ45" s="32"/>
      <c r="AK45" s="32"/>
      <c r="AL45" s="32"/>
      <c r="AM45" s="32"/>
      <c r="AN45" s="32"/>
      <c r="AO45" s="32"/>
      <c r="AP45" s="32"/>
      <c r="AQ45" s="32"/>
      <c r="AR45" s="32"/>
      <c r="AS45" s="32"/>
      <c r="AT45" s="32"/>
      <c r="AU45" s="32"/>
      <c r="AV45" s="32"/>
      <c r="AW45" s="32"/>
      <c r="AX45" s="32"/>
      <c r="AY45" s="32"/>
      <c r="AZ45" s="32"/>
      <c r="BA45" s="32"/>
      <c r="BB45" s="32"/>
      <c r="BC45" s="32"/>
      <c r="BD45" s="32"/>
      <c r="BE45" s="32"/>
      <c r="BF45" s="32"/>
      <c r="BG45" s="32"/>
      <c r="BH45" s="32"/>
      <c r="BI45" s="32"/>
      <c r="BJ45" s="32"/>
      <c r="BK45" s="32"/>
      <c r="BL45" s="32"/>
      <c r="BM45" s="32"/>
      <c r="BN45" s="32"/>
      <c r="BO45" s="32"/>
      <c r="BP45" s="32"/>
      <c r="BQ45" s="32"/>
      <c r="BR45" s="32"/>
      <c r="BS45" s="32"/>
      <c r="BT45" s="32"/>
      <c r="BU45" s="32"/>
      <c r="BV45" s="32"/>
      <c r="BW45" s="32"/>
      <c r="BX45" s="32"/>
      <c r="BY45" s="32"/>
      <c r="BZ45" s="32"/>
      <c r="CA45" s="32"/>
      <c r="CB45" s="32"/>
      <c r="CC45" s="32"/>
      <c r="CD45" s="32"/>
      <c r="CE45" s="32"/>
      <c r="CF45" s="32"/>
      <c r="CG45" s="32"/>
      <c r="CH45" s="32"/>
      <c r="CI45" s="32"/>
      <c r="CJ45" s="32"/>
      <c r="CK45" s="32"/>
      <c r="CL45" s="32"/>
      <c r="CM45" s="32"/>
      <c r="CN45" s="32"/>
      <c r="CO45" s="32"/>
      <c r="CP45" s="32"/>
      <c r="CQ45" s="32"/>
      <c r="CR45" s="32"/>
      <c r="CS45" s="32"/>
      <c r="CT45" s="32"/>
      <c r="CU45" s="32"/>
      <c r="CV45" s="32"/>
      <c r="CW45" s="32"/>
      <c r="CX45" s="32"/>
      <c r="CY45" s="32"/>
      <c r="CZ45" s="32"/>
      <c r="DA45" s="32"/>
      <c r="DB45" s="32"/>
      <c r="DC45" s="32"/>
      <c r="DD45" s="32"/>
      <c r="DE45" s="32"/>
      <c r="DF45" s="32"/>
      <c r="DG45" s="32"/>
      <c r="DH45" s="32"/>
      <c r="DI45" s="32"/>
      <c r="DJ45" s="32"/>
      <c r="DK45" s="32"/>
      <c r="DL45" s="32"/>
      <c r="DM45" s="32"/>
      <c r="DN45" s="32"/>
      <c r="DO45" s="32"/>
      <c r="DP45" s="32"/>
      <c r="DQ45" s="32"/>
      <c r="DR45" s="32"/>
      <c r="DS45" s="32"/>
      <c r="DT45" s="32"/>
      <c r="DU45" s="32"/>
      <c r="DV45" s="32"/>
      <c r="DW45" s="32"/>
      <c r="DX45" s="32"/>
      <c r="DY45" s="32"/>
      <c r="DZ45" s="32"/>
      <c r="EA45" s="32"/>
      <c r="EB45" s="32"/>
      <c r="EC45" s="32"/>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5" width="7.88671875" style="38" customWidth="1"/>
    <col min="6" max="6" width="8.109375" style="38" customWidth="1"/>
    <col min="7"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102" width="9" style="38"/>
    <col min="103" max="148" width="9" style="39"/>
    <col min="149" max="149" width="7.77734375" style="39" customWidth="1"/>
    <col min="150" max="159" width="9" style="39"/>
    <col min="160" max="160" width="8.109375" style="39" customWidth="1"/>
    <col min="161" max="16384" width="9" style="39"/>
  </cols>
  <sheetData>
    <row r="1" spans="2:299" ht="24" customHeight="1" x14ac:dyDescent="0.2">
      <c r="B1" s="10" t="s">
        <v>120</v>
      </c>
      <c r="F1" s="495">
        <f>第１表!F2</f>
        <v>6</v>
      </c>
      <c r="G1" s="495"/>
      <c r="H1" s="231">
        <f>第１表!G2</f>
        <v>3</v>
      </c>
      <c r="I1" s="494">
        <f>H1</f>
        <v>3</v>
      </c>
      <c r="J1" s="494"/>
    </row>
    <row r="2" spans="2:299" ht="24" customHeight="1" thickBot="1" x14ac:dyDescent="0.25">
      <c r="B2" s="15" t="s">
        <v>128</v>
      </c>
    </row>
    <row r="3" spans="2:299" ht="21" customHeight="1" thickBot="1" x14ac:dyDescent="0.25">
      <c r="B3" s="481" t="s">
        <v>38</v>
      </c>
      <c r="C3" s="476" t="s">
        <v>96</v>
      </c>
      <c r="D3" s="476"/>
      <c r="E3" s="476"/>
      <c r="F3" s="476"/>
      <c r="G3" s="476"/>
      <c r="H3" s="476"/>
      <c r="I3" s="476"/>
      <c r="J3" s="476"/>
      <c r="K3" s="476"/>
      <c r="L3" s="476"/>
      <c r="M3" s="476"/>
      <c r="N3" s="476"/>
      <c r="O3" s="476"/>
      <c r="P3" s="476"/>
      <c r="Q3" s="476"/>
      <c r="R3" s="476"/>
      <c r="S3" s="476"/>
      <c r="T3" s="476"/>
      <c r="U3" s="476"/>
      <c r="V3" s="476"/>
      <c r="W3" s="476"/>
      <c r="X3" s="476"/>
      <c r="Y3" s="476"/>
      <c r="Z3" s="476"/>
      <c r="AA3" s="476"/>
      <c r="AB3" s="476"/>
      <c r="AC3" s="476"/>
      <c r="AD3" s="476"/>
      <c r="AE3" s="476"/>
      <c r="AF3" s="476"/>
      <c r="AG3" s="476"/>
      <c r="AH3" s="476"/>
      <c r="AI3" s="476"/>
      <c r="AJ3" s="476"/>
      <c r="AK3" s="476"/>
      <c r="AL3" s="476"/>
      <c r="AM3" s="476"/>
      <c r="AN3" s="476"/>
      <c r="AO3" s="476"/>
      <c r="AP3" s="476"/>
      <c r="AQ3" s="476"/>
      <c r="AR3" s="476"/>
      <c r="AS3" s="476"/>
      <c r="AT3" s="476"/>
      <c r="AU3" s="476"/>
      <c r="AV3" s="476"/>
      <c r="AW3" s="476"/>
      <c r="AX3" s="476"/>
      <c r="AY3" s="476"/>
      <c r="AZ3" s="476"/>
      <c r="BA3" s="476"/>
      <c r="BB3" s="476"/>
      <c r="BC3" s="476"/>
      <c r="BD3" s="476"/>
      <c r="BE3" s="476"/>
      <c r="BF3" s="476"/>
      <c r="BG3" s="476"/>
      <c r="BH3" s="476"/>
      <c r="BI3" s="476"/>
      <c r="BJ3" s="476"/>
      <c r="BK3" s="476"/>
      <c r="BL3" s="476"/>
      <c r="BM3" s="476"/>
      <c r="BN3" s="476"/>
      <c r="BO3" s="476"/>
      <c r="BP3" s="476"/>
      <c r="BQ3" s="476"/>
      <c r="BR3" s="476"/>
      <c r="BS3" s="476"/>
      <c r="BT3" s="476"/>
      <c r="BU3" s="476"/>
      <c r="BV3" s="476"/>
      <c r="BW3" s="476"/>
      <c r="BX3" s="476"/>
      <c r="BY3" s="476"/>
      <c r="BZ3" s="476"/>
      <c r="CA3" s="476"/>
      <c r="CB3" s="476"/>
      <c r="CC3" s="476"/>
      <c r="CD3" s="476"/>
      <c r="CE3" s="476"/>
      <c r="CF3" s="476"/>
      <c r="CG3" s="476"/>
      <c r="CH3" s="476"/>
      <c r="CI3" s="476"/>
      <c r="CJ3" s="476"/>
      <c r="CK3" s="476"/>
      <c r="CL3" s="476"/>
      <c r="CM3" s="476"/>
      <c r="CN3" s="476"/>
      <c r="CO3" s="476"/>
      <c r="CP3" s="476"/>
      <c r="CQ3" s="476"/>
      <c r="CR3" s="476"/>
      <c r="CS3" s="476"/>
      <c r="CT3" s="476"/>
      <c r="CU3" s="476"/>
      <c r="CV3" s="476"/>
      <c r="CW3" s="477"/>
      <c r="CX3" s="476" t="s">
        <v>103</v>
      </c>
      <c r="CY3" s="476"/>
      <c r="CZ3" s="476"/>
      <c r="DA3" s="476"/>
      <c r="DB3" s="476"/>
      <c r="DC3" s="476"/>
      <c r="DD3" s="476"/>
      <c r="DE3" s="476"/>
      <c r="DF3" s="476"/>
      <c r="DG3" s="476"/>
      <c r="DH3" s="476"/>
      <c r="DI3" s="476"/>
      <c r="DJ3" s="476"/>
      <c r="DK3" s="476"/>
      <c r="DL3" s="476"/>
      <c r="DM3" s="476"/>
      <c r="DN3" s="476"/>
      <c r="DO3" s="476"/>
      <c r="DP3" s="476"/>
      <c r="DQ3" s="476"/>
      <c r="DR3" s="476"/>
      <c r="DS3" s="476"/>
      <c r="DT3" s="476"/>
      <c r="DU3" s="476"/>
      <c r="DV3" s="476"/>
      <c r="DW3" s="476"/>
      <c r="DX3" s="476"/>
      <c r="DY3" s="476"/>
      <c r="DZ3" s="476"/>
      <c r="EA3" s="476"/>
      <c r="EB3" s="476"/>
      <c r="EC3" s="476"/>
      <c r="ED3" s="476"/>
      <c r="EE3" s="476"/>
      <c r="EF3" s="476"/>
      <c r="EG3" s="476"/>
      <c r="EH3" s="476"/>
      <c r="EI3" s="476"/>
      <c r="EJ3" s="476"/>
      <c r="EK3" s="476"/>
      <c r="EL3" s="476"/>
      <c r="EM3" s="476"/>
      <c r="EN3" s="476"/>
      <c r="EO3" s="476"/>
      <c r="EP3" s="476"/>
      <c r="EQ3" s="476"/>
      <c r="ER3" s="476"/>
      <c r="ES3" s="476"/>
      <c r="ET3" s="476"/>
      <c r="EU3" s="476"/>
      <c r="EV3" s="476"/>
      <c r="EW3" s="476"/>
      <c r="EX3" s="476"/>
      <c r="EY3" s="476"/>
      <c r="EZ3" s="476"/>
      <c r="FA3" s="476"/>
      <c r="FB3" s="476"/>
      <c r="FC3" s="476"/>
      <c r="FD3" s="476"/>
      <c r="FE3" s="476"/>
      <c r="FF3" s="476"/>
      <c r="FG3" s="476"/>
      <c r="FH3" s="476"/>
      <c r="FI3" s="476"/>
      <c r="FJ3" s="476"/>
      <c r="FK3" s="476"/>
      <c r="FL3" s="476"/>
      <c r="FM3" s="476"/>
      <c r="FN3" s="476"/>
      <c r="FO3" s="476"/>
      <c r="FP3" s="476"/>
      <c r="FQ3" s="476"/>
      <c r="FR3" s="476"/>
      <c r="FS3" s="476"/>
      <c r="FT3" s="476"/>
      <c r="FU3" s="476"/>
      <c r="FV3" s="476"/>
      <c r="FW3" s="476"/>
      <c r="FX3" s="476"/>
      <c r="FY3" s="476"/>
      <c r="FZ3" s="476"/>
      <c r="GA3" s="476"/>
      <c r="GB3" s="476"/>
      <c r="GC3" s="476"/>
      <c r="GD3" s="476"/>
      <c r="GE3" s="476"/>
      <c r="GF3" s="476"/>
      <c r="GG3" s="476"/>
      <c r="GH3" s="476"/>
      <c r="GI3" s="476"/>
      <c r="GJ3" s="476"/>
      <c r="GK3" s="476"/>
      <c r="GL3" s="476"/>
      <c r="GM3" s="476"/>
      <c r="GN3" s="476"/>
      <c r="GO3" s="476"/>
      <c r="GP3" s="476"/>
      <c r="GQ3" s="476"/>
      <c r="GR3" s="477"/>
      <c r="GS3" s="476" t="s">
        <v>104</v>
      </c>
      <c r="GT3" s="476"/>
      <c r="GU3" s="476"/>
      <c r="GV3" s="476"/>
      <c r="GW3" s="476"/>
      <c r="GX3" s="476"/>
      <c r="GY3" s="476"/>
      <c r="GZ3" s="476"/>
      <c r="HA3" s="476"/>
      <c r="HB3" s="476"/>
      <c r="HC3" s="476"/>
      <c r="HD3" s="476"/>
      <c r="HE3" s="476"/>
      <c r="HF3" s="476"/>
      <c r="HG3" s="476"/>
      <c r="HH3" s="476"/>
      <c r="HI3" s="476"/>
      <c r="HJ3" s="476"/>
      <c r="HK3" s="476"/>
      <c r="HL3" s="476"/>
      <c r="HM3" s="476"/>
      <c r="HN3" s="476"/>
      <c r="HO3" s="476"/>
      <c r="HP3" s="476"/>
      <c r="HQ3" s="476"/>
      <c r="HR3" s="476"/>
      <c r="HS3" s="476"/>
      <c r="HT3" s="476"/>
      <c r="HU3" s="476"/>
      <c r="HV3" s="476"/>
      <c r="HW3" s="476"/>
      <c r="HX3" s="476"/>
      <c r="HY3" s="476"/>
      <c r="HZ3" s="476"/>
      <c r="IA3" s="476"/>
      <c r="IB3" s="476"/>
      <c r="IC3" s="476"/>
      <c r="ID3" s="476"/>
      <c r="IE3" s="476"/>
      <c r="IF3" s="476"/>
      <c r="IG3" s="476"/>
      <c r="IH3" s="476"/>
      <c r="II3" s="476"/>
      <c r="IJ3" s="476"/>
      <c r="IK3" s="476"/>
      <c r="IL3" s="476"/>
      <c r="IM3" s="476"/>
      <c r="IN3" s="476"/>
      <c r="IO3" s="476"/>
      <c r="IP3" s="476"/>
      <c r="IQ3" s="476"/>
      <c r="IR3" s="476"/>
      <c r="IS3" s="476"/>
      <c r="IT3" s="476"/>
      <c r="IU3" s="476"/>
      <c r="IV3" s="476"/>
      <c r="IW3" s="476"/>
      <c r="IX3" s="476"/>
      <c r="IY3" s="476"/>
      <c r="IZ3" s="476"/>
      <c r="JA3" s="476"/>
      <c r="JB3" s="476"/>
      <c r="JC3" s="476"/>
      <c r="JD3" s="476"/>
      <c r="JE3" s="476"/>
      <c r="JF3" s="476"/>
      <c r="JG3" s="476"/>
      <c r="JH3" s="476"/>
      <c r="JI3" s="476"/>
      <c r="JJ3" s="476"/>
      <c r="JK3" s="476"/>
      <c r="JL3" s="476"/>
      <c r="JM3" s="476"/>
      <c r="JN3" s="476"/>
      <c r="JO3" s="476"/>
      <c r="JP3" s="476"/>
      <c r="JQ3" s="476"/>
      <c r="JR3" s="476"/>
      <c r="JS3" s="476"/>
      <c r="JT3" s="476"/>
      <c r="JU3" s="476"/>
      <c r="JV3" s="476"/>
      <c r="JW3" s="476"/>
      <c r="JX3" s="476"/>
      <c r="JY3" s="476"/>
      <c r="JZ3" s="476"/>
      <c r="KA3" s="476"/>
      <c r="KB3" s="476"/>
      <c r="KC3" s="476"/>
      <c r="KD3" s="476"/>
      <c r="KE3" s="476"/>
      <c r="KF3" s="476"/>
      <c r="KG3" s="476"/>
      <c r="KH3" s="476"/>
      <c r="KI3" s="476"/>
      <c r="KJ3" s="476"/>
      <c r="KK3" s="476"/>
      <c r="KL3" s="476"/>
      <c r="KM3" s="477"/>
    </row>
    <row r="4" spans="2:299" ht="21" customHeight="1" thickBot="1" x14ac:dyDescent="0.25">
      <c r="B4" s="493"/>
      <c r="C4" s="478" t="s">
        <v>39</v>
      </c>
      <c r="D4" s="479"/>
      <c r="E4" s="479"/>
      <c r="F4" s="479"/>
      <c r="G4" s="479"/>
      <c r="H4" s="479"/>
      <c r="I4" s="479"/>
      <c r="J4" s="479"/>
      <c r="K4" s="479"/>
      <c r="L4" s="479"/>
      <c r="M4" s="479"/>
      <c r="N4" s="479"/>
      <c r="O4" s="479"/>
      <c r="P4" s="479"/>
      <c r="Q4" s="479"/>
      <c r="R4" s="479"/>
      <c r="S4" s="479"/>
      <c r="T4" s="479"/>
      <c r="U4" s="479"/>
      <c r="V4" s="479"/>
      <c r="W4" s="479"/>
      <c r="X4" s="479"/>
      <c r="Y4" s="479"/>
      <c r="Z4" s="479"/>
      <c r="AA4" s="479"/>
      <c r="AB4" s="479"/>
      <c r="AC4" s="479"/>
      <c r="AD4" s="479"/>
      <c r="AE4" s="479"/>
      <c r="AF4" s="479"/>
      <c r="AG4" s="479"/>
      <c r="AH4" s="479"/>
      <c r="AI4" s="479"/>
      <c r="AJ4" s="479"/>
      <c r="AK4" s="479"/>
      <c r="AL4" s="479"/>
      <c r="AM4" s="479"/>
      <c r="AN4" s="479"/>
      <c r="AO4" s="479"/>
      <c r="AP4" s="479"/>
      <c r="AQ4" s="479"/>
      <c r="AR4" s="479"/>
      <c r="AS4" s="479"/>
      <c r="AT4" s="479"/>
      <c r="AU4" s="479"/>
      <c r="AV4" s="479"/>
      <c r="AW4" s="479"/>
      <c r="AX4" s="479"/>
      <c r="AY4" s="479"/>
      <c r="AZ4" s="479"/>
      <c r="BA4" s="479"/>
      <c r="BB4" s="479"/>
      <c r="BC4" s="479"/>
      <c r="BD4" s="479"/>
      <c r="BE4" s="479"/>
      <c r="BF4" s="479"/>
      <c r="BG4" s="479"/>
      <c r="BH4" s="479"/>
      <c r="BI4" s="479"/>
      <c r="BJ4" s="479"/>
      <c r="BK4" s="479"/>
      <c r="BL4" s="479"/>
      <c r="BM4" s="479"/>
      <c r="BN4" s="479"/>
      <c r="BO4" s="479"/>
      <c r="BP4" s="479"/>
      <c r="BQ4" s="479"/>
      <c r="BR4" s="479"/>
      <c r="BS4" s="479"/>
      <c r="BT4" s="479"/>
      <c r="BU4" s="479"/>
      <c r="BV4" s="479"/>
      <c r="BW4" s="479"/>
      <c r="BX4" s="479"/>
      <c r="BY4" s="479"/>
      <c r="BZ4" s="479"/>
      <c r="CA4" s="480"/>
      <c r="CB4" s="481" t="s">
        <v>40</v>
      </c>
      <c r="CC4" s="482"/>
      <c r="CD4" s="482"/>
      <c r="CE4" s="482"/>
      <c r="CF4" s="482"/>
      <c r="CG4" s="482"/>
      <c r="CH4" s="482"/>
      <c r="CI4" s="482"/>
      <c r="CJ4" s="482"/>
      <c r="CK4" s="482"/>
      <c r="CL4" s="483"/>
      <c r="CM4" s="481" t="s">
        <v>41</v>
      </c>
      <c r="CN4" s="482"/>
      <c r="CO4" s="482"/>
      <c r="CP4" s="482"/>
      <c r="CQ4" s="482"/>
      <c r="CR4" s="482"/>
      <c r="CS4" s="482"/>
      <c r="CT4" s="482"/>
      <c r="CU4" s="482"/>
      <c r="CV4" s="482"/>
      <c r="CW4" s="483"/>
      <c r="CX4" s="478" t="s">
        <v>39</v>
      </c>
      <c r="CY4" s="479"/>
      <c r="CZ4" s="479"/>
      <c r="DA4" s="479"/>
      <c r="DB4" s="479"/>
      <c r="DC4" s="479"/>
      <c r="DD4" s="479"/>
      <c r="DE4" s="479"/>
      <c r="DF4" s="479"/>
      <c r="DG4" s="479"/>
      <c r="DH4" s="479"/>
      <c r="DI4" s="479"/>
      <c r="DJ4" s="479"/>
      <c r="DK4" s="479"/>
      <c r="DL4" s="479"/>
      <c r="DM4" s="479"/>
      <c r="DN4" s="479"/>
      <c r="DO4" s="479"/>
      <c r="DP4" s="479"/>
      <c r="DQ4" s="479"/>
      <c r="DR4" s="479"/>
      <c r="DS4" s="479"/>
      <c r="DT4" s="479"/>
      <c r="DU4" s="479"/>
      <c r="DV4" s="479"/>
      <c r="DW4" s="479"/>
      <c r="DX4" s="479"/>
      <c r="DY4" s="479"/>
      <c r="DZ4" s="479"/>
      <c r="EA4" s="479"/>
      <c r="EB4" s="479"/>
      <c r="EC4" s="479"/>
      <c r="ED4" s="479"/>
      <c r="EE4" s="479"/>
      <c r="EF4" s="479"/>
      <c r="EG4" s="479"/>
      <c r="EH4" s="479"/>
      <c r="EI4" s="479"/>
      <c r="EJ4" s="479"/>
      <c r="EK4" s="479"/>
      <c r="EL4" s="479"/>
      <c r="EM4" s="479"/>
      <c r="EN4" s="479"/>
      <c r="EO4" s="479"/>
      <c r="EP4" s="479"/>
      <c r="EQ4" s="479"/>
      <c r="ER4" s="479"/>
      <c r="ES4" s="479"/>
      <c r="ET4" s="479"/>
      <c r="EU4" s="479"/>
      <c r="EV4" s="479"/>
      <c r="EW4" s="479"/>
      <c r="EX4" s="479"/>
      <c r="EY4" s="479"/>
      <c r="EZ4" s="479"/>
      <c r="FA4" s="479"/>
      <c r="FB4" s="479"/>
      <c r="FC4" s="479"/>
      <c r="FD4" s="479"/>
      <c r="FE4" s="479"/>
      <c r="FF4" s="479"/>
      <c r="FG4" s="479"/>
      <c r="FH4" s="479"/>
      <c r="FI4" s="479"/>
      <c r="FJ4" s="479"/>
      <c r="FK4" s="479"/>
      <c r="FL4" s="479"/>
      <c r="FM4" s="479"/>
      <c r="FN4" s="479"/>
      <c r="FO4" s="479"/>
      <c r="FP4" s="479"/>
      <c r="FQ4" s="479"/>
      <c r="FR4" s="479"/>
      <c r="FS4" s="479"/>
      <c r="FT4" s="479"/>
      <c r="FU4" s="479"/>
      <c r="FV4" s="480"/>
      <c r="FW4" s="481" t="s">
        <v>40</v>
      </c>
      <c r="FX4" s="482"/>
      <c r="FY4" s="482"/>
      <c r="FZ4" s="482"/>
      <c r="GA4" s="482"/>
      <c r="GB4" s="482"/>
      <c r="GC4" s="482"/>
      <c r="GD4" s="482"/>
      <c r="GE4" s="482"/>
      <c r="GF4" s="482"/>
      <c r="GG4" s="483"/>
      <c r="GH4" s="481" t="s">
        <v>41</v>
      </c>
      <c r="GI4" s="482"/>
      <c r="GJ4" s="482"/>
      <c r="GK4" s="482"/>
      <c r="GL4" s="482"/>
      <c r="GM4" s="482"/>
      <c r="GN4" s="482"/>
      <c r="GO4" s="482"/>
      <c r="GP4" s="482"/>
      <c r="GQ4" s="482"/>
      <c r="GR4" s="483"/>
      <c r="GS4" s="478" t="s">
        <v>39</v>
      </c>
      <c r="GT4" s="479"/>
      <c r="GU4" s="479"/>
      <c r="GV4" s="479"/>
      <c r="GW4" s="479"/>
      <c r="GX4" s="479"/>
      <c r="GY4" s="479"/>
      <c r="GZ4" s="479"/>
      <c r="HA4" s="479"/>
      <c r="HB4" s="479"/>
      <c r="HC4" s="479"/>
      <c r="HD4" s="479"/>
      <c r="HE4" s="479"/>
      <c r="HF4" s="479"/>
      <c r="HG4" s="479"/>
      <c r="HH4" s="479"/>
      <c r="HI4" s="479"/>
      <c r="HJ4" s="479"/>
      <c r="HK4" s="479"/>
      <c r="HL4" s="479"/>
      <c r="HM4" s="479"/>
      <c r="HN4" s="479"/>
      <c r="HO4" s="479"/>
      <c r="HP4" s="479"/>
      <c r="HQ4" s="479"/>
      <c r="HR4" s="479"/>
      <c r="HS4" s="479"/>
      <c r="HT4" s="479"/>
      <c r="HU4" s="479"/>
      <c r="HV4" s="479"/>
      <c r="HW4" s="479"/>
      <c r="HX4" s="479"/>
      <c r="HY4" s="479"/>
      <c r="HZ4" s="479"/>
      <c r="IA4" s="479"/>
      <c r="IB4" s="479"/>
      <c r="IC4" s="479"/>
      <c r="ID4" s="479"/>
      <c r="IE4" s="479"/>
      <c r="IF4" s="479"/>
      <c r="IG4" s="479"/>
      <c r="IH4" s="479"/>
      <c r="II4" s="479"/>
      <c r="IJ4" s="479"/>
      <c r="IK4" s="479"/>
      <c r="IL4" s="479"/>
      <c r="IM4" s="479"/>
      <c r="IN4" s="479"/>
      <c r="IO4" s="479"/>
      <c r="IP4" s="479"/>
      <c r="IQ4" s="479"/>
      <c r="IR4" s="479"/>
      <c r="IS4" s="479"/>
      <c r="IT4" s="479"/>
      <c r="IU4" s="479"/>
      <c r="IV4" s="479"/>
      <c r="IW4" s="479"/>
      <c r="IX4" s="479"/>
      <c r="IY4" s="479"/>
      <c r="IZ4" s="479"/>
      <c r="JA4" s="479"/>
      <c r="JB4" s="479"/>
      <c r="JC4" s="479"/>
      <c r="JD4" s="479"/>
      <c r="JE4" s="479"/>
      <c r="JF4" s="479"/>
      <c r="JG4" s="479"/>
      <c r="JH4" s="479"/>
      <c r="JI4" s="479"/>
      <c r="JJ4" s="479"/>
      <c r="JK4" s="479"/>
      <c r="JL4" s="479"/>
      <c r="JM4" s="479"/>
      <c r="JN4" s="479"/>
      <c r="JO4" s="479"/>
      <c r="JP4" s="479"/>
      <c r="JQ4" s="480"/>
      <c r="JR4" s="481" t="s">
        <v>40</v>
      </c>
      <c r="JS4" s="482"/>
      <c r="JT4" s="482"/>
      <c r="JU4" s="482"/>
      <c r="JV4" s="482"/>
      <c r="JW4" s="482"/>
      <c r="JX4" s="482"/>
      <c r="JY4" s="482"/>
      <c r="JZ4" s="482"/>
      <c r="KA4" s="482"/>
      <c r="KB4" s="483"/>
      <c r="KC4" s="481" t="s">
        <v>41</v>
      </c>
      <c r="KD4" s="482"/>
      <c r="KE4" s="482"/>
      <c r="KF4" s="482"/>
      <c r="KG4" s="482"/>
      <c r="KH4" s="482"/>
      <c r="KI4" s="482"/>
      <c r="KJ4" s="482"/>
      <c r="KK4" s="482"/>
      <c r="KL4" s="482"/>
      <c r="KM4" s="483"/>
    </row>
    <row r="5" spans="2:299" ht="21" customHeight="1" thickBot="1" x14ac:dyDescent="0.25">
      <c r="B5" s="487"/>
      <c r="C5" s="487"/>
      <c r="D5" s="488"/>
      <c r="E5" s="488"/>
      <c r="F5" s="488"/>
      <c r="G5" s="488"/>
      <c r="H5" s="488"/>
      <c r="I5" s="488"/>
      <c r="J5" s="488"/>
      <c r="K5" s="488"/>
      <c r="L5" s="488"/>
      <c r="M5" s="489"/>
      <c r="N5" s="490" t="s">
        <v>97</v>
      </c>
      <c r="O5" s="491"/>
      <c r="P5" s="491"/>
      <c r="Q5" s="491"/>
      <c r="R5" s="491"/>
      <c r="S5" s="491"/>
      <c r="T5" s="491"/>
      <c r="U5" s="491"/>
      <c r="V5" s="491"/>
      <c r="W5" s="491"/>
      <c r="X5" s="492"/>
      <c r="Y5" s="490" t="s">
        <v>98</v>
      </c>
      <c r="Z5" s="491"/>
      <c r="AA5" s="491"/>
      <c r="AB5" s="491"/>
      <c r="AC5" s="491"/>
      <c r="AD5" s="491"/>
      <c r="AE5" s="491"/>
      <c r="AF5" s="491"/>
      <c r="AG5" s="491"/>
      <c r="AH5" s="491"/>
      <c r="AI5" s="492"/>
      <c r="AJ5" s="490" t="s">
        <v>99</v>
      </c>
      <c r="AK5" s="491"/>
      <c r="AL5" s="491"/>
      <c r="AM5" s="491"/>
      <c r="AN5" s="491"/>
      <c r="AO5" s="491"/>
      <c r="AP5" s="491"/>
      <c r="AQ5" s="491"/>
      <c r="AR5" s="491"/>
      <c r="AS5" s="491"/>
      <c r="AT5" s="492"/>
      <c r="AU5" s="490" t="s">
        <v>100</v>
      </c>
      <c r="AV5" s="491"/>
      <c r="AW5" s="491"/>
      <c r="AX5" s="491"/>
      <c r="AY5" s="491"/>
      <c r="AZ5" s="491"/>
      <c r="BA5" s="491"/>
      <c r="BB5" s="491"/>
      <c r="BC5" s="491"/>
      <c r="BD5" s="491"/>
      <c r="BE5" s="492"/>
      <c r="BF5" s="490" t="s">
        <v>101</v>
      </c>
      <c r="BG5" s="491"/>
      <c r="BH5" s="491"/>
      <c r="BI5" s="491"/>
      <c r="BJ5" s="491"/>
      <c r="BK5" s="491"/>
      <c r="BL5" s="491"/>
      <c r="BM5" s="491"/>
      <c r="BN5" s="491"/>
      <c r="BO5" s="491"/>
      <c r="BP5" s="492"/>
      <c r="BQ5" s="490" t="s">
        <v>102</v>
      </c>
      <c r="BR5" s="491"/>
      <c r="BS5" s="491"/>
      <c r="BT5" s="491"/>
      <c r="BU5" s="491"/>
      <c r="BV5" s="491"/>
      <c r="BW5" s="491"/>
      <c r="BX5" s="491"/>
      <c r="BY5" s="491"/>
      <c r="BZ5" s="491"/>
      <c r="CA5" s="492"/>
      <c r="CB5" s="484"/>
      <c r="CC5" s="485"/>
      <c r="CD5" s="485"/>
      <c r="CE5" s="485"/>
      <c r="CF5" s="485"/>
      <c r="CG5" s="485"/>
      <c r="CH5" s="485"/>
      <c r="CI5" s="485"/>
      <c r="CJ5" s="485"/>
      <c r="CK5" s="485"/>
      <c r="CL5" s="486"/>
      <c r="CM5" s="484"/>
      <c r="CN5" s="485"/>
      <c r="CO5" s="485"/>
      <c r="CP5" s="485"/>
      <c r="CQ5" s="485"/>
      <c r="CR5" s="485"/>
      <c r="CS5" s="485"/>
      <c r="CT5" s="485"/>
      <c r="CU5" s="485"/>
      <c r="CV5" s="485"/>
      <c r="CW5" s="486"/>
      <c r="CX5" s="487"/>
      <c r="CY5" s="488"/>
      <c r="CZ5" s="488"/>
      <c r="DA5" s="488"/>
      <c r="DB5" s="488"/>
      <c r="DC5" s="488"/>
      <c r="DD5" s="488"/>
      <c r="DE5" s="488"/>
      <c r="DF5" s="488"/>
      <c r="DG5" s="488"/>
      <c r="DH5" s="489"/>
      <c r="DI5" s="490" t="s">
        <v>97</v>
      </c>
      <c r="DJ5" s="491"/>
      <c r="DK5" s="491"/>
      <c r="DL5" s="491"/>
      <c r="DM5" s="491"/>
      <c r="DN5" s="491"/>
      <c r="DO5" s="491"/>
      <c r="DP5" s="491"/>
      <c r="DQ5" s="491"/>
      <c r="DR5" s="491"/>
      <c r="DS5" s="492"/>
      <c r="DT5" s="490" t="s">
        <v>98</v>
      </c>
      <c r="DU5" s="491"/>
      <c r="DV5" s="491"/>
      <c r="DW5" s="491"/>
      <c r="DX5" s="491"/>
      <c r="DY5" s="491"/>
      <c r="DZ5" s="491"/>
      <c r="EA5" s="491"/>
      <c r="EB5" s="491"/>
      <c r="EC5" s="491"/>
      <c r="ED5" s="492"/>
      <c r="EE5" s="490" t="s">
        <v>99</v>
      </c>
      <c r="EF5" s="491"/>
      <c r="EG5" s="491"/>
      <c r="EH5" s="491"/>
      <c r="EI5" s="491"/>
      <c r="EJ5" s="491"/>
      <c r="EK5" s="491"/>
      <c r="EL5" s="491"/>
      <c r="EM5" s="491"/>
      <c r="EN5" s="491"/>
      <c r="EO5" s="492"/>
      <c r="EP5" s="490" t="s">
        <v>100</v>
      </c>
      <c r="EQ5" s="491"/>
      <c r="ER5" s="491"/>
      <c r="ES5" s="491"/>
      <c r="ET5" s="491"/>
      <c r="EU5" s="491"/>
      <c r="EV5" s="491"/>
      <c r="EW5" s="491"/>
      <c r="EX5" s="491"/>
      <c r="EY5" s="491"/>
      <c r="EZ5" s="492"/>
      <c r="FA5" s="490" t="s">
        <v>101</v>
      </c>
      <c r="FB5" s="491"/>
      <c r="FC5" s="491"/>
      <c r="FD5" s="491"/>
      <c r="FE5" s="491"/>
      <c r="FF5" s="491"/>
      <c r="FG5" s="491"/>
      <c r="FH5" s="491"/>
      <c r="FI5" s="491"/>
      <c r="FJ5" s="491"/>
      <c r="FK5" s="492"/>
      <c r="FL5" s="490" t="s">
        <v>102</v>
      </c>
      <c r="FM5" s="491"/>
      <c r="FN5" s="491"/>
      <c r="FO5" s="491"/>
      <c r="FP5" s="491"/>
      <c r="FQ5" s="491"/>
      <c r="FR5" s="491"/>
      <c r="FS5" s="491"/>
      <c r="FT5" s="491"/>
      <c r="FU5" s="491"/>
      <c r="FV5" s="492"/>
      <c r="FW5" s="484"/>
      <c r="FX5" s="485"/>
      <c r="FY5" s="485"/>
      <c r="FZ5" s="485"/>
      <c r="GA5" s="485"/>
      <c r="GB5" s="485"/>
      <c r="GC5" s="485"/>
      <c r="GD5" s="485"/>
      <c r="GE5" s="485"/>
      <c r="GF5" s="485"/>
      <c r="GG5" s="486"/>
      <c r="GH5" s="484"/>
      <c r="GI5" s="485"/>
      <c r="GJ5" s="485"/>
      <c r="GK5" s="485"/>
      <c r="GL5" s="485"/>
      <c r="GM5" s="485"/>
      <c r="GN5" s="485"/>
      <c r="GO5" s="485"/>
      <c r="GP5" s="485"/>
      <c r="GQ5" s="485"/>
      <c r="GR5" s="486"/>
      <c r="GS5" s="487"/>
      <c r="GT5" s="488"/>
      <c r="GU5" s="488"/>
      <c r="GV5" s="488"/>
      <c r="GW5" s="488"/>
      <c r="GX5" s="488"/>
      <c r="GY5" s="488"/>
      <c r="GZ5" s="488"/>
      <c r="HA5" s="488"/>
      <c r="HB5" s="488"/>
      <c r="HC5" s="489"/>
      <c r="HD5" s="490" t="s">
        <v>97</v>
      </c>
      <c r="HE5" s="491"/>
      <c r="HF5" s="491"/>
      <c r="HG5" s="491"/>
      <c r="HH5" s="491"/>
      <c r="HI5" s="491"/>
      <c r="HJ5" s="491"/>
      <c r="HK5" s="491"/>
      <c r="HL5" s="491"/>
      <c r="HM5" s="491"/>
      <c r="HN5" s="492"/>
      <c r="HO5" s="490" t="s">
        <v>98</v>
      </c>
      <c r="HP5" s="491"/>
      <c r="HQ5" s="491"/>
      <c r="HR5" s="491"/>
      <c r="HS5" s="491"/>
      <c r="HT5" s="491"/>
      <c r="HU5" s="491"/>
      <c r="HV5" s="491"/>
      <c r="HW5" s="491"/>
      <c r="HX5" s="491"/>
      <c r="HY5" s="492"/>
      <c r="HZ5" s="490" t="s">
        <v>99</v>
      </c>
      <c r="IA5" s="491"/>
      <c r="IB5" s="491"/>
      <c r="IC5" s="491"/>
      <c r="ID5" s="491"/>
      <c r="IE5" s="491"/>
      <c r="IF5" s="491"/>
      <c r="IG5" s="491"/>
      <c r="IH5" s="491"/>
      <c r="II5" s="491"/>
      <c r="IJ5" s="492"/>
      <c r="IK5" s="490" t="s">
        <v>100</v>
      </c>
      <c r="IL5" s="491"/>
      <c r="IM5" s="491"/>
      <c r="IN5" s="491"/>
      <c r="IO5" s="491"/>
      <c r="IP5" s="491"/>
      <c r="IQ5" s="491"/>
      <c r="IR5" s="491"/>
      <c r="IS5" s="491"/>
      <c r="IT5" s="491"/>
      <c r="IU5" s="492"/>
      <c r="IV5" s="490" t="s">
        <v>101</v>
      </c>
      <c r="IW5" s="491"/>
      <c r="IX5" s="491"/>
      <c r="IY5" s="491"/>
      <c r="IZ5" s="491"/>
      <c r="JA5" s="491"/>
      <c r="JB5" s="491"/>
      <c r="JC5" s="491"/>
      <c r="JD5" s="491"/>
      <c r="JE5" s="491"/>
      <c r="JF5" s="492"/>
      <c r="JG5" s="490" t="s">
        <v>102</v>
      </c>
      <c r="JH5" s="491"/>
      <c r="JI5" s="491"/>
      <c r="JJ5" s="491"/>
      <c r="JK5" s="491"/>
      <c r="JL5" s="491"/>
      <c r="JM5" s="491"/>
      <c r="JN5" s="491"/>
      <c r="JO5" s="491"/>
      <c r="JP5" s="491"/>
      <c r="JQ5" s="492"/>
      <c r="JR5" s="484"/>
      <c r="JS5" s="485"/>
      <c r="JT5" s="485"/>
      <c r="JU5" s="485"/>
      <c r="JV5" s="485"/>
      <c r="JW5" s="485"/>
      <c r="JX5" s="485"/>
      <c r="JY5" s="485"/>
      <c r="JZ5" s="485"/>
      <c r="KA5" s="485"/>
      <c r="KB5" s="486"/>
      <c r="KC5" s="484"/>
      <c r="KD5" s="485"/>
      <c r="KE5" s="485"/>
      <c r="KF5" s="485"/>
      <c r="KG5" s="485"/>
      <c r="KH5" s="485"/>
      <c r="KI5" s="485"/>
      <c r="KJ5" s="485"/>
      <c r="KK5" s="485"/>
      <c r="KL5" s="485"/>
      <c r="KM5" s="486"/>
    </row>
    <row r="6" spans="2:299" ht="30" customHeight="1" thickBot="1" x14ac:dyDescent="0.25">
      <c r="B6" s="289" t="s">
        <v>42</v>
      </c>
      <c r="C6" s="43" t="s">
        <v>43</v>
      </c>
      <c r="D6" s="41" t="s">
        <v>44</v>
      </c>
      <c r="E6" s="42" t="s">
        <v>45</v>
      </c>
      <c r="F6" s="44" t="s">
        <v>46</v>
      </c>
      <c r="G6" s="41" t="s">
        <v>47</v>
      </c>
      <c r="H6" s="41" t="s">
        <v>48</v>
      </c>
      <c r="I6" s="41" t="s">
        <v>49</v>
      </c>
      <c r="J6" s="41" t="s">
        <v>50</v>
      </c>
      <c r="K6" s="41" t="s">
        <v>51</v>
      </c>
      <c r="L6" s="42" t="s">
        <v>45</v>
      </c>
      <c r="M6" s="45" t="s">
        <v>52</v>
      </c>
      <c r="N6" s="314" t="s">
        <v>43</v>
      </c>
      <c r="O6" s="315" t="s">
        <v>44</v>
      </c>
      <c r="P6" s="316" t="s">
        <v>45</v>
      </c>
      <c r="Q6" s="317" t="s">
        <v>46</v>
      </c>
      <c r="R6" s="315" t="s">
        <v>47</v>
      </c>
      <c r="S6" s="315" t="s">
        <v>48</v>
      </c>
      <c r="T6" s="315" t="s">
        <v>49</v>
      </c>
      <c r="U6" s="315" t="s">
        <v>50</v>
      </c>
      <c r="V6" s="315" t="s">
        <v>51</v>
      </c>
      <c r="W6" s="316" t="s">
        <v>45</v>
      </c>
      <c r="X6" s="313" t="s">
        <v>52</v>
      </c>
      <c r="Y6" s="314" t="s">
        <v>43</v>
      </c>
      <c r="Z6" s="315" t="s">
        <v>44</v>
      </c>
      <c r="AA6" s="316" t="s">
        <v>45</v>
      </c>
      <c r="AB6" s="317" t="s">
        <v>46</v>
      </c>
      <c r="AC6" s="315" t="s">
        <v>47</v>
      </c>
      <c r="AD6" s="315" t="s">
        <v>48</v>
      </c>
      <c r="AE6" s="315" t="s">
        <v>49</v>
      </c>
      <c r="AF6" s="315" t="s">
        <v>50</v>
      </c>
      <c r="AG6" s="315" t="s">
        <v>51</v>
      </c>
      <c r="AH6" s="316" t="s">
        <v>45</v>
      </c>
      <c r="AI6" s="318" t="s">
        <v>52</v>
      </c>
      <c r="AJ6" s="314" t="s">
        <v>43</v>
      </c>
      <c r="AK6" s="315" t="s">
        <v>44</v>
      </c>
      <c r="AL6" s="316" t="s">
        <v>45</v>
      </c>
      <c r="AM6" s="317" t="s">
        <v>46</v>
      </c>
      <c r="AN6" s="315" t="s">
        <v>47</v>
      </c>
      <c r="AO6" s="315" t="s">
        <v>48</v>
      </c>
      <c r="AP6" s="315" t="s">
        <v>49</v>
      </c>
      <c r="AQ6" s="315" t="s">
        <v>50</v>
      </c>
      <c r="AR6" s="315" t="s">
        <v>51</v>
      </c>
      <c r="AS6" s="316" t="s">
        <v>45</v>
      </c>
      <c r="AT6" s="318" t="s">
        <v>52</v>
      </c>
      <c r="AU6" s="314" t="s">
        <v>43</v>
      </c>
      <c r="AV6" s="315" t="s">
        <v>44</v>
      </c>
      <c r="AW6" s="316" t="s">
        <v>45</v>
      </c>
      <c r="AX6" s="317" t="s">
        <v>46</v>
      </c>
      <c r="AY6" s="315" t="s">
        <v>47</v>
      </c>
      <c r="AZ6" s="315" t="s">
        <v>48</v>
      </c>
      <c r="BA6" s="315" t="s">
        <v>49</v>
      </c>
      <c r="BB6" s="315" t="s">
        <v>50</v>
      </c>
      <c r="BC6" s="315" t="s">
        <v>51</v>
      </c>
      <c r="BD6" s="316" t="s">
        <v>45</v>
      </c>
      <c r="BE6" s="318" t="s">
        <v>52</v>
      </c>
      <c r="BF6" s="314" t="s">
        <v>43</v>
      </c>
      <c r="BG6" s="315" t="s">
        <v>44</v>
      </c>
      <c r="BH6" s="316" t="s">
        <v>45</v>
      </c>
      <c r="BI6" s="317" t="s">
        <v>46</v>
      </c>
      <c r="BJ6" s="315" t="s">
        <v>47</v>
      </c>
      <c r="BK6" s="315" t="s">
        <v>48</v>
      </c>
      <c r="BL6" s="315" t="s">
        <v>49</v>
      </c>
      <c r="BM6" s="315" t="s">
        <v>50</v>
      </c>
      <c r="BN6" s="315" t="s">
        <v>51</v>
      </c>
      <c r="BO6" s="316" t="s">
        <v>45</v>
      </c>
      <c r="BP6" s="318" t="s">
        <v>52</v>
      </c>
      <c r="BQ6" s="314" t="s">
        <v>43</v>
      </c>
      <c r="BR6" s="315" t="s">
        <v>44</v>
      </c>
      <c r="BS6" s="316" t="s">
        <v>45</v>
      </c>
      <c r="BT6" s="317" t="s">
        <v>46</v>
      </c>
      <c r="BU6" s="315" t="s">
        <v>47</v>
      </c>
      <c r="BV6" s="315" t="s">
        <v>48</v>
      </c>
      <c r="BW6" s="315" t="s">
        <v>49</v>
      </c>
      <c r="BX6" s="315" t="s">
        <v>50</v>
      </c>
      <c r="BY6" s="315" t="s">
        <v>51</v>
      </c>
      <c r="BZ6" s="316" t="s">
        <v>45</v>
      </c>
      <c r="CA6" s="318" t="s">
        <v>52</v>
      </c>
      <c r="CB6" s="314" t="s">
        <v>43</v>
      </c>
      <c r="CC6" s="315" t="s">
        <v>44</v>
      </c>
      <c r="CD6" s="316" t="s">
        <v>45</v>
      </c>
      <c r="CE6" s="317" t="s">
        <v>46</v>
      </c>
      <c r="CF6" s="315" t="s">
        <v>47</v>
      </c>
      <c r="CG6" s="315" t="s">
        <v>48</v>
      </c>
      <c r="CH6" s="315" t="s">
        <v>49</v>
      </c>
      <c r="CI6" s="315" t="s">
        <v>50</v>
      </c>
      <c r="CJ6" s="315" t="s">
        <v>51</v>
      </c>
      <c r="CK6" s="316" t="s">
        <v>45</v>
      </c>
      <c r="CL6" s="318" t="s">
        <v>52</v>
      </c>
      <c r="CM6" s="314" t="s">
        <v>43</v>
      </c>
      <c r="CN6" s="315" t="s">
        <v>44</v>
      </c>
      <c r="CO6" s="316" t="s">
        <v>45</v>
      </c>
      <c r="CP6" s="317" t="s">
        <v>46</v>
      </c>
      <c r="CQ6" s="315" t="s">
        <v>47</v>
      </c>
      <c r="CR6" s="315" t="s">
        <v>48</v>
      </c>
      <c r="CS6" s="315" t="s">
        <v>49</v>
      </c>
      <c r="CT6" s="315" t="s">
        <v>50</v>
      </c>
      <c r="CU6" s="315" t="s">
        <v>51</v>
      </c>
      <c r="CV6" s="316" t="s">
        <v>45</v>
      </c>
      <c r="CW6" s="318" t="s">
        <v>52</v>
      </c>
      <c r="CX6" s="43" t="s">
        <v>43</v>
      </c>
      <c r="CY6" s="41" t="s">
        <v>44</v>
      </c>
      <c r="CZ6" s="42" t="s">
        <v>45</v>
      </c>
      <c r="DA6" s="44" t="s">
        <v>46</v>
      </c>
      <c r="DB6" s="41" t="s">
        <v>47</v>
      </c>
      <c r="DC6" s="41" t="s">
        <v>48</v>
      </c>
      <c r="DD6" s="41" t="s">
        <v>49</v>
      </c>
      <c r="DE6" s="41" t="s">
        <v>50</v>
      </c>
      <c r="DF6" s="41" t="s">
        <v>51</v>
      </c>
      <c r="DG6" s="42" t="s">
        <v>45</v>
      </c>
      <c r="DH6" s="45" t="s">
        <v>52</v>
      </c>
      <c r="DI6" s="314" t="s">
        <v>43</v>
      </c>
      <c r="DJ6" s="315" t="s">
        <v>44</v>
      </c>
      <c r="DK6" s="316" t="s">
        <v>45</v>
      </c>
      <c r="DL6" s="317" t="s">
        <v>46</v>
      </c>
      <c r="DM6" s="315" t="s">
        <v>47</v>
      </c>
      <c r="DN6" s="315" t="s">
        <v>48</v>
      </c>
      <c r="DO6" s="315" t="s">
        <v>49</v>
      </c>
      <c r="DP6" s="315" t="s">
        <v>50</v>
      </c>
      <c r="DQ6" s="315" t="s">
        <v>51</v>
      </c>
      <c r="DR6" s="316" t="s">
        <v>45</v>
      </c>
      <c r="DS6" s="318" t="s">
        <v>52</v>
      </c>
      <c r="DT6" s="314" t="s">
        <v>43</v>
      </c>
      <c r="DU6" s="315" t="s">
        <v>44</v>
      </c>
      <c r="DV6" s="316" t="s">
        <v>45</v>
      </c>
      <c r="DW6" s="317" t="s">
        <v>46</v>
      </c>
      <c r="DX6" s="315" t="s">
        <v>47</v>
      </c>
      <c r="DY6" s="315" t="s">
        <v>48</v>
      </c>
      <c r="DZ6" s="315" t="s">
        <v>49</v>
      </c>
      <c r="EA6" s="315" t="s">
        <v>50</v>
      </c>
      <c r="EB6" s="315" t="s">
        <v>51</v>
      </c>
      <c r="EC6" s="316" t="s">
        <v>45</v>
      </c>
      <c r="ED6" s="318" t="s">
        <v>52</v>
      </c>
      <c r="EE6" s="314" t="s">
        <v>43</v>
      </c>
      <c r="EF6" s="315" t="s">
        <v>44</v>
      </c>
      <c r="EG6" s="316" t="s">
        <v>45</v>
      </c>
      <c r="EH6" s="317" t="s">
        <v>46</v>
      </c>
      <c r="EI6" s="315" t="s">
        <v>47</v>
      </c>
      <c r="EJ6" s="315" t="s">
        <v>48</v>
      </c>
      <c r="EK6" s="315" t="s">
        <v>49</v>
      </c>
      <c r="EL6" s="315" t="s">
        <v>50</v>
      </c>
      <c r="EM6" s="315" t="s">
        <v>51</v>
      </c>
      <c r="EN6" s="316" t="s">
        <v>45</v>
      </c>
      <c r="EO6" s="318" t="s">
        <v>52</v>
      </c>
      <c r="EP6" s="314" t="s">
        <v>43</v>
      </c>
      <c r="EQ6" s="315" t="s">
        <v>44</v>
      </c>
      <c r="ER6" s="316" t="s">
        <v>45</v>
      </c>
      <c r="ES6" s="317" t="s">
        <v>46</v>
      </c>
      <c r="ET6" s="315" t="s">
        <v>47</v>
      </c>
      <c r="EU6" s="315" t="s">
        <v>48</v>
      </c>
      <c r="EV6" s="315" t="s">
        <v>49</v>
      </c>
      <c r="EW6" s="315" t="s">
        <v>50</v>
      </c>
      <c r="EX6" s="315" t="s">
        <v>51</v>
      </c>
      <c r="EY6" s="316" t="s">
        <v>45</v>
      </c>
      <c r="EZ6" s="318" t="s">
        <v>52</v>
      </c>
      <c r="FA6" s="314" t="s">
        <v>43</v>
      </c>
      <c r="FB6" s="315" t="s">
        <v>44</v>
      </c>
      <c r="FC6" s="316" t="s">
        <v>45</v>
      </c>
      <c r="FD6" s="317" t="s">
        <v>46</v>
      </c>
      <c r="FE6" s="315" t="s">
        <v>47</v>
      </c>
      <c r="FF6" s="315" t="s">
        <v>48</v>
      </c>
      <c r="FG6" s="315" t="s">
        <v>49</v>
      </c>
      <c r="FH6" s="315" t="s">
        <v>50</v>
      </c>
      <c r="FI6" s="315" t="s">
        <v>51</v>
      </c>
      <c r="FJ6" s="316" t="s">
        <v>45</v>
      </c>
      <c r="FK6" s="318" t="s">
        <v>52</v>
      </c>
      <c r="FL6" s="314" t="s">
        <v>43</v>
      </c>
      <c r="FM6" s="315" t="s">
        <v>44</v>
      </c>
      <c r="FN6" s="316" t="s">
        <v>45</v>
      </c>
      <c r="FO6" s="317" t="s">
        <v>46</v>
      </c>
      <c r="FP6" s="315" t="s">
        <v>47</v>
      </c>
      <c r="FQ6" s="315" t="s">
        <v>48</v>
      </c>
      <c r="FR6" s="315" t="s">
        <v>49</v>
      </c>
      <c r="FS6" s="315" t="s">
        <v>50</v>
      </c>
      <c r="FT6" s="315" t="s">
        <v>51</v>
      </c>
      <c r="FU6" s="316" t="s">
        <v>45</v>
      </c>
      <c r="FV6" s="318" t="s">
        <v>52</v>
      </c>
      <c r="FW6" s="314" t="s">
        <v>43</v>
      </c>
      <c r="FX6" s="315" t="s">
        <v>44</v>
      </c>
      <c r="FY6" s="316" t="s">
        <v>45</v>
      </c>
      <c r="FZ6" s="317" t="s">
        <v>46</v>
      </c>
      <c r="GA6" s="315" t="s">
        <v>47</v>
      </c>
      <c r="GB6" s="315" t="s">
        <v>48</v>
      </c>
      <c r="GC6" s="315" t="s">
        <v>49</v>
      </c>
      <c r="GD6" s="315" t="s">
        <v>50</v>
      </c>
      <c r="GE6" s="315" t="s">
        <v>51</v>
      </c>
      <c r="GF6" s="316" t="s">
        <v>45</v>
      </c>
      <c r="GG6" s="318" t="s">
        <v>52</v>
      </c>
      <c r="GH6" s="314" t="s">
        <v>43</v>
      </c>
      <c r="GI6" s="315" t="s">
        <v>44</v>
      </c>
      <c r="GJ6" s="316" t="s">
        <v>45</v>
      </c>
      <c r="GK6" s="317" t="s">
        <v>46</v>
      </c>
      <c r="GL6" s="315" t="s">
        <v>47</v>
      </c>
      <c r="GM6" s="315" t="s">
        <v>48</v>
      </c>
      <c r="GN6" s="315" t="s">
        <v>49</v>
      </c>
      <c r="GO6" s="315" t="s">
        <v>50</v>
      </c>
      <c r="GP6" s="315" t="s">
        <v>51</v>
      </c>
      <c r="GQ6" s="316" t="s">
        <v>45</v>
      </c>
      <c r="GR6" s="318" t="s">
        <v>52</v>
      </c>
      <c r="GS6" s="43" t="s">
        <v>43</v>
      </c>
      <c r="GT6" s="41" t="s">
        <v>44</v>
      </c>
      <c r="GU6" s="42" t="s">
        <v>45</v>
      </c>
      <c r="GV6" s="44" t="s">
        <v>46</v>
      </c>
      <c r="GW6" s="41" t="s">
        <v>47</v>
      </c>
      <c r="GX6" s="41" t="s">
        <v>48</v>
      </c>
      <c r="GY6" s="41" t="s">
        <v>49</v>
      </c>
      <c r="GZ6" s="41" t="s">
        <v>50</v>
      </c>
      <c r="HA6" s="41" t="s">
        <v>51</v>
      </c>
      <c r="HB6" s="42" t="s">
        <v>45</v>
      </c>
      <c r="HC6" s="45" t="s">
        <v>52</v>
      </c>
      <c r="HD6" s="314" t="s">
        <v>43</v>
      </c>
      <c r="HE6" s="315" t="s">
        <v>44</v>
      </c>
      <c r="HF6" s="316" t="s">
        <v>45</v>
      </c>
      <c r="HG6" s="317" t="s">
        <v>46</v>
      </c>
      <c r="HH6" s="315" t="s">
        <v>47</v>
      </c>
      <c r="HI6" s="315" t="s">
        <v>48</v>
      </c>
      <c r="HJ6" s="315" t="s">
        <v>49</v>
      </c>
      <c r="HK6" s="315" t="s">
        <v>50</v>
      </c>
      <c r="HL6" s="315" t="s">
        <v>51</v>
      </c>
      <c r="HM6" s="316" t="s">
        <v>45</v>
      </c>
      <c r="HN6" s="318" t="s">
        <v>52</v>
      </c>
      <c r="HO6" s="314" t="s">
        <v>43</v>
      </c>
      <c r="HP6" s="315" t="s">
        <v>44</v>
      </c>
      <c r="HQ6" s="316" t="s">
        <v>45</v>
      </c>
      <c r="HR6" s="317" t="s">
        <v>46</v>
      </c>
      <c r="HS6" s="315" t="s">
        <v>47</v>
      </c>
      <c r="HT6" s="315" t="s">
        <v>48</v>
      </c>
      <c r="HU6" s="315" t="s">
        <v>49</v>
      </c>
      <c r="HV6" s="315" t="s">
        <v>50</v>
      </c>
      <c r="HW6" s="315" t="s">
        <v>51</v>
      </c>
      <c r="HX6" s="316" t="s">
        <v>45</v>
      </c>
      <c r="HY6" s="318" t="s">
        <v>52</v>
      </c>
      <c r="HZ6" s="314" t="s">
        <v>43</v>
      </c>
      <c r="IA6" s="315" t="s">
        <v>44</v>
      </c>
      <c r="IB6" s="316" t="s">
        <v>45</v>
      </c>
      <c r="IC6" s="317" t="s">
        <v>46</v>
      </c>
      <c r="ID6" s="315" t="s">
        <v>47</v>
      </c>
      <c r="IE6" s="315" t="s">
        <v>48</v>
      </c>
      <c r="IF6" s="315" t="s">
        <v>49</v>
      </c>
      <c r="IG6" s="315" t="s">
        <v>50</v>
      </c>
      <c r="IH6" s="315" t="s">
        <v>51</v>
      </c>
      <c r="II6" s="316" t="s">
        <v>45</v>
      </c>
      <c r="IJ6" s="318" t="s">
        <v>52</v>
      </c>
      <c r="IK6" s="314" t="s">
        <v>43</v>
      </c>
      <c r="IL6" s="315" t="s">
        <v>44</v>
      </c>
      <c r="IM6" s="316" t="s">
        <v>45</v>
      </c>
      <c r="IN6" s="317" t="s">
        <v>46</v>
      </c>
      <c r="IO6" s="315" t="s">
        <v>47</v>
      </c>
      <c r="IP6" s="315" t="s">
        <v>48</v>
      </c>
      <c r="IQ6" s="315" t="s">
        <v>49</v>
      </c>
      <c r="IR6" s="315" t="s">
        <v>50</v>
      </c>
      <c r="IS6" s="315" t="s">
        <v>51</v>
      </c>
      <c r="IT6" s="316" t="s">
        <v>45</v>
      </c>
      <c r="IU6" s="318" t="s">
        <v>52</v>
      </c>
      <c r="IV6" s="314" t="s">
        <v>43</v>
      </c>
      <c r="IW6" s="315" t="s">
        <v>44</v>
      </c>
      <c r="IX6" s="316" t="s">
        <v>45</v>
      </c>
      <c r="IY6" s="317" t="s">
        <v>46</v>
      </c>
      <c r="IZ6" s="315" t="s">
        <v>47</v>
      </c>
      <c r="JA6" s="315" t="s">
        <v>48</v>
      </c>
      <c r="JB6" s="315" t="s">
        <v>49</v>
      </c>
      <c r="JC6" s="315" t="s">
        <v>50</v>
      </c>
      <c r="JD6" s="315" t="s">
        <v>51</v>
      </c>
      <c r="JE6" s="316" t="s">
        <v>45</v>
      </c>
      <c r="JF6" s="318" t="s">
        <v>52</v>
      </c>
      <c r="JG6" s="314" t="s">
        <v>43</v>
      </c>
      <c r="JH6" s="315" t="s">
        <v>44</v>
      </c>
      <c r="JI6" s="316" t="s">
        <v>45</v>
      </c>
      <c r="JJ6" s="317" t="s">
        <v>46</v>
      </c>
      <c r="JK6" s="315" t="s">
        <v>47</v>
      </c>
      <c r="JL6" s="315" t="s">
        <v>48</v>
      </c>
      <c r="JM6" s="315" t="s">
        <v>49</v>
      </c>
      <c r="JN6" s="315" t="s">
        <v>50</v>
      </c>
      <c r="JO6" s="315" t="s">
        <v>51</v>
      </c>
      <c r="JP6" s="316" t="s">
        <v>45</v>
      </c>
      <c r="JQ6" s="318" t="s">
        <v>52</v>
      </c>
      <c r="JR6" s="314" t="s">
        <v>43</v>
      </c>
      <c r="JS6" s="315" t="s">
        <v>44</v>
      </c>
      <c r="JT6" s="316" t="s">
        <v>45</v>
      </c>
      <c r="JU6" s="317" t="s">
        <v>46</v>
      </c>
      <c r="JV6" s="315" t="s">
        <v>47</v>
      </c>
      <c r="JW6" s="315" t="s">
        <v>48</v>
      </c>
      <c r="JX6" s="315" t="s">
        <v>49</v>
      </c>
      <c r="JY6" s="315" t="s">
        <v>50</v>
      </c>
      <c r="JZ6" s="315" t="s">
        <v>51</v>
      </c>
      <c r="KA6" s="316" t="s">
        <v>45</v>
      </c>
      <c r="KB6" s="318" t="s">
        <v>52</v>
      </c>
      <c r="KC6" s="314" t="s">
        <v>43</v>
      </c>
      <c r="KD6" s="315" t="s">
        <v>44</v>
      </c>
      <c r="KE6" s="316" t="s">
        <v>45</v>
      </c>
      <c r="KF6" s="317" t="s">
        <v>46</v>
      </c>
      <c r="KG6" s="315" t="s">
        <v>47</v>
      </c>
      <c r="KH6" s="315" t="s">
        <v>48</v>
      </c>
      <c r="KI6" s="315" t="s">
        <v>49</v>
      </c>
      <c r="KJ6" s="315" t="s">
        <v>50</v>
      </c>
      <c r="KK6" s="315" t="s">
        <v>51</v>
      </c>
      <c r="KL6" s="316" t="s">
        <v>45</v>
      </c>
      <c r="KM6" s="318" t="s">
        <v>52</v>
      </c>
    </row>
    <row r="7" spans="2:299" ht="21" customHeight="1" x14ac:dyDescent="0.2">
      <c r="B7" s="435" t="s">
        <v>4</v>
      </c>
      <c r="C7" s="286">
        <v>20444</v>
      </c>
      <c r="D7" s="68">
        <v>21167</v>
      </c>
      <c r="E7" s="69">
        <v>41611</v>
      </c>
      <c r="F7" s="442">
        <v>0</v>
      </c>
      <c r="G7" s="68">
        <v>31138</v>
      </c>
      <c r="H7" s="68">
        <v>31242</v>
      </c>
      <c r="I7" s="68">
        <v>20739</v>
      </c>
      <c r="J7" s="68">
        <v>17170</v>
      </c>
      <c r="K7" s="68">
        <v>10395</v>
      </c>
      <c r="L7" s="70">
        <v>110684</v>
      </c>
      <c r="M7" s="71">
        <v>152295</v>
      </c>
      <c r="N7" s="56">
        <v>804</v>
      </c>
      <c r="O7" s="57">
        <v>990</v>
      </c>
      <c r="P7" s="58">
        <v>1794</v>
      </c>
      <c r="Q7" s="442">
        <v>0</v>
      </c>
      <c r="R7" s="57">
        <v>1351</v>
      </c>
      <c r="S7" s="57">
        <v>1607</v>
      </c>
      <c r="T7" s="57">
        <v>986</v>
      </c>
      <c r="U7" s="57">
        <v>935</v>
      </c>
      <c r="V7" s="57">
        <v>710</v>
      </c>
      <c r="W7" s="58">
        <v>5589</v>
      </c>
      <c r="X7" s="59">
        <v>7383</v>
      </c>
      <c r="Y7" s="56">
        <v>1833</v>
      </c>
      <c r="Z7" s="57">
        <v>2317</v>
      </c>
      <c r="AA7" s="58">
        <v>4150</v>
      </c>
      <c r="AB7" s="442">
        <v>0</v>
      </c>
      <c r="AC7" s="57">
        <v>2733</v>
      </c>
      <c r="AD7" s="57">
        <v>3339</v>
      </c>
      <c r="AE7" s="57">
        <v>2167</v>
      </c>
      <c r="AF7" s="57">
        <v>1866</v>
      </c>
      <c r="AG7" s="57">
        <v>1358</v>
      </c>
      <c r="AH7" s="58">
        <v>11463</v>
      </c>
      <c r="AI7" s="59">
        <v>15613</v>
      </c>
      <c r="AJ7" s="56">
        <v>3119</v>
      </c>
      <c r="AK7" s="57">
        <v>3463</v>
      </c>
      <c r="AL7" s="58">
        <v>6582</v>
      </c>
      <c r="AM7" s="442">
        <v>0</v>
      </c>
      <c r="AN7" s="57">
        <v>4861</v>
      </c>
      <c r="AO7" s="57">
        <v>5055</v>
      </c>
      <c r="AP7" s="57">
        <v>3348</v>
      </c>
      <c r="AQ7" s="57">
        <v>2823</v>
      </c>
      <c r="AR7" s="57">
        <v>1878</v>
      </c>
      <c r="AS7" s="58">
        <v>17965</v>
      </c>
      <c r="AT7" s="59">
        <v>24547</v>
      </c>
      <c r="AU7" s="56">
        <v>5416</v>
      </c>
      <c r="AV7" s="57">
        <v>5273</v>
      </c>
      <c r="AW7" s="58">
        <v>10689</v>
      </c>
      <c r="AX7" s="442">
        <v>0</v>
      </c>
      <c r="AY7" s="57">
        <v>8094</v>
      </c>
      <c r="AZ7" s="57">
        <v>7477</v>
      </c>
      <c r="BA7" s="57">
        <v>4876</v>
      </c>
      <c r="BB7" s="57">
        <v>3987</v>
      </c>
      <c r="BC7" s="57">
        <v>2414</v>
      </c>
      <c r="BD7" s="58">
        <v>26848</v>
      </c>
      <c r="BE7" s="59">
        <v>37537</v>
      </c>
      <c r="BF7" s="56">
        <v>5831</v>
      </c>
      <c r="BG7" s="57">
        <v>5432</v>
      </c>
      <c r="BH7" s="58">
        <v>11263</v>
      </c>
      <c r="BI7" s="442">
        <v>0</v>
      </c>
      <c r="BJ7" s="57">
        <v>8378</v>
      </c>
      <c r="BK7" s="57">
        <v>7625</v>
      </c>
      <c r="BL7" s="57">
        <v>5019</v>
      </c>
      <c r="BM7" s="57">
        <v>4095</v>
      </c>
      <c r="BN7" s="57">
        <v>2223</v>
      </c>
      <c r="BO7" s="58">
        <v>27340</v>
      </c>
      <c r="BP7" s="59">
        <v>38603</v>
      </c>
      <c r="BQ7" s="56">
        <v>3441</v>
      </c>
      <c r="BR7" s="57">
        <v>3692</v>
      </c>
      <c r="BS7" s="58">
        <v>7133</v>
      </c>
      <c r="BT7" s="442">
        <v>0</v>
      </c>
      <c r="BU7" s="57">
        <v>5721</v>
      </c>
      <c r="BV7" s="57">
        <v>6139</v>
      </c>
      <c r="BW7" s="57">
        <v>4343</v>
      </c>
      <c r="BX7" s="57">
        <v>3464</v>
      </c>
      <c r="BY7" s="57">
        <v>1812</v>
      </c>
      <c r="BZ7" s="58">
        <v>21479</v>
      </c>
      <c r="CA7" s="59">
        <v>28612</v>
      </c>
      <c r="CB7" s="56">
        <v>493</v>
      </c>
      <c r="CC7" s="57">
        <v>824</v>
      </c>
      <c r="CD7" s="58">
        <v>1317</v>
      </c>
      <c r="CE7" s="442">
        <v>0</v>
      </c>
      <c r="CF7" s="57">
        <v>896</v>
      </c>
      <c r="CG7" s="57">
        <v>1424</v>
      </c>
      <c r="CH7" s="57">
        <v>827</v>
      </c>
      <c r="CI7" s="57">
        <v>767</v>
      </c>
      <c r="CJ7" s="57">
        <v>747</v>
      </c>
      <c r="CK7" s="58">
        <v>4661</v>
      </c>
      <c r="CL7" s="59">
        <v>5978</v>
      </c>
      <c r="CM7" s="56">
        <v>20937</v>
      </c>
      <c r="CN7" s="57">
        <v>21991</v>
      </c>
      <c r="CO7" s="58">
        <v>42928</v>
      </c>
      <c r="CP7" s="442">
        <v>0</v>
      </c>
      <c r="CQ7" s="57">
        <v>32034</v>
      </c>
      <c r="CR7" s="57">
        <v>32666</v>
      </c>
      <c r="CS7" s="57">
        <v>21566</v>
      </c>
      <c r="CT7" s="57">
        <v>17937</v>
      </c>
      <c r="CU7" s="57">
        <v>11142</v>
      </c>
      <c r="CV7" s="58">
        <v>115345</v>
      </c>
      <c r="CW7" s="59">
        <v>158273</v>
      </c>
      <c r="CX7" s="112">
        <v>39382</v>
      </c>
      <c r="CY7" s="68">
        <v>46655</v>
      </c>
      <c r="CZ7" s="69">
        <v>86037</v>
      </c>
      <c r="DA7" s="442">
        <v>0</v>
      </c>
      <c r="DB7" s="68">
        <v>56663</v>
      </c>
      <c r="DC7" s="68">
        <v>54046</v>
      </c>
      <c r="DD7" s="68">
        <v>39583</v>
      </c>
      <c r="DE7" s="68">
        <v>38728</v>
      </c>
      <c r="DF7" s="68">
        <v>25395</v>
      </c>
      <c r="DG7" s="70">
        <v>214415</v>
      </c>
      <c r="DH7" s="71">
        <v>300452</v>
      </c>
      <c r="DI7" s="56">
        <v>793</v>
      </c>
      <c r="DJ7" s="57">
        <v>1077</v>
      </c>
      <c r="DK7" s="58">
        <v>1870</v>
      </c>
      <c r="DL7" s="442">
        <v>0</v>
      </c>
      <c r="DM7" s="57">
        <v>974</v>
      </c>
      <c r="DN7" s="57">
        <v>1099</v>
      </c>
      <c r="DO7" s="57">
        <v>693</v>
      </c>
      <c r="DP7" s="57">
        <v>678</v>
      </c>
      <c r="DQ7" s="57">
        <v>559</v>
      </c>
      <c r="DR7" s="58">
        <v>4003</v>
      </c>
      <c r="DS7" s="59">
        <v>5873</v>
      </c>
      <c r="DT7" s="56">
        <v>2500</v>
      </c>
      <c r="DU7" s="57">
        <v>2979</v>
      </c>
      <c r="DV7" s="58">
        <v>5479</v>
      </c>
      <c r="DW7" s="442">
        <v>0</v>
      </c>
      <c r="DX7" s="57">
        <v>2653</v>
      </c>
      <c r="DY7" s="57">
        <v>2742</v>
      </c>
      <c r="DZ7" s="57">
        <v>1681</v>
      </c>
      <c r="EA7" s="57">
        <v>1757</v>
      </c>
      <c r="EB7" s="57">
        <v>1339</v>
      </c>
      <c r="EC7" s="58">
        <v>10172</v>
      </c>
      <c r="ED7" s="59">
        <v>15651</v>
      </c>
      <c r="EE7" s="56">
        <v>5998</v>
      </c>
      <c r="EF7" s="57">
        <v>6809</v>
      </c>
      <c r="EG7" s="58">
        <v>12807</v>
      </c>
      <c r="EH7" s="442">
        <v>0</v>
      </c>
      <c r="EI7" s="57">
        <v>6517</v>
      </c>
      <c r="EJ7" s="57">
        <v>5656</v>
      </c>
      <c r="EK7" s="57">
        <v>3505</v>
      </c>
      <c r="EL7" s="57">
        <v>3334</v>
      </c>
      <c r="EM7" s="57">
        <v>2678</v>
      </c>
      <c r="EN7" s="58">
        <v>21690</v>
      </c>
      <c r="EO7" s="59">
        <v>34497</v>
      </c>
      <c r="EP7" s="56">
        <v>12187</v>
      </c>
      <c r="EQ7" s="57">
        <v>12913</v>
      </c>
      <c r="ER7" s="58">
        <v>25100</v>
      </c>
      <c r="ES7" s="442">
        <v>0</v>
      </c>
      <c r="ET7" s="57">
        <v>13947</v>
      </c>
      <c r="EU7" s="57">
        <v>11524</v>
      </c>
      <c r="EV7" s="57">
        <v>7500</v>
      </c>
      <c r="EW7" s="57">
        <v>6745</v>
      </c>
      <c r="EX7" s="57">
        <v>4587</v>
      </c>
      <c r="EY7" s="58">
        <v>44303</v>
      </c>
      <c r="EZ7" s="59">
        <v>69403</v>
      </c>
      <c r="FA7" s="56">
        <v>11572</v>
      </c>
      <c r="FB7" s="57">
        <v>13703</v>
      </c>
      <c r="FC7" s="58">
        <v>25275</v>
      </c>
      <c r="FD7" s="442">
        <v>0</v>
      </c>
      <c r="FE7" s="57">
        <v>17241</v>
      </c>
      <c r="FF7" s="57">
        <v>15375</v>
      </c>
      <c r="FG7" s="57">
        <v>10734</v>
      </c>
      <c r="FH7" s="57">
        <v>9617</v>
      </c>
      <c r="FI7" s="57">
        <v>6440</v>
      </c>
      <c r="FJ7" s="58">
        <v>59407</v>
      </c>
      <c r="FK7" s="59">
        <v>84682</v>
      </c>
      <c r="FL7" s="56">
        <v>6332</v>
      </c>
      <c r="FM7" s="57">
        <v>9174</v>
      </c>
      <c r="FN7" s="58">
        <v>15506</v>
      </c>
      <c r="FO7" s="442">
        <v>0</v>
      </c>
      <c r="FP7" s="57">
        <v>15331</v>
      </c>
      <c r="FQ7" s="57">
        <v>17650</v>
      </c>
      <c r="FR7" s="57">
        <v>15470</v>
      </c>
      <c r="FS7" s="57">
        <v>16597</v>
      </c>
      <c r="FT7" s="57">
        <v>9792</v>
      </c>
      <c r="FU7" s="58">
        <v>74840</v>
      </c>
      <c r="FV7" s="59">
        <v>90346</v>
      </c>
      <c r="FW7" s="56">
        <v>381</v>
      </c>
      <c r="FX7" s="57">
        <v>722</v>
      </c>
      <c r="FY7" s="58">
        <v>1103</v>
      </c>
      <c r="FZ7" s="442">
        <v>0</v>
      </c>
      <c r="GA7" s="57">
        <v>684</v>
      </c>
      <c r="GB7" s="57">
        <v>1086</v>
      </c>
      <c r="GC7" s="57">
        <v>618</v>
      </c>
      <c r="GD7" s="57">
        <v>570</v>
      </c>
      <c r="GE7" s="57">
        <v>598</v>
      </c>
      <c r="GF7" s="58">
        <v>3556</v>
      </c>
      <c r="GG7" s="59">
        <v>4659</v>
      </c>
      <c r="GH7" s="56">
        <v>39763</v>
      </c>
      <c r="GI7" s="57">
        <v>47377</v>
      </c>
      <c r="GJ7" s="58">
        <v>87140</v>
      </c>
      <c r="GK7" s="442">
        <v>0</v>
      </c>
      <c r="GL7" s="57">
        <v>57347</v>
      </c>
      <c r="GM7" s="57">
        <v>55132</v>
      </c>
      <c r="GN7" s="57">
        <v>40201</v>
      </c>
      <c r="GO7" s="57">
        <v>39298</v>
      </c>
      <c r="GP7" s="57">
        <v>25993</v>
      </c>
      <c r="GQ7" s="58">
        <v>217971</v>
      </c>
      <c r="GR7" s="59">
        <v>305111</v>
      </c>
      <c r="GS7" s="112">
        <v>59826</v>
      </c>
      <c r="GT7" s="68">
        <v>67822</v>
      </c>
      <c r="GU7" s="69">
        <v>127648</v>
      </c>
      <c r="GV7" s="223">
        <v>0</v>
      </c>
      <c r="GW7" s="68">
        <v>87801</v>
      </c>
      <c r="GX7" s="68">
        <v>85288</v>
      </c>
      <c r="GY7" s="68">
        <v>60322</v>
      </c>
      <c r="GZ7" s="68">
        <v>55898</v>
      </c>
      <c r="HA7" s="68">
        <v>35790</v>
      </c>
      <c r="HB7" s="70">
        <v>325099</v>
      </c>
      <c r="HC7" s="71">
        <v>452747</v>
      </c>
      <c r="HD7" s="56">
        <v>1597</v>
      </c>
      <c r="HE7" s="57">
        <v>2067</v>
      </c>
      <c r="HF7" s="58">
        <v>3664</v>
      </c>
      <c r="HG7" s="226">
        <v>0</v>
      </c>
      <c r="HH7" s="57">
        <v>2325</v>
      </c>
      <c r="HI7" s="57">
        <v>2706</v>
      </c>
      <c r="HJ7" s="57">
        <v>1679</v>
      </c>
      <c r="HK7" s="57">
        <v>1613</v>
      </c>
      <c r="HL7" s="57">
        <v>1269</v>
      </c>
      <c r="HM7" s="58">
        <v>9592</v>
      </c>
      <c r="HN7" s="59">
        <v>13256</v>
      </c>
      <c r="HO7" s="56">
        <v>4333</v>
      </c>
      <c r="HP7" s="57">
        <v>5296</v>
      </c>
      <c r="HQ7" s="58">
        <v>9629</v>
      </c>
      <c r="HR7" s="442">
        <v>0</v>
      </c>
      <c r="HS7" s="57">
        <v>5386</v>
      </c>
      <c r="HT7" s="57">
        <v>6081</v>
      </c>
      <c r="HU7" s="57">
        <v>3848</v>
      </c>
      <c r="HV7" s="57">
        <v>3623</v>
      </c>
      <c r="HW7" s="57">
        <v>2697</v>
      </c>
      <c r="HX7" s="58">
        <v>21635</v>
      </c>
      <c r="HY7" s="59">
        <v>31264</v>
      </c>
      <c r="HZ7" s="56">
        <v>9117</v>
      </c>
      <c r="IA7" s="57">
        <v>10272</v>
      </c>
      <c r="IB7" s="58">
        <v>19389</v>
      </c>
      <c r="IC7" s="442">
        <v>0</v>
      </c>
      <c r="ID7" s="57">
        <v>11378</v>
      </c>
      <c r="IE7" s="57">
        <v>10711</v>
      </c>
      <c r="IF7" s="57">
        <v>6853</v>
      </c>
      <c r="IG7" s="57">
        <v>6157</v>
      </c>
      <c r="IH7" s="57">
        <v>4556</v>
      </c>
      <c r="II7" s="58">
        <v>39655</v>
      </c>
      <c r="IJ7" s="59">
        <v>59044</v>
      </c>
      <c r="IK7" s="56">
        <v>17603</v>
      </c>
      <c r="IL7" s="57">
        <v>18186</v>
      </c>
      <c r="IM7" s="58">
        <v>35789</v>
      </c>
      <c r="IN7" s="442">
        <v>0</v>
      </c>
      <c r="IO7" s="57">
        <v>22041</v>
      </c>
      <c r="IP7" s="57">
        <v>19001</v>
      </c>
      <c r="IQ7" s="57">
        <v>12376</v>
      </c>
      <c r="IR7" s="57">
        <v>10732</v>
      </c>
      <c r="IS7" s="57">
        <v>7001</v>
      </c>
      <c r="IT7" s="58">
        <v>71151</v>
      </c>
      <c r="IU7" s="59">
        <v>106940</v>
      </c>
      <c r="IV7" s="56">
        <v>17403</v>
      </c>
      <c r="IW7" s="57">
        <v>19135</v>
      </c>
      <c r="IX7" s="58">
        <v>36538</v>
      </c>
      <c r="IY7" s="442">
        <v>0</v>
      </c>
      <c r="IZ7" s="57">
        <v>25619</v>
      </c>
      <c r="JA7" s="57">
        <v>23000</v>
      </c>
      <c r="JB7" s="57">
        <v>15753</v>
      </c>
      <c r="JC7" s="57">
        <v>13712</v>
      </c>
      <c r="JD7" s="57">
        <v>8663</v>
      </c>
      <c r="JE7" s="58">
        <v>86747</v>
      </c>
      <c r="JF7" s="59">
        <v>123285</v>
      </c>
      <c r="JG7" s="56">
        <v>9773</v>
      </c>
      <c r="JH7" s="57">
        <v>12866</v>
      </c>
      <c r="JI7" s="58">
        <v>22639</v>
      </c>
      <c r="JJ7" s="442">
        <v>0</v>
      </c>
      <c r="JK7" s="57">
        <v>21052</v>
      </c>
      <c r="JL7" s="57">
        <v>23789</v>
      </c>
      <c r="JM7" s="57">
        <v>19813</v>
      </c>
      <c r="JN7" s="57">
        <v>20061</v>
      </c>
      <c r="JO7" s="57">
        <v>11604</v>
      </c>
      <c r="JP7" s="58">
        <v>96319</v>
      </c>
      <c r="JQ7" s="59">
        <v>118958</v>
      </c>
      <c r="JR7" s="56">
        <v>874</v>
      </c>
      <c r="JS7" s="57">
        <v>1546</v>
      </c>
      <c r="JT7" s="58">
        <v>2420</v>
      </c>
      <c r="JU7" s="442">
        <v>0</v>
      </c>
      <c r="JV7" s="57">
        <v>1580</v>
      </c>
      <c r="JW7" s="57">
        <v>2510</v>
      </c>
      <c r="JX7" s="57">
        <v>1445</v>
      </c>
      <c r="JY7" s="57">
        <v>1337</v>
      </c>
      <c r="JZ7" s="57">
        <v>1345</v>
      </c>
      <c r="KA7" s="58">
        <v>8217</v>
      </c>
      <c r="KB7" s="59">
        <v>10637</v>
      </c>
      <c r="KC7" s="56">
        <v>60700</v>
      </c>
      <c r="KD7" s="57">
        <v>69368</v>
      </c>
      <c r="KE7" s="58">
        <v>130068</v>
      </c>
      <c r="KF7" s="442">
        <v>0</v>
      </c>
      <c r="KG7" s="57">
        <v>89381</v>
      </c>
      <c r="KH7" s="57">
        <v>87798</v>
      </c>
      <c r="KI7" s="57">
        <v>61767</v>
      </c>
      <c r="KJ7" s="57">
        <v>57235</v>
      </c>
      <c r="KK7" s="57">
        <v>37135</v>
      </c>
      <c r="KL7" s="58">
        <v>333316</v>
      </c>
      <c r="KM7" s="59">
        <v>463384</v>
      </c>
    </row>
    <row r="8" spans="2:299" ht="21" customHeight="1" x14ac:dyDescent="0.2">
      <c r="B8" s="436" t="s">
        <v>5</v>
      </c>
      <c r="C8" s="287">
        <v>8050</v>
      </c>
      <c r="D8" s="72">
        <v>10035</v>
      </c>
      <c r="E8" s="73">
        <v>18085</v>
      </c>
      <c r="F8" s="443">
        <v>0</v>
      </c>
      <c r="G8" s="72">
        <v>10100</v>
      </c>
      <c r="H8" s="72">
        <v>13888</v>
      </c>
      <c r="I8" s="72">
        <v>8817</v>
      </c>
      <c r="J8" s="72">
        <v>7063</v>
      </c>
      <c r="K8" s="72">
        <v>4296</v>
      </c>
      <c r="L8" s="74">
        <v>44164</v>
      </c>
      <c r="M8" s="75">
        <v>62249</v>
      </c>
      <c r="N8" s="60">
        <v>289</v>
      </c>
      <c r="O8" s="61">
        <v>455</v>
      </c>
      <c r="P8" s="62">
        <v>744</v>
      </c>
      <c r="Q8" s="443">
        <v>0</v>
      </c>
      <c r="R8" s="61">
        <v>403</v>
      </c>
      <c r="S8" s="61">
        <v>732</v>
      </c>
      <c r="T8" s="61">
        <v>436</v>
      </c>
      <c r="U8" s="61">
        <v>379</v>
      </c>
      <c r="V8" s="61">
        <v>294</v>
      </c>
      <c r="W8" s="62">
        <v>2244</v>
      </c>
      <c r="X8" s="63">
        <v>2988</v>
      </c>
      <c r="Y8" s="60">
        <v>711</v>
      </c>
      <c r="Z8" s="61">
        <v>1072</v>
      </c>
      <c r="AA8" s="62">
        <v>1783</v>
      </c>
      <c r="AB8" s="443">
        <v>0</v>
      </c>
      <c r="AC8" s="61">
        <v>785</v>
      </c>
      <c r="AD8" s="61">
        <v>1500</v>
      </c>
      <c r="AE8" s="61">
        <v>919</v>
      </c>
      <c r="AF8" s="61">
        <v>775</v>
      </c>
      <c r="AG8" s="61">
        <v>550</v>
      </c>
      <c r="AH8" s="62">
        <v>4529</v>
      </c>
      <c r="AI8" s="63">
        <v>6312</v>
      </c>
      <c r="AJ8" s="60">
        <v>1204</v>
      </c>
      <c r="AK8" s="61">
        <v>1610</v>
      </c>
      <c r="AL8" s="62">
        <v>2814</v>
      </c>
      <c r="AM8" s="443">
        <v>0</v>
      </c>
      <c r="AN8" s="61">
        <v>1505</v>
      </c>
      <c r="AO8" s="61">
        <v>2217</v>
      </c>
      <c r="AP8" s="61">
        <v>1408</v>
      </c>
      <c r="AQ8" s="61">
        <v>1116</v>
      </c>
      <c r="AR8" s="61">
        <v>771</v>
      </c>
      <c r="AS8" s="62">
        <v>7017</v>
      </c>
      <c r="AT8" s="63">
        <v>9831</v>
      </c>
      <c r="AU8" s="60">
        <v>2047</v>
      </c>
      <c r="AV8" s="61">
        <v>2469</v>
      </c>
      <c r="AW8" s="62">
        <v>4516</v>
      </c>
      <c r="AX8" s="443">
        <v>0</v>
      </c>
      <c r="AY8" s="61">
        <v>2553</v>
      </c>
      <c r="AZ8" s="61">
        <v>3178</v>
      </c>
      <c r="BA8" s="61">
        <v>2008</v>
      </c>
      <c r="BB8" s="61">
        <v>1612</v>
      </c>
      <c r="BC8" s="61">
        <v>991</v>
      </c>
      <c r="BD8" s="62">
        <v>10342</v>
      </c>
      <c r="BE8" s="63">
        <v>14858</v>
      </c>
      <c r="BF8" s="60">
        <v>2390</v>
      </c>
      <c r="BG8" s="61">
        <v>2582</v>
      </c>
      <c r="BH8" s="62">
        <v>4972</v>
      </c>
      <c r="BI8" s="443">
        <v>0</v>
      </c>
      <c r="BJ8" s="61">
        <v>2848</v>
      </c>
      <c r="BK8" s="61">
        <v>3429</v>
      </c>
      <c r="BL8" s="61">
        <v>2113</v>
      </c>
      <c r="BM8" s="61">
        <v>1716</v>
      </c>
      <c r="BN8" s="61">
        <v>920</v>
      </c>
      <c r="BO8" s="62">
        <v>11026</v>
      </c>
      <c r="BP8" s="63">
        <v>15998</v>
      </c>
      <c r="BQ8" s="60">
        <v>1409</v>
      </c>
      <c r="BR8" s="61">
        <v>1847</v>
      </c>
      <c r="BS8" s="62">
        <v>3256</v>
      </c>
      <c r="BT8" s="443">
        <v>0</v>
      </c>
      <c r="BU8" s="61">
        <v>2006</v>
      </c>
      <c r="BV8" s="61">
        <v>2832</v>
      </c>
      <c r="BW8" s="61">
        <v>1933</v>
      </c>
      <c r="BX8" s="61">
        <v>1465</v>
      </c>
      <c r="BY8" s="61">
        <v>770</v>
      </c>
      <c r="BZ8" s="62">
        <v>9006</v>
      </c>
      <c r="CA8" s="63">
        <v>12262</v>
      </c>
      <c r="CB8" s="60">
        <v>182</v>
      </c>
      <c r="CC8" s="61">
        <v>368</v>
      </c>
      <c r="CD8" s="62">
        <v>550</v>
      </c>
      <c r="CE8" s="443">
        <v>0</v>
      </c>
      <c r="CF8" s="61">
        <v>253</v>
      </c>
      <c r="CG8" s="61">
        <v>645</v>
      </c>
      <c r="CH8" s="61">
        <v>360</v>
      </c>
      <c r="CI8" s="61">
        <v>313</v>
      </c>
      <c r="CJ8" s="61">
        <v>339</v>
      </c>
      <c r="CK8" s="62">
        <v>1910</v>
      </c>
      <c r="CL8" s="63">
        <v>2460</v>
      </c>
      <c r="CM8" s="60">
        <v>8232</v>
      </c>
      <c r="CN8" s="61">
        <v>10403</v>
      </c>
      <c r="CO8" s="62">
        <v>18635</v>
      </c>
      <c r="CP8" s="443">
        <v>0</v>
      </c>
      <c r="CQ8" s="61">
        <v>10353</v>
      </c>
      <c r="CR8" s="61">
        <v>14533</v>
      </c>
      <c r="CS8" s="61">
        <v>9177</v>
      </c>
      <c r="CT8" s="61">
        <v>7376</v>
      </c>
      <c r="CU8" s="61">
        <v>4635</v>
      </c>
      <c r="CV8" s="62">
        <v>46074</v>
      </c>
      <c r="CW8" s="63">
        <v>64709</v>
      </c>
      <c r="CX8" s="113">
        <v>15116</v>
      </c>
      <c r="CY8" s="72">
        <v>20820</v>
      </c>
      <c r="CZ8" s="73">
        <v>35936</v>
      </c>
      <c r="DA8" s="443">
        <v>0</v>
      </c>
      <c r="DB8" s="72">
        <v>19555</v>
      </c>
      <c r="DC8" s="72">
        <v>24664</v>
      </c>
      <c r="DD8" s="72">
        <v>16532</v>
      </c>
      <c r="DE8" s="72">
        <v>16035</v>
      </c>
      <c r="DF8" s="72">
        <v>10433</v>
      </c>
      <c r="DG8" s="74">
        <v>87219</v>
      </c>
      <c r="DH8" s="75">
        <v>123155</v>
      </c>
      <c r="DI8" s="60">
        <v>302</v>
      </c>
      <c r="DJ8" s="61">
        <v>472</v>
      </c>
      <c r="DK8" s="62">
        <v>774</v>
      </c>
      <c r="DL8" s="443">
        <v>0</v>
      </c>
      <c r="DM8" s="61">
        <v>272</v>
      </c>
      <c r="DN8" s="61">
        <v>494</v>
      </c>
      <c r="DO8" s="61">
        <v>275</v>
      </c>
      <c r="DP8" s="61">
        <v>285</v>
      </c>
      <c r="DQ8" s="61">
        <v>211</v>
      </c>
      <c r="DR8" s="62">
        <v>1537</v>
      </c>
      <c r="DS8" s="63">
        <v>2311</v>
      </c>
      <c r="DT8" s="60">
        <v>891</v>
      </c>
      <c r="DU8" s="61">
        <v>1314</v>
      </c>
      <c r="DV8" s="62">
        <v>2205</v>
      </c>
      <c r="DW8" s="443">
        <v>0</v>
      </c>
      <c r="DX8" s="61">
        <v>776</v>
      </c>
      <c r="DY8" s="61">
        <v>1209</v>
      </c>
      <c r="DZ8" s="61">
        <v>685</v>
      </c>
      <c r="EA8" s="61">
        <v>720</v>
      </c>
      <c r="EB8" s="61">
        <v>589</v>
      </c>
      <c r="EC8" s="62">
        <v>3979</v>
      </c>
      <c r="ED8" s="63">
        <v>6184</v>
      </c>
      <c r="EE8" s="60">
        <v>2282</v>
      </c>
      <c r="EF8" s="61">
        <v>2964</v>
      </c>
      <c r="EG8" s="62">
        <v>5246</v>
      </c>
      <c r="EH8" s="443">
        <v>0</v>
      </c>
      <c r="EI8" s="61">
        <v>2117</v>
      </c>
      <c r="EJ8" s="61">
        <v>2502</v>
      </c>
      <c r="EK8" s="61">
        <v>1384</v>
      </c>
      <c r="EL8" s="61">
        <v>1282</v>
      </c>
      <c r="EM8" s="61">
        <v>1105</v>
      </c>
      <c r="EN8" s="62">
        <v>8390</v>
      </c>
      <c r="EO8" s="63">
        <v>13636</v>
      </c>
      <c r="EP8" s="60">
        <v>4730</v>
      </c>
      <c r="EQ8" s="61">
        <v>5621</v>
      </c>
      <c r="ER8" s="62">
        <v>10351</v>
      </c>
      <c r="ES8" s="443">
        <v>0</v>
      </c>
      <c r="ET8" s="61">
        <v>4835</v>
      </c>
      <c r="EU8" s="61">
        <v>5200</v>
      </c>
      <c r="EV8" s="61">
        <v>3018</v>
      </c>
      <c r="EW8" s="61">
        <v>2772</v>
      </c>
      <c r="EX8" s="61">
        <v>1797</v>
      </c>
      <c r="EY8" s="62">
        <v>17622</v>
      </c>
      <c r="EZ8" s="63">
        <v>27973</v>
      </c>
      <c r="FA8" s="60">
        <v>4471</v>
      </c>
      <c r="FB8" s="61">
        <v>6225</v>
      </c>
      <c r="FC8" s="62">
        <v>10696</v>
      </c>
      <c r="FD8" s="443">
        <v>0</v>
      </c>
      <c r="FE8" s="61">
        <v>6204</v>
      </c>
      <c r="FF8" s="61">
        <v>7127</v>
      </c>
      <c r="FG8" s="61">
        <v>4544</v>
      </c>
      <c r="FH8" s="61">
        <v>4103</v>
      </c>
      <c r="FI8" s="61">
        <v>2665</v>
      </c>
      <c r="FJ8" s="62">
        <v>24643</v>
      </c>
      <c r="FK8" s="63">
        <v>35339</v>
      </c>
      <c r="FL8" s="60">
        <v>2440</v>
      </c>
      <c r="FM8" s="61">
        <v>4224</v>
      </c>
      <c r="FN8" s="62">
        <v>6664</v>
      </c>
      <c r="FO8" s="443">
        <v>0</v>
      </c>
      <c r="FP8" s="61">
        <v>5351</v>
      </c>
      <c r="FQ8" s="61">
        <v>8132</v>
      </c>
      <c r="FR8" s="61">
        <v>6626</v>
      </c>
      <c r="FS8" s="61">
        <v>6873</v>
      </c>
      <c r="FT8" s="61">
        <v>4066</v>
      </c>
      <c r="FU8" s="62">
        <v>31048</v>
      </c>
      <c r="FV8" s="63">
        <v>37712</v>
      </c>
      <c r="FW8" s="60">
        <v>145</v>
      </c>
      <c r="FX8" s="61">
        <v>299</v>
      </c>
      <c r="FY8" s="62">
        <v>444</v>
      </c>
      <c r="FZ8" s="443">
        <v>0</v>
      </c>
      <c r="GA8" s="61">
        <v>203</v>
      </c>
      <c r="GB8" s="61">
        <v>496</v>
      </c>
      <c r="GC8" s="61">
        <v>266</v>
      </c>
      <c r="GD8" s="61">
        <v>233</v>
      </c>
      <c r="GE8" s="61">
        <v>260</v>
      </c>
      <c r="GF8" s="62">
        <v>1458</v>
      </c>
      <c r="GG8" s="63">
        <v>1902</v>
      </c>
      <c r="GH8" s="60">
        <v>15261</v>
      </c>
      <c r="GI8" s="61">
        <v>21119</v>
      </c>
      <c r="GJ8" s="62">
        <v>36380</v>
      </c>
      <c r="GK8" s="443">
        <v>0</v>
      </c>
      <c r="GL8" s="61">
        <v>19758</v>
      </c>
      <c r="GM8" s="61">
        <v>25160</v>
      </c>
      <c r="GN8" s="61">
        <v>16798</v>
      </c>
      <c r="GO8" s="61">
        <v>16268</v>
      </c>
      <c r="GP8" s="61">
        <v>10693</v>
      </c>
      <c r="GQ8" s="62">
        <v>88677</v>
      </c>
      <c r="GR8" s="63">
        <v>125057</v>
      </c>
      <c r="GS8" s="113">
        <v>23166</v>
      </c>
      <c r="GT8" s="72">
        <v>30855</v>
      </c>
      <c r="GU8" s="73">
        <v>54021</v>
      </c>
      <c r="GV8" s="224">
        <v>0</v>
      </c>
      <c r="GW8" s="72">
        <v>29655</v>
      </c>
      <c r="GX8" s="72">
        <v>38552</v>
      </c>
      <c r="GY8" s="72">
        <v>25349</v>
      </c>
      <c r="GZ8" s="72">
        <v>23098</v>
      </c>
      <c r="HA8" s="72">
        <v>14729</v>
      </c>
      <c r="HB8" s="74">
        <v>131383</v>
      </c>
      <c r="HC8" s="75">
        <v>185404</v>
      </c>
      <c r="HD8" s="60">
        <v>591</v>
      </c>
      <c r="HE8" s="61">
        <v>927</v>
      </c>
      <c r="HF8" s="62">
        <v>1518</v>
      </c>
      <c r="HG8" s="227">
        <v>0</v>
      </c>
      <c r="HH8" s="61">
        <v>675</v>
      </c>
      <c r="HI8" s="61">
        <v>1226</v>
      </c>
      <c r="HJ8" s="61">
        <v>711</v>
      </c>
      <c r="HK8" s="61">
        <v>664</v>
      </c>
      <c r="HL8" s="61">
        <v>505</v>
      </c>
      <c r="HM8" s="62">
        <v>3781</v>
      </c>
      <c r="HN8" s="63">
        <v>5299</v>
      </c>
      <c r="HO8" s="60">
        <v>1602</v>
      </c>
      <c r="HP8" s="61">
        <v>2386</v>
      </c>
      <c r="HQ8" s="62">
        <v>3988</v>
      </c>
      <c r="HR8" s="443">
        <v>0</v>
      </c>
      <c r="HS8" s="61">
        <v>1561</v>
      </c>
      <c r="HT8" s="61">
        <v>2709</v>
      </c>
      <c r="HU8" s="61">
        <v>1604</v>
      </c>
      <c r="HV8" s="61">
        <v>1495</v>
      </c>
      <c r="HW8" s="61">
        <v>1139</v>
      </c>
      <c r="HX8" s="62">
        <v>8508</v>
      </c>
      <c r="HY8" s="63">
        <v>12496</v>
      </c>
      <c r="HZ8" s="60">
        <v>3486</v>
      </c>
      <c r="IA8" s="61">
        <v>4574</v>
      </c>
      <c r="IB8" s="62">
        <v>8060</v>
      </c>
      <c r="IC8" s="443">
        <v>0</v>
      </c>
      <c r="ID8" s="61">
        <v>3622</v>
      </c>
      <c r="IE8" s="61">
        <v>4719</v>
      </c>
      <c r="IF8" s="61">
        <v>2792</v>
      </c>
      <c r="IG8" s="61">
        <v>2398</v>
      </c>
      <c r="IH8" s="61">
        <v>1876</v>
      </c>
      <c r="II8" s="62">
        <v>15407</v>
      </c>
      <c r="IJ8" s="63">
        <v>23467</v>
      </c>
      <c r="IK8" s="60">
        <v>6777</v>
      </c>
      <c r="IL8" s="61">
        <v>8090</v>
      </c>
      <c r="IM8" s="62">
        <v>14867</v>
      </c>
      <c r="IN8" s="443">
        <v>0</v>
      </c>
      <c r="IO8" s="61">
        <v>7388</v>
      </c>
      <c r="IP8" s="61">
        <v>8378</v>
      </c>
      <c r="IQ8" s="61">
        <v>5026</v>
      </c>
      <c r="IR8" s="61">
        <v>4384</v>
      </c>
      <c r="IS8" s="61">
        <v>2788</v>
      </c>
      <c r="IT8" s="62">
        <v>27964</v>
      </c>
      <c r="IU8" s="63">
        <v>42831</v>
      </c>
      <c r="IV8" s="60">
        <v>6861</v>
      </c>
      <c r="IW8" s="61">
        <v>8807</v>
      </c>
      <c r="IX8" s="62">
        <v>15668</v>
      </c>
      <c r="IY8" s="443">
        <v>0</v>
      </c>
      <c r="IZ8" s="61">
        <v>9052</v>
      </c>
      <c r="JA8" s="61">
        <v>10556</v>
      </c>
      <c r="JB8" s="61">
        <v>6657</v>
      </c>
      <c r="JC8" s="61">
        <v>5819</v>
      </c>
      <c r="JD8" s="61">
        <v>3585</v>
      </c>
      <c r="JE8" s="62">
        <v>35669</v>
      </c>
      <c r="JF8" s="63">
        <v>51337</v>
      </c>
      <c r="JG8" s="60">
        <v>3849</v>
      </c>
      <c r="JH8" s="61">
        <v>6071</v>
      </c>
      <c r="JI8" s="62">
        <v>9920</v>
      </c>
      <c r="JJ8" s="443">
        <v>0</v>
      </c>
      <c r="JK8" s="61">
        <v>7357</v>
      </c>
      <c r="JL8" s="61">
        <v>10964</v>
      </c>
      <c r="JM8" s="61">
        <v>8559</v>
      </c>
      <c r="JN8" s="61">
        <v>8338</v>
      </c>
      <c r="JO8" s="61">
        <v>4836</v>
      </c>
      <c r="JP8" s="62">
        <v>40054</v>
      </c>
      <c r="JQ8" s="63">
        <v>49974</v>
      </c>
      <c r="JR8" s="60">
        <v>327</v>
      </c>
      <c r="JS8" s="61">
        <v>667</v>
      </c>
      <c r="JT8" s="62">
        <v>994</v>
      </c>
      <c r="JU8" s="443">
        <v>0</v>
      </c>
      <c r="JV8" s="61">
        <v>456</v>
      </c>
      <c r="JW8" s="61">
        <v>1141</v>
      </c>
      <c r="JX8" s="61">
        <v>626</v>
      </c>
      <c r="JY8" s="61">
        <v>546</v>
      </c>
      <c r="JZ8" s="61">
        <v>599</v>
      </c>
      <c r="KA8" s="62">
        <v>3368</v>
      </c>
      <c r="KB8" s="63">
        <v>4362</v>
      </c>
      <c r="KC8" s="60">
        <v>23493</v>
      </c>
      <c r="KD8" s="61">
        <v>31522</v>
      </c>
      <c r="KE8" s="62">
        <v>55015</v>
      </c>
      <c r="KF8" s="443">
        <v>0</v>
      </c>
      <c r="KG8" s="61">
        <v>30111</v>
      </c>
      <c r="KH8" s="61">
        <v>39693</v>
      </c>
      <c r="KI8" s="61">
        <v>25975</v>
      </c>
      <c r="KJ8" s="61">
        <v>23644</v>
      </c>
      <c r="KK8" s="61">
        <v>15328</v>
      </c>
      <c r="KL8" s="62">
        <v>134751</v>
      </c>
      <c r="KM8" s="63">
        <v>189766</v>
      </c>
    </row>
    <row r="9" spans="2:299" ht="21" customHeight="1" x14ac:dyDescent="0.2">
      <c r="B9" s="437" t="s">
        <v>6</v>
      </c>
      <c r="C9" s="287">
        <v>2728</v>
      </c>
      <c r="D9" s="72">
        <v>2428</v>
      </c>
      <c r="E9" s="73">
        <v>5156</v>
      </c>
      <c r="F9" s="443">
        <v>0</v>
      </c>
      <c r="G9" s="72">
        <v>5158</v>
      </c>
      <c r="H9" s="72">
        <v>4215</v>
      </c>
      <c r="I9" s="72">
        <v>2789</v>
      </c>
      <c r="J9" s="72">
        <v>2436</v>
      </c>
      <c r="K9" s="72">
        <v>1569</v>
      </c>
      <c r="L9" s="74">
        <v>16167</v>
      </c>
      <c r="M9" s="75">
        <v>21323</v>
      </c>
      <c r="N9" s="60">
        <v>161</v>
      </c>
      <c r="O9" s="61">
        <v>146</v>
      </c>
      <c r="P9" s="62">
        <v>307</v>
      </c>
      <c r="Q9" s="443">
        <v>0</v>
      </c>
      <c r="R9" s="61">
        <v>284</v>
      </c>
      <c r="S9" s="61">
        <v>253</v>
      </c>
      <c r="T9" s="61">
        <v>140</v>
      </c>
      <c r="U9" s="61">
        <v>135</v>
      </c>
      <c r="V9" s="61">
        <v>104</v>
      </c>
      <c r="W9" s="62">
        <v>916</v>
      </c>
      <c r="X9" s="63">
        <v>1223</v>
      </c>
      <c r="Y9" s="60">
        <v>293</v>
      </c>
      <c r="Z9" s="61">
        <v>274</v>
      </c>
      <c r="AA9" s="62">
        <v>567</v>
      </c>
      <c r="AB9" s="443">
        <v>0</v>
      </c>
      <c r="AC9" s="61">
        <v>534</v>
      </c>
      <c r="AD9" s="61">
        <v>474</v>
      </c>
      <c r="AE9" s="61">
        <v>314</v>
      </c>
      <c r="AF9" s="61">
        <v>282</v>
      </c>
      <c r="AG9" s="61">
        <v>218</v>
      </c>
      <c r="AH9" s="62">
        <v>1822</v>
      </c>
      <c r="AI9" s="63">
        <v>2389</v>
      </c>
      <c r="AJ9" s="60">
        <v>460</v>
      </c>
      <c r="AK9" s="61">
        <v>419</v>
      </c>
      <c r="AL9" s="62">
        <v>879</v>
      </c>
      <c r="AM9" s="443">
        <v>0</v>
      </c>
      <c r="AN9" s="61">
        <v>861</v>
      </c>
      <c r="AO9" s="61">
        <v>714</v>
      </c>
      <c r="AP9" s="61">
        <v>467</v>
      </c>
      <c r="AQ9" s="61">
        <v>427</v>
      </c>
      <c r="AR9" s="61">
        <v>307</v>
      </c>
      <c r="AS9" s="62">
        <v>2776</v>
      </c>
      <c r="AT9" s="63">
        <v>3655</v>
      </c>
      <c r="AU9" s="60">
        <v>683</v>
      </c>
      <c r="AV9" s="61">
        <v>565</v>
      </c>
      <c r="AW9" s="62">
        <v>1248</v>
      </c>
      <c r="AX9" s="443">
        <v>0</v>
      </c>
      <c r="AY9" s="61">
        <v>1265</v>
      </c>
      <c r="AZ9" s="61">
        <v>1000</v>
      </c>
      <c r="BA9" s="61">
        <v>635</v>
      </c>
      <c r="BB9" s="61">
        <v>548</v>
      </c>
      <c r="BC9" s="61">
        <v>341</v>
      </c>
      <c r="BD9" s="62">
        <v>3789</v>
      </c>
      <c r="BE9" s="63">
        <v>5037</v>
      </c>
      <c r="BF9" s="60">
        <v>704</v>
      </c>
      <c r="BG9" s="61">
        <v>593</v>
      </c>
      <c r="BH9" s="62">
        <v>1297</v>
      </c>
      <c r="BI9" s="443">
        <v>0</v>
      </c>
      <c r="BJ9" s="61">
        <v>1281</v>
      </c>
      <c r="BK9" s="61">
        <v>982</v>
      </c>
      <c r="BL9" s="61">
        <v>662</v>
      </c>
      <c r="BM9" s="61">
        <v>551</v>
      </c>
      <c r="BN9" s="61">
        <v>329</v>
      </c>
      <c r="BO9" s="62">
        <v>3805</v>
      </c>
      <c r="BP9" s="63">
        <v>5102</v>
      </c>
      <c r="BQ9" s="60">
        <v>427</v>
      </c>
      <c r="BR9" s="61">
        <v>431</v>
      </c>
      <c r="BS9" s="62">
        <v>858</v>
      </c>
      <c r="BT9" s="443">
        <v>0</v>
      </c>
      <c r="BU9" s="61">
        <v>933</v>
      </c>
      <c r="BV9" s="61">
        <v>792</v>
      </c>
      <c r="BW9" s="61">
        <v>571</v>
      </c>
      <c r="BX9" s="61">
        <v>493</v>
      </c>
      <c r="BY9" s="61">
        <v>270</v>
      </c>
      <c r="BZ9" s="62">
        <v>3059</v>
      </c>
      <c r="CA9" s="63">
        <v>3917</v>
      </c>
      <c r="CB9" s="60">
        <v>71</v>
      </c>
      <c r="CC9" s="61">
        <v>99</v>
      </c>
      <c r="CD9" s="62">
        <v>170</v>
      </c>
      <c r="CE9" s="443">
        <v>0</v>
      </c>
      <c r="CF9" s="61">
        <v>180</v>
      </c>
      <c r="CG9" s="61">
        <v>200</v>
      </c>
      <c r="CH9" s="61">
        <v>113</v>
      </c>
      <c r="CI9" s="61">
        <v>122</v>
      </c>
      <c r="CJ9" s="61">
        <v>123</v>
      </c>
      <c r="CK9" s="62">
        <v>738</v>
      </c>
      <c r="CL9" s="63">
        <v>908</v>
      </c>
      <c r="CM9" s="60">
        <v>2799</v>
      </c>
      <c r="CN9" s="61">
        <v>2527</v>
      </c>
      <c r="CO9" s="62">
        <v>5326</v>
      </c>
      <c r="CP9" s="443">
        <v>0</v>
      </c>
      <c r="CQ9" s="61">
        <v>5338</v>
      </c>
      <c r="CR9" s="61">
        <v>4415</v>
      </c>
      <c r="CS9" s="61">
        <v>2902</v>
      </c>
      <c r="CT9" s="61">
        <v>2558</v>
      </c>
      <c r="CU9" s="61">
        <v>1692</v>
      </c>
      <c r="CV9" s="62">
        <v>16905</v>
      </c>
      <c r="CW9" s="63">
        <v>22231</v>
      </c>
      <c r="CX9" s="113">
        <v>5279</v>
      </c>
      <c r="CY9" s="72">
        <v>5524</v>
      </c>
      <c r="CZ9" s="73">
        <v>10803</v>
      </c>
      <c r="DA9" s="443">
        <v>0</v>
      </c>
      <c r="DB9" s="72">
        <v>8936</v>
      </c>
      <c r="DC9" s="72">
        <v>6940</v>
      </c>
      <c r="DD9" s="72">
        <v>5252</v>
      </c>
      <c r="DE9" s="72">
        <v>5246</v>
      </c>
      <c r="DF9" s="72">
        <v>3661</v>
      </c>
      <c r="DG9" s="74">
        <v>30035</v>
      </c>
      <c r="DH9" s="75">
        <v>40838</v>
      </c>
      <c r="DI9" s="60">
        <v>115</v>
      </c>
      <c r="DJ9" s="61">
        <v>130</v>
      </c>
      <c r="DK9" s="62">
        <v>245</v>
      </c>
      <c r="DL9" s="443">
        <v>0</v>
      </c>
      <c r="DM9" s="61">
        <v>165</v>
      </c>
      <c r="DN9" s="61">
        <v>131</v>
      </c>
      <c r="DO9" s="61">
        <v>103</v>
      </c>
      <c r="DP9" s="61">
        <v>95</v>
      </c>
      <c r="DQ9" s="61">
        <v>82</v>
      </c>
      <c r="DR9" s="62">
        <v>576</v>
      </c>
      <c r="DS9" s="63">
        <v>821</v>
      </c>
      <c r="DT9" s="60">
        <v>353</v>
      </c>
      <c r="DU9" s="61">
        <v>349</v>
      </c>
      <c r="DV9" s="62">
        <v>702</v>
      </c>
      <c r="DW9" s="443">
        <v>0</v>
      </c>
      <c r="DX9" s="61">
        <v>463</v>
      </c>
      <c r="DY9" s="61">
        <v>363</v>
      </c>
      <c r="DZ9" s="61">
        <v>223</v>
      </c>
      <c r="EA9" s="61">
        <v>253</v>
      </c>
      <c r="EB9" s="61">
        <v>174</v>
      </c>
      <c r="EC9" s="62">
        <v>1476</v>
      </c>
      <c r="ED9" s="63">
        <v>2178</v>
      </c>
      <c r="EE9" s="60">
        <v>790</v>
      </c>
      <c r="EF9" s="61">
        <v>799</v>
      </c>
      <c r="EG9" s="62">
        <v>1589</v>
      </c>
      <c r="EH9" s="443">
        <v>0</v>
      </c>
      <c r="EI9" s="61">
        <v>1042</v>
      </c>
      <c r="EJ9" s="61">
        <v>690</v>
      </c>
      <c r="EK9" s="61">
        <v>447</v>
      </c>
      <c r="EL9" s="61">
        <v>445</v>
      </c>
      <c r="EM9" s="61">
        <v>359</v>
      </c>
      <c r="EN9" s="62">
        <v>2983</v>
      </c>
      <c r="EO9" s="63">
        <v>4572</v>
      </c>
      <c r="EP9" s="60">
        <v>1647</v>
      </c>
      <c r="EQ9" s="61">
        <v>1532</v>
      </c>
      <c r="ER9" s="62">
        <v>3179</v>
      </c>
      <c r="ES9" s="443">
        <v>0</v>
      </c>
      <c r="ET9" s="61">
        <v>2168</v>
      </c>
      <c r="EU9" s="61">
        <v>1403</v>
      </c>
      <c r="EV9" s="61">
        <v>965</v>
      </c>
      <c r="EW9" s="61">
        <v>893</v>
      </c>
      <c r="EX9" s="61">
        <v>654</v>
      </c>
      <c r="EY9" s="62">
        <v>6083</v>
      </c>
      <c r="EZ9" s="63">
        <v>9262</v>
      </c>
      <c r="FA9" s="60">
        <v>1551</v>
      </c>
      <c r="FB9" s="61">
        <v>1640</v>
      </c>
      <c r="FC9" s="62">
        <v>3191</v>
      </c>
      <c r="FD9" s="443">
        <v>0</v>
      </c>
      <c r="FE9" s="61">
        <v>2687</v>
      </c>
      <c r="FF9" s="61">
        <v>2065</v>
      </c>
      <c r="FG9" s="61">
        <v>1444</v>
      </c>
      <c r="FH9" s="61">
        <v>1266</v>
      </c>
      <c r="FI9" s="61">
        <v>947</v>
      </c>
      <c r="FJ9" s="62">
        <v>8409</v>
      </c>
      <c r="FK9" s="63">
        <v>11600</v>
      </c>
      <c r="FL9" s="60">
        <v>823</v>
      </c>
      <c r="FM9" s="61">
        <v>1074</v>
      </c>
      <c r="FN9" s="62">
        <v>1897</v>
      </c>
      <c r="FO9" s="443">
        <v>0</v>
      </c>
      <c r="FP9" s="61">
        <v>2411</v>
      </c>
      <c r="FQ9" s="61">
        <v>2288</v>
      </c>
      <c r="FR9" s="61">
        <v>2070</v>
      </c>
      <c r="FS9" s="61">
        <v>2294</v>
      </c>
      <c r="FT9" s="61">
        <v>1445</v>
      </c>
      <c r="FU9" s="62">
        <v>10508</v>
      </c>
      <c r="FV9" s="63">
        <v>12405</v>
      </c>
      <c r="FW9" s="60">
        <v>71</v>
      </c>
      <c r="FX9" s="61">
        <v>91</v>
      </c>
      <c r="FY9" s="62">
        <v>162</v>
      </c>
      <c r="FZ9" s="443">
        <v>0</v>
      </c>
      <c r="GA9" s="61">
        <v>129</v>
      </c>
      <c r="GB9" s="61">
        <v>134</v>
      </c>
      <c r="GC9" s="61">
        <v>99</v>
      </c>
      <c r="GD9" s="61">
        <v>97</v>
      </c>
      <c r="GE9" s="61">
        <v>83</v>
      </c>
      <c r="GF9" s="62">
        <v>542</v>
      </c>
      <c r="GG9" s="63">
        <v>704</v>
      </c>
      <c r="GH9" s="60">
        <v>5350</v>
      </c>
      <c r="GI9" s="61">
        <v>5615</v>
      </c>
      <c r="GJ9" s="62">
        <v>10965</v>
      </c>
      <c r="GK9" s="443">
        <v>0</v>
      </c>
      <c r="GL9" s="61">
        <v>9065</v>
      </c>
      <c r="GM9" s="61">
        <v>7074</v>
      </c>
      <c r="GN9" s="61">
        <v>5351</v>
      </c>
      <c r="GO9" s="61">
        <v>5343</v>
      </c>
      <c r="GP9" s="61">
        <v>3744</v>
      </c>
      <c r="GQ9" s="62">
        <v>30577</v>
      </c>
      <c r="GR9" s="63">
        <v>41542</v>
      </c>
      <c r="GS9" s="113">
        <v>8007</v>
      </c>
      <c r="GT9" s="72">
        <v>7952</v>
      </c>
      <c r="GU9" s="73">
        <v>15959</v>
      </c>
      <c r="GV9" s="224">
        <v>0</v>
      </c>
      <c r="GW9" s="72">
        <v>14094</v>
      </c>
      <c r="GX9" s="72">
        <v>11155</v>
      </c>
      <c r="GY9" s="72">
        <v>8041</v>
      </c>
      <c r="GZ9" s="72">
        <v>7682</v>
      </c>
      <c r="HA9" s="72">
        <v>5230</v>
      </c>
      <c r="HB9" s="74">
        <v>46202</v>
      </c>
      <c r="HC9" s="75">
        <v>62161</v>
      </c>
      <c r="HD9" s="60">
        <v>276</v>
      </c>
      <c r="HE9" s="61">
        <v>276</v>
      </c>
      <c r="HF9" s="62">
        <v>552</v>
      </c>
      <c r="HG9" s="227">
        <v>0</v>
      </c>
      <c r="HH9" s="61">
        <v>449</v>
      </c>
      <c r="HI9" s="61">
        <v>384</v>
      </c>
      <c r="HJ9" s="61">
        <v>243</v>
      </c>
      <c r="HK9" s="61">
        <v>230</v>
      </c>
      <c r="HL9" s="61">
        <v>186</v>
      </c>
      <c r="HM9" s="62">
        <v>1492</v>
      </c>
      <c r="HN9" s="63">
        <v>2044</v>
      </c>
      <c r="HO9" s="60">
        <v>646</v>
      </c>
      <c r="HP9" s="61">
        <v>623</v>
      </c>
      <c r="HQ9" s="62">
        <v>1269</v>
      </c>
      <c r="HR9" s="443">
        <v>0</v>
      </c>
      <c r="HS9" s="61">
        <v>997</v>
      </c>
      <c r="HT9" s="61">
        <v>837</v>
      </c>
      <c r="HU9" s="61">
        <v>537</v>
      </c>
      <c r="HV9" s="61">
        <v>535</v>
      </c>
      <c r="HW9" s="61">
        <v>392</v>
      </c>
      <c r="HX9" s="62">
        <v>3298</v>
      </c>
      <c r="HY9" s="63">
        <v>4567</v>
      </c>
      <c r="HZ9" s="60">
        <v>1250</v>
      </c>
      <c r="IA9" s="61">
        <v>1218</v>
      </c>
      <c r="IB9" s="62">
        <v>2468</v>
      </c>
      <c r="IC9" s="443">
        <v>0</v>
      </c>
      <c r="ID9" s="61">
        <v>1903</v>
      </c>
      <c r="IE9" s="61">
        <v>1404</v>
      </c>
      <c r="IF9" s="61">
        <v>914</v>
      </c>
      <c r="IG9" s="61">
        <v>872</v>
      </c>
      <c r="IH9" s="61">
        <v>666</v>
      </c>
      <c r="II9" s="62">
        <v>5759</v>
      </c>
      <c r="IJ9" s="63">
        <v>8227</v>
      </c>
      <c r="IK9" s="60">
        <v>2330</v>
      </c>
      <c r="IL9" s="61">
        <v>2097</v>
      </c>
      <c r="IM9" s="62">
        <v>4427</v>
      </c>
      <c r="IN9" s="443">
        <v>0</v>
      </c>
      <c r="IO9" s="61">
        <v>3433</v>
      </c>
      <c r="IP9" s="61">
        <v>2403</v>
      </c>
      <c r="IQ9" s="61">
        <v>1600</v>
      </c>
      <c r="IR9" s="61">
        <v>1441</v>
      </c>
      <c r="IS9" s="61">
        <v>995</v>
      </c>
      <c r="IT9" s="62">
        <v>9872</v>
      </c>
      <c r="IU9" s="63">
        <v>14299</v>
      </c>
      <c r="IV9" s="60">
        <v>2255</v>
      </c>
      <c r="IW9" s="61">
        <v>2233</v>
      </c>
      <c r="IX9" s="62">
        <v>4488</v>
      </c>
      <c r="IY9" s="443">
        <v>0</v>
      </c>
      <c r="IZ9" s="61">
        <v>3968</v>
      </c>
      <c r="JA9" s="61">
        <v>3047</v>
      </c>
      <c r="JB9" s="61">
        <v>2106</v>
      </c>
      <c r="JC9" s="61">
        <v>1817</v>
      </c>
      <c r="JD9" s="61">
        <v>1276</v>
      </c>
      <c r="JE9" s="62">
        <v>12214</v>
      </c>
      <c r="JF9" s="63">
        <v>16702</v>
      </c>
      <c r="JG9" s="60">
        <v>1250</v>
      </c>
      <c r="JH9" s="61">
        <v>1505</v>
      </c>
      <c r="JI9" s="62">
        <v>2755</v>
      </c>
      <c r="JJ9" s="443">
        <v>0</v>
      </c>
      <c r="JK9" s="61">
        <v>3344</v>
      </c>
      <c r="JL9" s="61">
        <v>3080</v>
      </c>
      <c r="JM9" s="61">
        <v>2641</v>
      </c>
      <c r="JN9" s="61">
        <v>2787</v>
      </c>
      <c r="JO9" s="61">
        <v>1715</v>
      </c>
      <c r="JP9" s="62">
        <v>13567</v>
      </c>
      <c r="JQ9" s="63">
        <v>16322</v>
      </c>
      <c r="JR9" s="60">
        <v>142</v>
      </c>
      <c r="JS9" s="61">
        <v>190</v>
      </c>
      <c r="JT9" s="62">
        <v>332</v>
      </c>
      <c r="JU9" s="443">
        <v>0</v>
      </c>
      <c r="JV9" s="61">
        <v>309</v>
      </c>
      <c r="JW9" s="61">
        <v>334</v>
      </c>
      <c r="JX9" s="61">
        <v>212</v>
      </c>
      <c r="JY9" s="61">
        <v>219</v>
      </c>
      <c r="JZ9" s="61">
        <v>206</v>
      </c>
      <c r="KA9" s="62">
        <v>1280</v>
      </c>
      <c r="KB9" s="63">
        <v>1612</v>
      </c>
      <c r="KC9" s="60">
        <v>8149</v>
      </c>
      <c r="KD9" s="61">
        <v>8142</v>
      </c>
      <c r="KE9" s="62">
        <v>16291</v>
      </c>
      <c r="KF9" s="443">
        <v>0</v>
      </c>
      <c r="KG9" s="61">
        <v>14403</v>
      </c>
      <c r="KH9" s="61">
        <v>11489</v>
      </c>
      <c r="KI9" s="61">
        <v>8253</v>
      </c>
      <c r="KJ9" s="61">
        <v>7901</v>
      </c>
      <c r="KK9" s="61">
        <v>5436</v>
      </c>
      <c r="KL9" s="62">
        <v>47482</v>
      </c>
      <c r="KM9" s="63">
        <v>63773</v>
      </c>
    </row>
    <row r="10" spans="2:299" ht="21" customHeight="1" x14ac:dyDescent="0.2">
      <c r="B10" s="437" t="s">
        <v>14</v>
      </c>
      <c r="C10" s="287">
        <v>1560</v>
      </c>
      <c r="D10" s="72">
        <v>1943</v>
      </c>
      <c r="E10" s="73">
        <v>3503</v>
      </c>
      <c r="F10" s="443">
        <v>0</v>
      </c>
      <c r="G10" s="72">
        <v>2340</v>
      </c>
      <c r="H10" s="72">
        <v>2585</v>
      </c>
      <c r="I10" s="72">
        <v>1843</v>
      </c>
      <c r="J10" s="72">
        <v>1508</v>
      </c>
      <c r="K10" s="72">
        <v>886</v>
      </c>
      <c r="L10" s="74">
        <v>9162</v>
      </c>
      <c r="M10" s="75">
        <v>12665</v>
      </c>
      <c r="N10" s="60">
        <v>58</v>
      </c>
      <c r="O10" s="61">
        <v>84</v>
      </c>
      <c r="P10" s="62">
        <v>142</v>
      </c>
      <c r="Q10" s="443">
        <v>0</v>
      </c>
      <c r="R10" s="61">
        <v>86</v>
      </c>
      <c r="S10" s="61">
        <v>132</v>
      </c>
      <c r="T10" s="61">
        <v>89</v>
      </c>
      <c r="U10" s="61">
        <v>96</v>
      </c>
      <c r="V10" s="61">
        <v>64</v>
      </c>
      <c r="W10" s="62">
        <v>467</v>
      </c>
      <c r="X10" s="63">
        <v>609</v>
      </c>
      <c r="Y10" s="60">
        <v>146</v>
      </c>
      <c r="Z10" s="61">
        <v>263</v>
      </c>
      <c r="AA10" s="62">
        <v>409</v>
      </c>
      <c r="AB10" s="443">
        <v>0</v>
      </c>
      <c r="AC10" s="61">
        <v>198</v>
      </c>
      <c r="AD10" s="61">
        <v>264</v>
      </c>
      <c r="AE10" s="61">
        <v>193</v>
      </c>
      <c r="AF10" s="61">
        <v>158</v>
      </c>
      <c r="AG10" s="61">
        <v>119</v>
      </c>
      <c r="AH10" s="62">
        <v>932</v>
      </c>
      <c r="AI10" s="63">
        <v>1341</v>
      </c>
      <c r="AJ10" s="60">
        <v>237</v>
      </c>
      <c r="AK10" s="61">
        <v>359</v>
      </c>
      <c r="AL10" s="62">
        <v>596</v>
      </c>
      <c r="AM10" s="443">
        <v>0</v>
      </c>
      <c r="AN10" s="61">
        <v>368</v>
      </c>
      <c r="AO10" s="61">
        <v>428</v>
      </c>
      <c r="AP10" s="61">
        <v>296</v>
      </c>
      <c r="AQ10" s="61">
        <v>257</v>
      </c>
      <c r="AR10" s="61">
        <v>153</v>
      </c>
      <c r="AS10" s="62">
        <v>1502</v>
      </c>
      <c r="AT10" s="63">
        <v>2098</v>
      </c>
      <c r="AU10" s="60">
        <v>477</v>
      </c>
      <c r="AV10" s="61">
        <v>526</v>
      </c>
      <c r="AW10" s="62">
        <v>1003</v>
      </c>
      <c r="AX10" s="443">
        <v>0</v>
      </c>
      <c r="AY10" s="61">
        <v>671</v>
      </c>
      <c r="AZ10" s="61">
        <v>663</v>
      </c>
      <c r="BA10" s="61">
        <v>460</v>
      </c>
      <c r="BB10" s="61">
        <v>363</v>
      </c>
      <c r="BC10" s="61">
        <v>213</v>
      </c>
      <c r="BD10" s="62">
        <v>2370</v>
      </c>
      <c r="BE10" s="63">
        <v>3373</v>
      </c>
      <c r="BF10" s="60">
        <v>437</v>
      </c>
      <c r="BG10" s="61">
        <v>460</v>
      </c>
      <c r="BH10" s="62">
        <v>897</v>
      </c>
      <c r="BI10" s="443">
        <v>0</v>
      </c>
      <c r="BJ10" s="61">
        <v>632</v>
      </c>
      <c r="BK10" s="61">
        <v>666</v>
      </c>
      <c r="BL10" s="61">
        <v>460</v>
      </c>
      <c r="BM10" s="61">
        <v>360</v>
      </c>
      <c r="BN10" s="61">
        <v>199</v>
      </c>
      <c r="BO10" s="62">
        <v>2317</v>
      </c>
      <c r="BP10" s="63">
        <v>3214</v>
      </c>
      <c r="BQ10" s="60">
        <v>205</v>
      </c>
      <c r="BR10" s="61">
        <v>251</v>
      </c>
      <c r="BS10" s="62">
        <v>456</v>
      </c>
      <c r="BT10" s="443">
        <v>0</v>
      </c>
      <c r="BU10" s="61">
        <v>385</v>
      </c>
      <c r="BV10" s="61">
        <v>432</v>
      </c>
      <c r="BW10" s="61">
        <v>345</v>
      </c>
      <c r="BX10" s="61">
        <v>274</v>
      </c>
      <c r="BY10" s="61">
        <v>138</v>
      </c>
      <c r="BZ10" s="62">
        <v>1574</v>
      </c>
      <c r="CA10" s="63">
        <v>2030</v>
      </c>
      <c r="CB10" s="60">
        <v>35</v>
      </c>
      <c r="CC10" s="61">
        <v>99</v>
      </c>
      <c r="CD10" s="62">
        <v>134</v>
      </c>
      <c r="CE10" s="443">
        <v>0</v>
      </c>
      <c r="CF10" s="61">
        <v>43</v>
      </c>
      <c r="CG10" s="61">
        <v>127</v>
      </c>
      <c r="CH10" s="61">
        <v>73</v>
      </c>
      <c r="CI10" s="61">
        <v>68</v>
      </c>
      <c r="CJ10" s="61">
        <v>51</v>
      </c>
      <c r="CK10" s="62">
        <v>362</v>
      </c>
      <c r="CL10" s="63">
        <v>496</v>
      </c>
      <c r="CM10" s="60">
        <v>1595</v>
      </c>
      <c r="CN10" s="61">
        <v>2042</v>
      </c>
      <c r="CO10" s="62">
        <v>3637</v>
      </c>
      <c r="CP10" s="443">
        <v>0</v>
      </c>
      <c r="CQ10" s="61">
        <v>2383</v>
      </c>
      <c r="CR10" s="61">
        <v>2712</v>
      </c>
      <c r="CS10" s="61">
        <v>1916</v>
      </c>
      <c r="CT10" s="61">
        <v>1576</v>
      </c>
      <c r="CU10" s="61">
        <v>937</v>
      </c>
      <c r="CV10" s="62">
        <v>9524</v>
      </c>
      <c r="CW10" s="63">
        <v>13161</v>
      </c>
      <c r="CX10" s="113">
        <v>3016</v>
      </c>
      <c r="CY10" s="72">
        <v>4229</v>
      </c>
      <c r="CZ10" s="73">
        <v>7245</v>
      </c>
      <c r="DA10" s="443">
        <v>0</v>
      </c>
      <c r="DB10" s="72">
        <v>3906</v>
      </c>
      <c r="DC10" s="72">
        <v>4193</v>
      </c>
      <c r="DD10" s="72">
        <v>3308</v>
      </c>
      <c r="DE10" s="72">
        <v>3101</v>
      </c>
      <c r="DF10" s="72">
        <v>1922</v>
      </c>
      <c r="DG10" s="74">
        <v>16430</v>
      </c>
      <c r="DH10" s="75">
        <v>23675</v>
      </c>
      <c r="DI10" s="60">
        <v>68</v>
      </c>
      <c r="DJ10" s="61">
        <v>96</v>
      </c>
      <c r="DK10" s="62">
        <v>164</v>
      </c>
      <c r="DL10" s="443">
        <v>0</v>
      </c>
      <c r="DM10" s="61">
        <v>61</v>
      </c>
      <c r="DN10" s="61">
        <v>99</v>
      </c>
      <c r="DO10" s="61">
        <v>78</v>
      </c>
      <c r="DP10" s="61">
        <v>57</v>
      </c>
      <c r="DQ10" s="61">
        <v>42</v>
      </c>
      <c r="DR10" s="62">
        <v>337</v>
      </c>
      <c r="DS10" s="63">
        <v>501</v>
      </c>
      <c r="DT10" s="60">
        <v>231</v>
      </c>
      <c r="DU10" s="61">
        <v>302</v>
      </c>
      <c r="DV10" s="62">
        <v>533</v>
      </c>
      <c r="DW10" s="443">
        <v>0</v>
      </c>
      <c r="DX10" s="61">
        <v>185</v>
      </c>
      <c r="DY10" s="61">
        <v>262</v>
      </c>
      <c r="DZ10" s="61">
        <v>157</v>
      </c>
      <c r="EA10" s="61">
        <v>151</v>
      </c>
      <c r="EB10" s="61">
        <v>116</v>
      </c>
      <c r="EC10" s="62">
        <v>871</v>
      </c>
      <c r="ED10" s="63">
        <v>1404</v>
      </c>
      <c r="EE10" s="60">
        <v>528</v>
      </c>
      <c r="EF10" s="61">
        <v>706</v>
      </c>
      <c r="EG10" s="62">
        <v>1234</v>
      </c>
      <c r="EH10" s="443">
        <v>0</v>
      </c>
      <c r="EI10" s="61">
        <v>497</v>
      </c>
      <c r="EJ10" s="61">
        <v>517</v>
      </c>
      <c r="EK10" s="61">
        <v>336</v>
      </c>
      <c r="EL10" s="61">
        <v>330</v>
      </c>
      <c r="EM10" s="61">
        <v>246</v>
      </c>
      <c r="EN10" s="62">
        <v>1926</v>
      </c>
      <c r="EO10" s="63">
        <v>3160</v>
      </c>
      <c r="EP10" s="60">
        <v>983</v>
      </c>
      <c r="EQ10" s="61">
        <v>1269</v>
      </c>
      <c r="ER10" s="62">
        <v>2252</v>
      </c>
      <c r="ES10" s="443">
        <v>0</v>
      </c>
      <c r="ET10" s="61">
        <v>1107</v>
      </c>
      <c r="EU10" s="61">
        <v>1005</v>
      </c>
      <c r="EV10" s="61">
        <v>743</v>
      </c>
      <c r="EW10" s="61">
        <v>593</v>
      </c>
      <c r="EX10" s="61">
        <v>400</v>
      </c>
      <c r="EY10" s="62">
        <v>3848</v>
      </c>
      <c r="EZ10" s="63">
        <v>6100</v>
      </c>
      <c r="FA10" s="60">
        <v>837</v>
      </c>
      <c r="FB10" s="61">
        <v>1172</v>
      </c>
      <c r="FC10" s="62">
        <v>2009</v>
      </c>
      <c r="FD10" s="443">
        <v>0</v>
      </c>
      <c r="FE10" s="61">
        <v>1158</v>
      </c>
      <c r="FF10" s="61">
        <v>1146</v>
      </c>
      <c r="FG10" s="61">
        <v>834</v>
      </c>
      <c r="FH10" s="61">
        <v>774</v>
      </c>
      <c r="FI10" s="61">
        <v>483</v>
      </c>
      <c r="FJ10" s="62">
        <v>4395</v>
      </c>
      <c r="FK10" s="63">
        <v>6404</v>
      </c>
      <c r="FL10" s="60">
        <v>369</v>
      </c>
      <c r="FM10" s="61">
        <v>684</v>
      </c>
      <c r="FN10" s="62">
        <v>1053</v>
      </c>
      <c r="FO10" s="443">
        <v>0</v>
      </c>
      <c r="FP10" s="61">
        <v>898</v>
      </c>
      <c r="FQ10" s="61">
        <v>1164</v>
      </c>
      <c r="FR10" s="61">
        <v>1160</v>
      </c>
      <c r="FS10" s="61">
        <v>1196</v>
      </c>
      <c r="FT10" s="61">
        <v>635</v>
      </c>
      <c r="FU10" s="62">
        <v>5053</v>
      </c>
      <c r="FV10" s="63">
        <v>6106</v>
      </c>
      <c r="FW10" s="60">
        <v>24</v>
      </c>
      <c r="FX10" s="61">
        <v>82</v>
      </c>
      <c r="FY10" s="62">
        <v>106</v>
      </c>
      <c r="FZ10" s="443">
        <v>0</v>
      </c>
      <c r="GA10" s="61">
        <v>43</v>
      </c>
      <c r="GB10" s="61">
        <v>87</v>
      </c>
      <c r="GC10" s="61">
        <v>46</v>
      </c>
      <c r="GD10" s="61">
        <v>49</v>
      </c>
      <c r="GE10" s="61">
        <v>58</v>
      </c>
      <c r="GF10" s="62">
        <v>283</v>
      </c>
      <c r="GG10" s="63">
        <v>389</v>
      </c>
      <c r="GH10" s="60">
        <v>3040</v>
      </c>
      <c r="GI10" s="61">
        <v>4311</v>
      </c>
      <c r="GJ10" s="62">
        <v>7351</v>
      </c>
      <c r="GK10" s="443">
        <v>0</v>
      </c>
      <c r="GL10" s="61">
        <v>3949</v>
      </c>
      <c r="GM10" s="61">
        <v>4280</v>
      </c>
      <c r="GN10" s="61">
        <v>3354</v>
      </c>
      <c r="GO10" s="61">
        <v>3150</v>
      </c>
      <c r="GP10" s="61">
        <v>1980</v>
      </c>
      <c r="GQ10" s="62">
        <v>16713</v>
      </c>
      <c r="GR10" s="63">
        <v>24064</v>
      </c>
      <c r="GS10" s="113">
        <v>4576</v>
      </c>
      <c r="GT10" s="72">
        <v>6172</v>
      </c>
      <c r="GU10" s="73">
        <v>10748</v>
      </c>
      <c r="GV10" s="224">
        <v>0</v>
      </c>
      <c r="GW10" s="72">
        <v>6246</v>
      </c>
      <c r="GX10" s="72">
        <v>6778</v>
      </c>
      <c r="GY10" s="72">
        <v>5151</v>
      </c>
      <c r="GZ10" s="72">
        <v>4609</v>
      </c>
      <c r="HA10" s="72">
        <v>2808</v>
      </c>
      <c r="HB10" s="74">
        <v>25592</v>
      </c>
      <c r="HC10" s="75">
        <v>36340</v>
      </c>
      <c r="HD10" s="60">
        <v>126</v>
      </c>
      <c r="HE10" s="61">
        <v>180</v>
      </c>
      <c r="HF10" s="62">
        <v>306</v>
      </c>
      <c r="HG10" s="227">
        <v>0</v>
      </c>
      <c r="HH10" s="61">
        <v>147</v>
      </c>
      <c r="HI10" s="61">
        <v>231</v>
      </c>
      <c r="HJ10" s="61">
        <v>167</v>
      </c>
      <c r="HK10" s="61">
        <v>153</v>
      </c>
      <c r="HL10" s="61">
        <v>106</v>
      </c>
      <c r="HM10" s="62">
        <v>804</v>
      </c>
      <c r="HN10" s="63">
        <v>1110</v>
      </c>
      <c r="HO10" s="60">
        <v>377</v>
      </c>
      <c r="HP10" s="61">
        <v>565</v>
      </c>
      <c r="HQ10" s="62">
        <v>942</v>
      </c>
      <c r="HR10" s="443">
        <v>0</v>
      </c>
      <c r="HS10" s="61">
        <v>383</v>
      </c>
      <c r="HT10" s="61">
        <v>526</v>
      </c>
      <c r="HU10" s="61">
        <v>350</v>
      </c>
      <c r="HV10" s="61">
        <v>309</v>
      </c>
      <c r="HW10" s="61">
        <v>235</v>
      </c>
      <c r="HX10" s="62">
        <v>1803</v>
      </c>
      <c r="HY10" s="63">
        <v>2745</v>
      </c>
      <c r="HZ10" s="60">
        <v>765</v>
      </c>
      <c r="IA10" s="61">
        <v>1065</v>
      </c>
      <c r="IB10" s="62">
        <v>1830</v>
      </c>
      <c r="IC10" s="443">
        <v>0</v>
      </c>
      <c r="ID10" s="61">
        <v>865</v>
      </c>
      <c r="IE10" s="61">
        <v>945</v>
      </c>
      <c r="IF10" s="61">
        <v>632</v>
      </c>
      <c r="IG10" s="61">
        <v>587</v>
      </c>
      <c r="IH10" s="61">
        <v>399</v>
      </c>
      <c r="II10" s="62">
        <v>3428</v>
      </c>
      <c r="IJ10" s="63">
        <v>5258</v>
      </c>
      <c r="IK10" s="60">
        <v>1460</v>
      </c>
      <c r="IL10" s="61">
        <v>1795</v>
      </c>
      <c r="IM10" s="62">
        <v>3255</v>
      </c>
      <c r="IN10" s="443">
        <v>0</v>
      </c>
      <c r="IO10" s="61">
        <v>1778</v>
      </c>
      <c r="IP10" s="61">
        <v>1668</v>
      </c>
      <c r="IQ10" s="61">
        <v>1203</v>
      </c>
      <c r="IR10" s="61">
        <v>956</v>
      </c>
      <c r="IS10" s="61">
        <v>613</v>
      </c>
      <c r="IT10" s="62">
        <v>6218</v>
      </c>
      <c r="IU10" s="63">
        <v>9473</v>
      </c>
      <c r="IV10" s="60">
        <v>1274</v>
      </c>
      <c r="IW10" s="61">
        <v>1632</v>
      </c>
      <c r="IX10" s="62">
        <v>2906</v>
      </c>
      <c r="IY10" s="443">
        <v>0</v>
      </c>
      <c r="IZ10" s="61">
        <v>1790</v>
      </c>
      <c r="JA10" s="61">
        <v>1812</v>
      </c>
      <c r="JB10" s="61">
        <v>1294</v>
      </c>
      <c r="JC10" s="61">
        <v>1134</v>
      </c>
      <c r="JD10" s="61">
        <v>682</v>
      </c>
      <c r="JE10" s="62">
        <v>6712</v>
      </c>
      <c r="JF10" s="63">
        <v>9618</v>
      </c>
      <c r="JG10" s="60">
        <v>574</v>
      </c>
      <c r="JH10" s="61">
        <v>935</v>
      </c>
      <c r="JI10" s="62">
        <v>1509</v>
      </c>
      <c r="JJ10" s="443">
        <v>0</v>
      </c>
      <c r="JK10" s="61">
        <v>1283</v>
      </c>
      <c r="JL10" s="61">
        <v>1596</v>
      </c>
      <c r="JM10" s="61">
        <v>1505</v>
      </c>
      <c r="JN10" s="61">
        <v>1470</v>
      </c>
      <c r="JO10" s="61">
        <v>773</v>
      </c>
      <c r="JP10" s="62">
        <v>6627</v>
      </c>
      <c r="JQ10" s="63">
        <v>8136</v>
      </c>
      <c r="JR10" s="60">
        <v>59</v>
      </c>
      <c r="JS10" s="61">
        <v>181</v>
      </c>
      <c r="JT10" s="62">
        <v>240</v>
      </c>
      <c r="JU10" s="443">
        <v>0</v>
      </c>
      <c r="JV10" s="61">
        <v>86</v>
      </c>
      <c r="JW10" s="61">
        <v>214</v>
      </c>
      <c r="JX10" s="61">
        <v>119</v>
      </c>
      <c r="JY10" s="61">
        <v>117</v>
      </c>
      <c r="JZ10" s="61">
        <v>109</v>
      </c>
      <c r="KA10" s="62">
        <v>645</v>
      </c>
      <c r="KB10" s="63">
        <v>885</v>
      </c>
      <c r="KC10" s="60">
        <v>4635</v>
      </c>
      <c r="KD10" s="61">
        <v>6353</v>
      </c>
      <c r="KE10" s="62">
        <v>10988</v>
      </c>
      <c r="KF10" s="443">
        <v>0</v>
      </c>
      <c r="KG10" s="61">
        <v>6332</v>
      </c>
      <c r="KH10" s="61">
        <v>6992</v>
      </c>
      <c r="KI10" s="61">
        <v>5270</v>
      </c>
      <c r="KJ10" s="61">
        <v>4726</v>
      </c>
      <c r="KK10" s="61">
        <v>2917</v>
      </c>
      <c r="KL10" s="62">
        <v>26237</v>
      </c>
      <c r="KM10" s="63">
        <v>37225</v>
      </c>
    </row>
    <row r="11" spans="2:299" ht="21" customHeight="1" x14ac:dyDescent="0.2">
      <c r="B11" s="437" t="s">
        <v>7</v>
      </c>
      <c r="C11" s="287">
        <v>1015</v>
      </c>
      <c r="D11" s="72">
        <v>788</v>
      </c>
      <c r="E11" s="73">
        <v>1803</v>
      </c>
      <c r="F11" s="443">
        <v>0</v>
      </c>
      <c r="G11" s="72">
        <v>2343</v>
      </c>
      <c r="H11" s="72">
        <v>1483</v>
      </c>
      <c r="I11" s="72">
        <v>877</v>
      </c>
      <c r="J11" s="72">
        <v>805</v>
      </c>
      <c r="K11" s="72">
        <v>456</v>
      </c>
      <c r="L11" s="74">
        <v>5964</v>
      </c>
      <c r="M11" s="75">
        <v>7767</v>
      </c>
      <c r="N11" s="60">
        <v>33</v>
      </c>
      <c r="O11" s="61">
        <v>29</v>
      </c>
      <c r="P11" s="62">
        <v>62</v>
      </c>
      <c r="Q11" s="443">
        <v>0</v>
      </c>
      <c r="R11" s="61">
        <v>95</v>
      </c>
      <c r="S11" s="61">
        <v>68</v>
      </c>
      <c r="T11" s="61">
        <v>26</v>
      </c>
      <c r="U11" s="61">
        <v>44</v>
      </c>
      <c r="V11" s="61">
        <v>26</v>
      </c>
      <c r="W11" s="62">
        <v>259</v>
      </c>
      <c r="X11" s="63">
        <v>321</v>
      </c>
      <c r="Y11" s="60">
        <v>64</v>
      </c>
      <c r="Z11" s="61">
        <v>80</v>
      </c>
      <c r="AA11" s="62">
        <v>144</v>
      </c>
      <c r="AB11" s="443">
        <v>0</v>
      </c>
      <c r="AC11" s="61">
        <v>214</v>
      </c>
      <c r="AD11" s="61">
        <v>151</v>
      </c>
      <c r="AE11" s="61">
        <v>92</v>
      </c>
      <c r="AF11" s="61">
        <v>76</v>
      </c>
      <c r="AG11" s="61">
        <v>64</v>
      </c>
      <c r="AH11" s="62">
        <v>597</v>
      </c>
      <c r="AI11" s="63">
        <v>741</v>
      </c>
      <c r="AJ11" s="60">
        <v>147</v>
      </c>
      <c r="AK11" s="61">
        <v>126</v>
      </c>
      <c r="AL11" s="62">
        <v>273</v>
      </c>
      <c r="AM11" s="443">
        <v>0</v>
      </c>
      <c r="AN11" s="61">
        <v>390</v>
      </c>
      <c r="AO11" s="61">
        <v>244</v>
      </c>
      <c r="AP11" s="61">
        <v>150</v>
      </c>
      <c r="AQ11" s="61">
        <v>128</v>
      </c>
      <c r="AR11" s="61">
        <v>88</v>
      </c>
      <c r="AS11" s="62">
        <v>1000</v>
      </c>
      <c r="AT11" s="63">
        <v>1273</v>
      </c>
      <c r="AU11" s="60">
        <v>293</v>
      </c>
      <c r="AV11" s="61">
        <v>189</v>
      </c>
      <c r="AW11" s="62">
        <v>482</v>
      </c>
      <c r="AX11" s="443">
        <v>0</v>
      </c>
      <c r="AY11" s="61">
        <v>602</v>
      </c>
      <c r="AZ11" s="61">
        <v>346</v>
      </c>
      <c r="BA11" s="61">
        <v>230</v>
      </c>
      <c r="BB11" s="61">
        <v>180</v>
      </c>
      <c r="BC11" s="61">
        <v>109</v>
      </c>
      <c r="BD11" s="62">
        <v>1467</v>
      </c>
      <c r="BE11" s="63">
        <v>1949</v>
      </c>
      <c r="BF11" s="60">
        <v>299</v>
      </c>
      <c r="BG11" s="61">
        <v>223</v>
      </c>
      <c r="BH11" s="62">
        <v>522</v>
      </c>
      <c r="BI11" s="443">
        <v>0</v>
      </c>
      <c r="BJ11" s="61">
        <v>630</v>
      </c>
      <c r="BK11" s="61">
        <v>369</v>
      </c>
      <c r="BL11" s="61">
        <v>194</v>
      </c>
      <c r="BM11" s="61">
        <v>227</v>
      </c>
      <c r="BN11" s="61">
        <v>102</v>
      </c>
      <c r="BO11" s="62">
        <v>1522</v>
      </c>
      <c r="BP11" s="63">
        <v>2044</v>
      </c>
      <c r="BQ11" s="60">
        <v>179</v>
      </c>
      <c r="BR11" s="61">
        <v>141</v>
      </c>
      <c r="BS11" s="62">
        <v>320</v>
      </c>
      <c r="BT11" s="443">
        <v>0</v>
      </c>
      <c r="BU11" s="61">
        <v>412</v>
      </c>
      <c r="BV11" s="61">
        <v>305</v>
      </c>
      <c r="BW11" s="61">
        <v>185</v>
      </c>
      <c r="BX11" s="61">
        <v>150</v>
      </c>
      <c r="BY11" s="61">
        <v>67</v>
      </c>
      <c r="BZ11" s="62">
        <v>1119</v>
      </c>
      <c r="CA11" s="63">
        <v>1439</v>
      </c>
      <c r="CB11" s="60">
        <v>15</v>
      </c>
      <c r="CC11" s="61">
        <v>21</v>
      </c>
      <c r="CD11" s="62">
        <v>36</v>
      </c>
      <c r="CE11" s="443">
        <v>0</v>
      </c>
      <c r="CF11" s="61">
        <v>65</v>
      </c>
      <c r="CG11" s="61">
        <v>59</v>
      </c>
      <c r="CH11" s="61">
        <v>30</v>
      </c>
      <c r="CI11" s="61">
        <v>35</v>
      </c>
      <c r="CJ11" s="61">
        <v>28</v>
      </c>
      <c r="CK11" s="62">
        <v>217</v>
      </c>
      <c r="CL11" s="63">
        <v>253</v>
      </c>
      <c r="CM11" s="60">
        <v>1030</v>
      </c>
      <c r="CN11" s="61">
        <v>809</v>
      </c>
      <c r="CO11" s="62">
        <v>1839</v>
      </c>
      <c r="CP11" s="443">
        <v>0</v>
      </c>
      <c r="CQ11" s="61">
        <v>2408</v>
      </c>
      <c r="CR11" s="61">
        <v>1542</v>
      </c>
      <c r="CS11" s="61">
        <v>907</v>
      </c>
      <c r="CT11" s="61">
        <v>840</v>
      </c>
      <c r="CU11" s="61">
        <v>484</v>
      </c>
      <c r="CV11" s="62">
        <v>6181</v>
      </c>
      <c r="CW11" s="63">
        <v>8020</v>
      </c>
      <c r="CX11" s="113">
        <v>1967</v>
      </c>
      <c r="CY11" s="72">
        <v>2152</v>
      </c>
      <c r="CZ11" s="73">
        <v>4119</v>
      </c>
      <c r="DA11" s="443">
        <v>0</v>
      </c>
      <c r="DB11" s="72">
        <v>4262</v>
      </c>
      <c r="DC11" s="72">
        <v>2620</v>
      </c>
      <c r="DD11" s="72">
        <v>2009</v>
      </c>
      <c r="DE11" s="72">
        <v>1961</v>
      </c>
      <c r="DF11" s="72">
        <v>1135</v>
      </c>
      <c r="DG11" s="74">
        <v>11987</v>
      </c>
      <c r="DH11" s="75">
        <v>16106</v>
      </c>
      <c r="DI11" s="60">
        <v>25</v>
      </c>
      <c r="DJ11" s="61">
        <v>42</v>
      </c>
      <c r="DK11" s="62">
        <v>67</v>
      </c>
      <c r="DL11" s="443">
        <v>0</v>
      </c>
      <c r="DM11" s="61">
        <v>91</v>
      </c>
      <c r="DN11" s="61">
        <v>50</v>
      </c>
      <c r="DO11" s="61">
        <v>36</v>
      </c>
      <c r="DP11" s="61">
        <v>28</v>
      </c>
      <c r="DQ11" s="61">
        <v>37</v>
      </c>
      <c r="DR11" s="62">
        <v>242</v>
      </c>
      <c r="DS11" s="63">
        <v>309</v>
      </c>
      <c r="DT11" s="60">
        <v>131</v>
      </c>
      <c r="DU11" s="61">
        <v>110</v>
      </c>
      <c r="DV11" s="62">
        <v>241</v>
      </c>
      <c r="DW11" s="443">
        <v>0</v>
      </c>
      <c r="DX11" s="61">
        <v>207</v>
      </c>
      <c r="DY11" s="61">
        <v>130</v>
      </c>
      <c r="DZ11" s="61">
        <v>77</v>
      </c>
      <c r="EA11" s="61">
        <v>90</v>
      </c>
      <c r="EB11" s="61">
        <v>47</v>
      </c>
      <c r="EC11" s="62">
        <v>551</v>
      </c>
      <c r="ED11" s="63">
        <v>792</v>
      </c>
      <c r="EE11" s="60">
        <v>297</v>
      </c>
      <c r="EF11" s="61">
        <v>313</v>
      </c>
      <c r="EG11" s="62">
        <v>610</v>
      </c>
      <c r="EH11" s="443">
        <v>0</v>
      </c>
      <c r="EI11" s="61">
        <v>532</v>
      </c>
      <c r="EJ11" s="61">
        <v>261</v>
      </c>
      <c r="EK11" s="61">
        <v>184</v>
      </c>
      <c r="EL11" s="61">
        <v>180</v>
      </c>
      <c r="EM11" s="61">
        <v>135</v>
      </c>
      <c r="EN11" s="62">
        <v>1292</v>
      </c>
      <c r="EO11" s="63">
        <v>1902</v>
      </c>
      <c r="EP11" s="60">
        <v>567</v>
      </c>
      <c r="EQ11" s="61">
        <v>616</v>
      </c>
      <c r="ER11" s="62">
        <v>1183</v>
      </c>
      <c r="ES11" s="443">
        <v>0</v>
      </c>
      <c r="ET11" s="61">
        <v>972</v>
      </c>
      <c r="EU11" s="61">
        <v>554</v>
      </c>
      <c r="EV11" s="61">
        <v>359</v>
      </c>
      <c r="EW11" s="61">
        <v>339</v>
      </c>
      <c r="EX11" s="61">
        <v>211</v>
      </c>
      <c r="EY11" s="62">
        <v>2435</v>
      </c>
      <c r="EZ11" s="63">
        <v>3618</v>
      </c>
      <c r="FA11" s="60">
        <v>609</v>
      </c>
      <c r="FB11" s="61">
        <v>665</v>
      </c>
      <c r="FC11" s="62">
        <v>1274</v>
      </c>
      <c r="FD11" s="443">
        <v>0</v>
      </c>
      <c r="FE11" s="61">
        <v>1249</v>
      </c>
      <c r="FF11" s="61">
        <v>722</v>
      </c>
      <c r="FG11" s="61">
        <v>526</v>
      </c>
      <c r="FH11" s="61">
        <v>487</v>
      </c>
      <c r="FI11" s="61">
        <v>273</v>
      </c>
      <c r="FJ11" s="62">
        <v>3257</v>
      </c>
      <c r="FK11" s="63">
        <v>4531</v>
      </c>
      <c r="FL11" s="60">
        <v>338</v>
      </c>
      <c r="FM11" s="61">
        <v>406</v>
      </c>
      <c r="FN11" s="62">
        <v>744</v>
      </c>
      <c r="FO11" s="443">
        <v>0</v>
      </c>
      <c r="FP11" s="61">
        <v>1211</v>
      </c>
      <c r="FQ11" s="61">
        <v>903</v>
      </c>
      <c r="FR11" s="61">
        <v>827</v>
      </c>
      <c r="FS11" s="61">
        <v>837</v>
      </c>
      <c r="FT11" s="61">
        <v>432</v>
      </c>
      <c r="FU11" s="62">
        <v>4210</v>
      </c>
      <c r="FV11" s="63">
        <v>4954</v>
      </c>
      <c r="FW11" s="60">
        <v>11</v>
      </c>
      <c r="FX11" s="61">
        <v>22</v>
      </c>
      <c r="FY11" s="62">
        <v>33</v>
      </c>
      <c r="FZ11" s="443">
        <v>0</v>
      </c>
      <c r="GA11" s="61">
        <v>66</v>
      </c>
      <c r="GB11" s="61">
        <v>51</v>
      </c>
      <c r="GC11" s="61">
        <v>33</v>
      </c>
      <c r="GD11" s="61">
        <v>33</v>
      </c>
      <c r="GE11" s="61">
        <v>15</v>
      </c>
      <c r="GF11" s="62">
        <v>198</v>
      </c>
      <c r="GG11" s="63">
        <v>231</v>
      </c>
      <c r="GH11" s="60">
        <v>1978</v>
      </c>
      <c r="GI11" s="61">
        <v>2174</v>
      </c>
      <c r="GJ11" s="62">
        <v>4152</v>
      </c>
      <c r="GK11" s="443">
        <v>0</v>
      </c>
      <c r="GL11" s="61">
        <v>4328</v>
      </c>
      <c r="GM11" s="61">
        <v>2671</v>
      </c>
      <c r="GN11" s="61">
        <v>2042</v>
      </c>
      <c r="GO11" s="61">
        <v>1994</v>
      </c>
      <c r="GP11" s="61">
        <v>1150</v>
      </c>
      <c r="GQ11" s="62">
        <v>12185</v>
      </c>
      <c r="GR11" s="63">
        <v>16337</v>
      </c>
      <c r="GS11" s="113">
        <v>2982</v>
      </c>
      <c r="GT11" s="72">
        <v>2940</v>
      </c>
      <c r="GU11" s="73">
        <v>5922</v>
      </c>
      <c r="GV11" s="224">
        <v>0</v>
      </c>
      <c r="GW11" s="72">
        <v>6605</v>
      </c>
      <c r="GX11" s="72">
        <v>4103</v>
      </c>
      <c r="GY11" s="72">
        <v>2886</v>
      </c>
      <c r="GZ11" s="72">
        <v>2766</v>
      </c>
      <c r="HA11" s="72">
        <v>1591</v>
      </c>
      <c r="HB11" s="74">
        <v>17951</v>
      </c>
      <c r="HC11" s="75">
        <v>23873</v>
      </c>
      <c r="HD11" s="60">
        <v>58</v>
      </c>
      <c r="HE11" s="61">
        <v>71</v>
      </c>
      <c r="HF11" s="62">
        <v>129</v>
      </c>
      <c r="HG11" s="227">
        <v>0</v>
      </c>
      <c r="HH11" s="61">
        <v>186</v>
      </c>
      <c r="HI11" s="61">
        <v>118</v>
      </c>
      <c r="HJ11" s="61">
        <v>62</v>
      </c>
      <c r="HK11" s="61">
        <v>72</v>
      </c>
      <c r="HL11" s="61">
        <v>63</v>
      </c>
      <c r="HM11" s="62">
        <v>501</v>
      </c>
      <c r="HN11" s="63">
        <v>630</v>
      </c>
      <c r="HO11" s="60">
        <v>195</v>
      </c>
      <c r="HP11" s="61">
        <v>190</v>
      </c>
      <c r="HQ11" s="62">
        <v>385</v>
      </c>
      <c r="HR11" s="443">
        <v>0</v>
      </c>
      <c r="HS11" s="61">
        <v>421</v>
      </c>
      <c r="HT11" s="61">
        <v>281</v>
      </c>
      <c r="HU11" s="61">
        <v>169</v>
      </c>
      <c r="HV11" s="61">
        <v>166</v>
      </c>
      <c r="HW11" s="61">
        <v>111</v>
      </c>
      <c r="HX11" s="62">
        <v>1148</v>
      </c>
      <c r="HY11" s="63">
        <v>1533</v>
      </c>
      <c r="HZ11" s="60">
        <v>444</v>
      </c>
      <c r="IA11" s="61">
        <v>439</v>
      </c>
      <c r="IB11" s="62">
        <v>883</v>
      </c>
      <c r="IC11" s="443">
        <v>0</v>
      </c>
      <c r="ID11" s="61">
        <v>922</v>
      </c>
      <c r="IE11" s="61">
        <v>505</v>
      </c>
      <c r="IF11" s="61">
        <v>334</v>
      </c>
      <c r="IG11" s="61">
        <v>308</v>
      </c>
      <c r="IH11" s="61">
        <v>223</v>
      </c>
      <c r="II11" s="62">
        <v>2292</v>
      </c>
      <c r="IJ11" s="63">
        <v>3175</v>
      </c>
      <c r="IK11" s="60">
        <v>860</v>
      </c>
      <c r="IL11" s="61">
        <v>805</v>
      </c>
      <c r="IM11" s="62">
        <v>1665</v>
      </c>
      <c r="IN11" s="443">
        <v>0</v>
      </c>
      <c r="IO11" s="61">
        <v>1574</v>
      </c>
      <c r="IP11" s="61">
        <v>900</v>
      </c>
      <c r="IQ11" s="61">
        <v>589</v>
      </c>
      <c r="IR11" s="61">
        <v>519</v>
      </c>
      <c r="IS11" s="61">
        <v>320</v>
      </c>
      <c r="IT11" s="62">
        <v>3902</v>
      </c>
      <c r="IU11" s="63">
        <v>5567</v>
      </c>
      <c r="IV11" s="60">
        <v>908</v>
      </c>
      <c r="IW11" s="61">
        <v>888</v>
      </c>
      <c r="IX11" s="62">
        <v>1796</v>
      </c>
      <c r="IY11" s="443">
        <v>0</v>
      </c>
      <c r="IZ11" s="61">
        <v>1879</v>
      </c>
      <c r="JA11" s="61">
        <v>1091</v>
      </c>
      <c r="JB11" s="61">
        <v>720</v>
      </c>
      <c r="JC11" s="61">
        <v>714</v>
      </c>
      <c r="JD11" s="61">
        <v>375</v>
      </c>
      <c r="JE11" s="62">
        <v>4779</v>
      </c>
      <c r="JF11" s="63">
        <v>6575</v>
      </c>
      <c r="JG11" s="60">
        <v>517</v>
      </c>
      <c r="JH11" s="61">
        <v>547</v>
      </c>
      <c r="JI11" s="62">
        <v>1064</v>
      </c>
      <c r="JJ11" s="443">
        <v>0</v>
      </c>
      <c r="JK11" s="61">
        <v>1623</v>
      </c>
      <c r="JL11" s="61">
        <v>1208</v>
      </c>
      <c r="JM11" s="61">
        <v>1012</v>
      </c>
      <c r="JN11" s="61">
        <v>987</v>
      </c>
      <c r="JO11" s="61">
        <v>499</v>
      </c>
      <c r="JP11" s="62">
        <v>5329</v>
      </c>
      <c r="JQ11" s="63">
        <v>6393</v>
      </c>
      <c r="JR11" s="60">
        <v>26</v>
      </c>
      <c r="JS11" s="61">
        <v>43</v>
      </c>
      <c r="JT11" s="62">
        <v>69</v>
      </c>
      <c r="JU11" s="443">
        <v>0</v>
      </c>
      <c r="JV11" s="61">
        <v>131</v>
      </c>
      <c r="JW11" s="61">
        <v>110</v>
      </c>
      <c r="JX11" s="61">
        <v>63</v>
      </c>
      <c r="JY11" s="61">
        <v>68</v>
      </c>
      <c r="JZ11" s="61">
        <v>43</v>
      </c>
      <c r="KA11" s="62">
        <v>415</v>
      </c>
      <c r="KB11" s="63">
        <v>484</v>
      </c>
      <c r="KC11" s="60">
        <v>3008</v>
      </c>
      <c r="KD11" s="61">
        <v>2983</v>
      </c>
      <c r="KE11" s="62">
        <v>5991</v>
      </c>
      <c r="KF11" s="443">
        <v>0</v>
      </c>
      <c r="KG11" s="61">
        <v>6736</v>
      </c>
      <c r="KH11" s="61">
        <v>4213</v>
      </c>
      <c r="KI11" s="61">
        <v>2949</v>
      </c>
      <c r="KJ11" s="61">
        <v>2834</v>
      </c>
      <c r="KK11" s="61">
        <v>1634</v>
      </c>
      <c r="KL11" s="62">
        <v>18366</v>
      </c>
      <c r="KM11" s="63">
        <v>24357</v>
      </c>
    </row>
    <row r="12" spans="2:299" ht="21" customHeight="1" x14ac:dyDescent="0.2">
      <c r="B12" s="437" t="s">
        <v>8</v>
      </c>
      <c r="C12" s="287">
        <v>571</v>
      </c>
      <c r="D12" s="72">
        <v>397</v>
      </c>
      <c r="E12" s="73">
        <v>968</v>
      </c>
      <c r="F12" s="443">
        <v>0</v>
      </c>
      <c r="G12" s="72">
        <v>1006</v>
      </c>
      <c r="H12" s="72">
        <v>908</v>
      </c>
      <c r="I12" s="72">
        <v>642</v>
      </c>
      <c r="J12" s="72">
        <v>505</v>
      </c>
      <c r="K12" s="72">
        <v>293</v>
      </c>
      <c r="L12" s="74">
        <v>3354</v>
      </c>
      <c r="M12" s="75">
        <v>4322</v>
      </c>
      <c r="N12" s="60">
        <v>15</v>
      </c>
      <c r="O12" s="61">
        <v>27</v>
      </c>
      <c r="P12" s="62">
        <v>42</v>
      </c>
      <c r="Q12" s="443">
        <v>0</v>
      </c>
      <c r="R12" s="61">
        <v>56</v>
      </c>
      <c r="S12" s="61">
        <v>48</v>
      </c>
      <c r="T12" s="61">
        <v>25</v>
      </c>
      <c r="U12" s="61">
        <v>31</v>
      </c>
      <c r="V12" s="61">
        <v>19</v>
      </c>
      <c r="W12" s="62">
        <v>179</v>
      </c>
      <c r="X12" s="63">
        <v>221</v>
      </c>
      <c r="Y12" s="60">
        <v>48</v>
      </c>
      <c r="Z12" s="61">
        <v>49</v>
      </c>
      <c r="AA12" s="62">
        <v>97</v>
      </c>
      <c r="AB12" s="443">
        <v>0</v>
      </c>
      <c r="AC12" s="61">
        <v>87</v>
      </c>
      <c r="AD12" s="61">
        <v>92</v>
      </c>
      <c r="AE12" s="61">
        <v>60</v>
      </c>
      <c r="AF12" s="61">
        <v>62</v>
      </c>
      <c r="AG12" s="61">
        <v>45</v>
      </c>
      <c r="AH12" s="62">
        <v>346</v>
      </c>
      <c r="AI12" s="63">
        <v>443</v>
      </c>
      <c r="AJ12" s="60">
        <v>91</v>
      </c>
      <c r="AK12" s="61">
        <v>67</v>
      </c>
      <c r="AL12" s="62">
        <v>158</v>
      </c>
      <c r="AM12" s="443">
        <v>0</v>
      </c>
      <c r="AN12" s="61">
        <v>171</v>
      </c>
      <c r="AO12" s="61">
        <v>166</v>
      </c>
      <c r="AP12" s="61">
        <v>102</v>
      </c>
      <c r="AQ12" s="61">
        <v>81</v>
      </c>
      <c r="AR12" s="61">
        <v>50</v>
      </c>
      <c r="AS12" s="62">
        <v>570</v>
      </c>
      <c r="AT12" s="63">
        <v>728</v>
      </c>
      <c r="AU12" s="60">
        <v>155</v>
      </c>
      <c r="AV12" s="61">
        <v>93</v>
      </c>
      <c r="AW12" s="62">
        <v>248</v>
      </c>
      <c r="AX12" s="443">
        <v>0</v>
      </c>
      <c r="AY12" s="61">
        <v>265</v>
      </c>
      <c r="AZ12" s="61">
        <v>241</v>
      </c>
      <c r="BA12" s="61">
        <v>148</v>
      </c>
      <c r="BB12" s="61">
        <v>134</v>
      </c>
      <c r="BC12" s="61">
        <v>73</v>
      </c>
      <c r="BD12" s="62">
        <v>861</v>
      </c>
      <c r="BE12" s="63">
        <v>1109</v>
      </c>
      <c r="BF12" s="60">
        <v>152</v>
      </c>
      <c r="BG12" s="61">
        <v>93</v>
      </c>
      <c r="BH12" s="62">
        <v>245</v>
      </c>
      <c r="BI12" s="443">
        <v>0</v>
      </c>
      <c r="BJ12" s="61">
        <v>259</v>
      </c>
      <c r="BK12" s="61">
        <v>208</v>
      </c>
      <c r="BL12" s="61">
        <v>166</v>
      </c>
      <c r="BM12" s="61">
        <v>97</v>
      </c>
      <c r="BN12" s="61">
        <v>58</v>
      </c>
      <c r="BO12" s="62">
        <v>788</v>
      </c>
      <c r="BP12" s="63">
        <v>1033</v>
      </c>
      <c r="BQ12" s="60">
        <v>110</v>
      </c>
      <c r="BR12" s="61">
        <v>68</v>
      </c>
      <c r="BS12" s="62">
        <v>178</v>
      </c>
      <c r="BT12" s="443">
        <v>0</v>
      </c>
      <c r="BU12" s="61">
        <v>168</v>
      </c>
      <c r="BV12" s="61">
        <v>153</v>
      </c>
      <c r="BW12" s="61">
        <v>141</v>
      </c>
      <c r="BX12" s="61">
        <v>100</v>
      </c>
      <c r="BY12" s="61">
        <v>48</v>
      </c>
      <c r="BZ12" s="62">
        <v>610</v>
      </c>
      <c r="CA12" s="63">
        <v>788</v>
      </c>
      <c r="CB12" s="60">
        <v>16</v>
      </c>
      <c r="CC12" s="61">
        <v>18</v>
      </c>
      <c r="CD12" s="62">
        <v>34</v>
      </c>
      <c r="CE12" s="443">
        <v>0</v>
      </c>
      <c r="CF12" s="61">
        <v>29</v>
      </c>
      <c r="CG12" s="61">
        <v>43</v>
      </c>
      <c r="CH12" s="61">
        <v>24</v>
      </c>
      <c r="CI12" s="61">
        <v>23</v>
      </c>
      <c r="CJ12" s="61">
        <v>14</v>
      </c>
      <c r="CK12" s="62">
        <v>133</v>
      </c>
      <c r="CL12" s="63">
        <v>167</v>
      </c>
      <c r="CM12" s="60">
        <v>587</v>
      </c>
      <c r="CN12" s="61">
        <v>415</v>
      </c>
      <c r="CO12" s="62">
        <v>1002</v>
      </c>
      <c r="CP12" s="443">
        <v>0</v>
      </c>
      <c r="CQ12" s="61">
        <v>1035</v>
      </c>
      <c r="CR12" s="61">
        <v>951</v>
      </c>
      <c r="CS12" s="61">
        <v>666</v>
      </c>
      <c r="CT12" s="61">
        <v>528</v>
      </c>
      <c r="CU12" s="61">
        <v>307</v>
      </c>
      <c r="CV12" s="62">
        <v>3487</v>
      </c>
      <c r="CW12" s="63">
        <v>4489</v>
      </c>
      <c r="CX12" s="113">
        <v>1128</v>
      </c>
      <c r="CY12" s="72">
        <v>973</v>
      </c>
      <c r="CZ12" s="73">
        <v>2101</v>
      </c>
      <c r="DA12" s="443">
        <v>0</v>
      </c>
      <c r="DB12" s="72">
        <v>1765</v>
      </c>
      <c r="DC12" s="72">
        <v>1605</v>
      </c>
      <c r="DD12" s="72">
        <v>1317</v>
      </c>
      <c r="DE12" s="72">
        <v>1130</v>
      </c>
      <c r="DF12" s="72">
        <v>671</v>
      </c>
      <c r="DG12" s="74">
        <v>6488</v>
      </c>
      <c r="DH12" s="75">
        <v>8589</v>
      </c>
      <c r="DI12" s="60">
        <v>34</v>
      </c>
      <c r="DJ12" s="61">
        <v>23</v>
      </c>
      <c r="DK12" s="62">
        <v>57</v>
      </c>
      <c r="DL12" s="443">
        <v>0</v>
      </c>
      <c r="DM12" s="61">
        <v>42</v>
      </c>
      <c r="DN12" s="61">
        <v>29</v>
      </c>
      <c r="DO12" s="61">
        <v>18</v>
      </c>
      <c r="DP12" s="61">
        <v>29</v>
      </c>
      <c r="DQ12" s="61">
        <v>16</v>
      </c>
      <c r="DR12" s="62">
        <v>134</v>
      </c>
      <c r="DS12" s="63">
        <v>191</v>
      </c>
      <c r="DT12" s="60">
        <v>80</v>
      </c>
      <c r="DU12" s="61">
        <v>62</v>
      </c>
      <c r="DV12" s="62">
        <v>142</v>
      </c>
      <c r="DW12" s="443">
        <v>0</v>
      </c>
      <c r="DX12" s="61">
        <v>92</v>
      </c>
      <c r="DY12" s="61">
        <v>80</v>
      </c>
      <c r="DZ12" s="61">
        <v>52</v>
      </c>
      <c r="EA12" s="61">
        <v>54</v>
      </c>
      <c r="EB12" s="61">
        <v>37</v>
      </c>
      <c r="EC12" s="62">
        <v>315</v>
      </c>
      <c r="ED12" s="63">
        <v>457</v>
      </c>
      <c r="EE12" s="60">
        <v>156</v>
      </c>
      <c r="EF12" s="61">
        <v>155</v>
      </c>
      <c r="EG12" s="62">
        <v>311</v>
      </c>
      <c r="EH12" s="443">
        <v>0</v>
      </c>
      <c r="EI12" s="61">
        <v>211</v>
      </c>
      <c r="EJ12" s="61">
        <v>162</v>
      </c>
      <c r="EK12" s="61">
        <v>117</v>
      </c>
      <c r="EL12" s="61">
        <v>104</v>
      </c>
      <c r="EM12" s="61">
        <v>69</v>
      </c>
      <c r="EN12" s="62">
        <v>663</v>
      </c>
      <c r="EO12" s="63">
        <v>974</v>
      </c>
      <c r="EP12" s="60">
        <v>354</v>
      </c>
      <c r="EQ12" s="61">
        <v>258</v>
      </c>
      <c r="ER12" s="62">
        <v>612</v>
      </c>
      <c r="ES12" s="443">
        <v>0</v>
      </c>
      <c r="ET12" s="61">
        <v>457</v>
      </c>
      <c r="EU12" s="61">
        <v>337</v>
      </c>
      <c r="EV12" s="61">
        <v>239</v>
      </c>
      <c r="EW12" s="61">
        <v>206</v>
      </c>
      <c r="EX12" s="61">
        <v>123</v>
      </c>
      <c r="EY12" s="62">
        <v>1362</v>
      </c>
      <c r="EZ12" s="63">
        <v>1974</v>
      </c>
      <c r="FA12" s="60">
        <v>318</v>
      </c>
      <c r="FB12" s="61">
        <v>282</v>
      </c>
      <c r="FC12" s="62">
        <v>600</v>
      </c>
      <c r="FD12" s="443">
        <v>0</v>
      </c>
      <c r="FE12" s="61">
        <v>516</v>
      </c>
      <c r="FF12" s="61">
        <v>456</v>
      </c>
      <c r="FG12" s="61">
        <v>382</v>
      </c>
      <c r="FH12" s="61">
        <v>269</v>
      </c>
      <c r="FI12" s="61">
        <v>172</v>
      </c>
      <c r="FJ12" s="62">
        <v>1795</v>
      </c>
      <c r="FK12" s="63">
        <v>2395</v>
      </c>
      <c r="FL12" s="60">
        <v>186</v>
      </c>
      <c r="FM12" s="61">
        <v>193</v>
      </c>
      <c r="FN12" s="62">
        <v>379</v>
      </c>
      <c r="FO12" s="443">
        <v>0</v>
      </c>
      <c r="FP12" s="61">
        <v>447</v>
      </c>
      <c r="FQ12" s="61">
        <v>541</v>
      </c>
      <c r="FR12" s="61">
        <v>509</v>
      </c>
      <c r="FS12" s="61">
        <v>468</v>
      </c>
      <c r="FT12" s="61">
        <v>254</v>
      </c>
      <c r="FU12" s="62">
        <v>2219</v>
      </c>
      <c r="FV12" s="63">
        <v>2598</v>
      </c>
      <c r="FW12" s="60">
        <v>7</v>
      </c>
      <c r="FX12" s="61">
        <v>18</v>
      </c>
      <c r="FY12" s="62">
        <v>25</v>
      </c>
      <c r="FZ12" s="443">
        <v>0</v>
      </c>
      <c r="GA12" s="61">
        <v>25</v>
      </c>
      <c r="GB12" s="61">
        <v>40</v>
      </c>
      <c r="GC12" s="61">
        <v>14</v>
      </c>
      <c r="GD12" s="61">
        <v>18</v>
      </c>
      <c r="GE12" s="61">
        <v>13</v>
      </c>
      <c r="GF12" s="62">
        <v>110</v>
      </c>
      <c r="GG12" s="63">
        <v>135</v>
      </c>
      <c r="GH12" s="60">
        <v>1135</v>
      </c>
      <c r="GI12" s="61">
        <v>991</v>
      </c>
      <c r="GJ12" s="62">
        <v>2126</v>
      </c>
      <c r="GK12" s="443">
        <v>0</v>
      </c>
      <c r="GL12" s="61">
        <v>1790</v>
      </c>
      <c r="GM12" s="61">
        <v>1645</v>
      </c>
      <c r="GN12" s="61">
        <v>1331</v>
      </c>
      <c r="GO12" s="61">
        <v>1148</v>
      </c>
      <c r="GP12" s="61">
        <v>684</v>
      </c>
      <c r="GQ12" s="62">
        <v>6598</v>
      </c>
      <c r="GR12" s="63">
        <v>8724</v>
      </c>
      <c r="GS12" s="113">
        <v>1699</v>
      </c>
      <c r="GT12" s="72">
        <v>1370</v>
      </c>
      <c r="GU12" s="73">
        <v>3069</v>
      </c>
      <c r="GV12" s="224">
        <v>0</v>
      </c>
      <c r="GW12" s="72">
        <v>2771</v>
      </c>
      <c r="GX12" s="72">
        <v>2513</v>
      </c>
      <c r="GY12" s="72">
        <v>1959</v>
      </c>
      <c r="GZ12" s="72">
        <v>1635</v>
      </c>
      <c r="HA12" s="72">
        <v>964</v>
      </c>
      <c r="HB12" s="74">
        <v>9842</v>
      </c>
      <c r="HC12" s="75">
        <v>12911</v>
      </c>
      <c r="HD12" s="60">
        <v>49</v>
      </c>
      <c r="HE12" s="61">
        <v>50</v>
      </c>
      <c r="HF12" s="62">
        <v>99</v>
      </c>
      <c r="HG12" s="227">
        <v>0</v>
      </c>
      <c r="HH12" s="61">
        <v>98</v>
      </c>
      <c r="HI12" s="61">
        <v>77</v>
      </c>
      <c r="HJ12" s="61">
        <v>43</v>
      </c>
      <c r="HK12" s="61">
        <v>60</v>
      </c>
      <c r="HL12" s="61">
        <v>35</v>
      </c>
      <c r="HM12" s="62">
        <v>313</v>
      </c>
      <c r="HN12" s="63">
        <v>412</v>
      </c>
      <c r="HO12" s="60">
        <v>128</v>
      </c>
      <c r="HP12" s="61">
        <v>111</v>
      </c>
      <c r="HQ12" s="62">
        <v>239</v>
      </c>
      <c r="HR12" s="443">
        <v>0</v>
      </c>
      <c r="HS12" s="61">
        <v>179</v>
      </c>
      <c r="HT12" s="61">
        <v>172</v>
      </c>
      <c r="HU12" s="61">
        <v>112</v>
      </c>
      <c r="HV12" s="61">
        <v>116</v>
      </c>
      <c r="HW12" s="61">
        <v>82</v>
      </c>
      <c r="HX12" s="62">
        <v>661</v>
      </c>
      <c r="HY12" s="63">
        <v>900</v>
      </c>
      <c r="HZ12" s="60">
        <v>247</v>
      </c>
      <c r="IA12" s="61">
        <v>222</v>
      </c>
      <c r="IB12" s="62">
        <v>469</v>
      </c>
      <c r="IC12" s="443">
        <v>0</v>
      </c>
      <c r="ID12" s="61">
        <v>382</v>
      </c>
      <c r="IE12" s="61">
        <v>328</v>
      </c>
      <c r="IF12" s="61">
        <v>219</v>
      </c>
      <c r="IG12" s="61">
        <v>185</v>
      </c>
      <c r="IH12" s="61">
        <v>119</v>
      </c>
      <c r="II12" s="62">
        <v>1233</v>
      </c>
      <c r="IJ12" s="63">
        <v>1702</v>
      </c>
      <c r="IK12" s="60">
        <v>509</v>
      </c>
      <c r="IL12" s="61">
        <v>351</v>
      </c>
      <c r="IM12" s="62">
        <v>860</v>
      </c>
      <c r="IN12" s="443">
        <v>0</v>
      </c>
      <c r="IO12" s="61">
        <v>722</v>
      </c>
      <c r="IP12" s="61">
        <v>578</v>
      </c>
      <c r="IQ12" s="61">
        <v>387</v>
      </c>
      <c r="IR12" s="61">
        <v>340</v>
      </c>
      <c r="IS12" s="61">
        <v>196</v>
      </c>
      <c r="IT12" s="62">
        <v>2223</v>
      </c>
      <c r="IU12" s="63">
        <v>3083</v>
      </c>
      <c r="IV12" s="60">
        <v>470</v>
      </c>
      <c r="IW12" s="61">
        <v>375</v>
      </c>
      <c r="IX12" s="62">
        <v>845</v>
      </c>
      <c r="IY12" s="443">
        <v>0</v>
      </c>
      <c r="IZ12" s="61">
        <v>775</v>
      </c>
      <c r="JA12" s="61">
        <v>664</v>
      </c>
      <c r="JB12" s="61">
        <v>548</v>
      </c>
      <c r="JC12" s="61">
        <v>366</v>
      </c>
      <c r="JD12" s="61">
        <v>230</v>
      </c>
      <c r="JE12" s="62">
        <v>2583</v>
      </c>
      <c r="JF12" s="63">
        <v>3428</v>
      </c>
      <c r="JG12" s="60">
        <v>296</v>
      </c>
      <c r="JH12" s="61">
        <v>261</v>
      </c>
      <c r="JI12" s="62">
        <v>557</v>
      </c>
      <c r="JJ12" s="443">
        <v>0</v>
      </c>
      <c r="JK12" s="61">
        <v>615</v>
      </c>
      <c r="JL12" s="61">
        <v>694</v>
      </c>
      <c r="JM12" s="61">
        <v>650</v>
      </c>
      <c r="JN12" s="61">
        <v>568</v>
      </c>
      <c r="JO12" s="61">
        <v>302</v>
      </c>
      <c r="JP12" s="62">
        <v>2829</v>
      </c>
      <c r="JQ12" s="63">
        <v>3386</v>
      </c>
      <c r="JR12" s="60">
        <v>23</v>
      </c>
      <c r="JS12" s="61">
        <v>36</v>
      </c>
      <c r="JT12" s="62">
        <v>59</v>
      </c>
      <c r="JU12" s="443">
        <v>0</v>
      </c>
      <c r="JV12" s="61">
        <v>54</v>
      </c>
      <c r="JW12" s="61">
        <v>83</v>
      </c>
      <c r="JX12" s="61">
        <v>38</v>
      </c>
      <c r="JY12" s="61">
        <v>41</v>
      </c>
      <c r="JZ12" s="61">
        <v>27</v>
      </c>
      <c r="KA12" s="62">
        <v>243</v>
      </c>
      <c r="KB12" s="63">
        <v>302</v>
      </c>
      <c r="KC12" s="60">
        <v>1722</v>
      </c>
      <c r="KD12" s="61">
        <v>1406</v>
      </c>
      <c r="KE12" s="62">
        <v>3128</v>
      </c>
      <c r="KF12" s="443">
        <v>0</v>
      </c>
      <c r="KG12" s="61">
        <v>2825</v>
      </c>
      <c r="KH12" s="61">
        <v>2596</v>
      </c>
      <c r="KI12" s="61">
        <v>1997</v>
      </c>
      <c r="KJ12" s="61">
        <v>1676</v>
      </c>
      <c r="KK12" s="61">
        <v>991</v>
      </c>
      <c r="KL12" s="62">
        <v>10085</v>
      </c>
      <c r="KM12" s="63">
        <v>13213</v>
      </c>
    </row>
    <row r="13" spans="2:299" ht="21" customHeight="1" x14ac:dyDescent="0.2">
      <c r="B13" s="437" t="s">
        <v>9</v>
      </c>
      <c r="C13" s="287">
        <v>708</v>
      </c>
      <c r="D13" s="72">
        <v>393</v>
      </c>
      <c r="E13" s="73">
        <v>1101</v>
      </c>
      <c r="F13" s="443">
        <v>0</v>
      </c>
      <c r="G13" s="72">
        <v>885</v>
      </c>
      <c r="H13" s="72">
        <v>566</v>
      </c>
      <c r="I13" s="72">
        <v>473</v>
      </c>
      <c r="J13" s="72">
        <v>362</v>
      </c>
      <c r="K13" s="72">
        <v>225</v>
      </c>
      <c r="L13" s="74">
        <v>2511</v>
      </c>
      <c r="M13" s="75">
        <v>3612</v>
      </c>
      <c r="N13" s="60">
        <v>19</v>
      </c>
      <c r="O13" s="61">
        <v>15</v>
      </c>
      <c r="P13" s="62">
        <v>34</v>
      </c>
      <c r="Q13" s="443">
        <v>0</v>
      </c>
      <c r="R13" s="61">
        <v>27</v>
      </c>
      <c r="S13" s="61">
        <v>20</v>
      </c>
      <c r="T13" s="61">
        <v>17</v>
      </c>
      <c r="U13" s="61">
        <v>13</v>
      </c>
      <c r="V13" s="61">
        <v>16</v>
      </c>
      <c r="W13" s="62">
        <v>93</v>
      </c>
      <c r="X13" s="63">
        <v>127</v>
      </c>
      <c r="Y13" s="60">
        <v>38</v>
      </c>
      <c r="Z13" s="61">
        <v>31</v>
      </c>
      <c r="AA13" s="62">
        <v>69</v>
      </c>
      <c r="AB13" s="443">
        <v>0</v>
      </c>
      <c r="AC13" s="61">
        <v>52</v>
      </c>
      <c r="AD13" s="61">
        <v>35</v>
      </c>
      <c r="AE13" s="61">
        <v>30</v>
      </c>
      <c r="AF13" s="61">
        <v>19</v>
      </c>
      <c r="AG13" s="61">
        <v>24</v>
      </c>
      <c r="AH13" s="62">
        <v>160</v>
      </c>
      <c r="AI13" s="63">
        <v>229</v>
      </c>
      <c r="AJ13" s="60">
        <v>81</v>
      </c>
      <c r="AK13" s="61">
        <v>51</v>
      </c>
      <c r="AL13" s="62">
        <v>132</v>
      </c>
      <c r="AM13" s="443">
        <v>0</v>
      </c>
      <c r="AN13" s="61">
        <v>94</v>
      </c>
      <c r="AO13" s="61">
        <v>68</v>
      </c>
      <c r="AP13" s="61">
        <v>74</v>
      </c>
      <c r="AQ13" s="61">
        <v>47</v>
      </c>
      <c r="AR13" s="61">
        <v>31</v>
      </c>
      <c r="AS13" s="62">
        <v>314</v>
      </c>
      <c r="AT13" s="63">
        <v>446</v>
      </c>
      <c r="AU13" s="60">
        <v>176</v>
      </c>
      <c r="AV13" s="61">
        <v>87</v>
      </c>
      <c r="AW13" s="62">
        <v>263</v>
      </c>
      <c r="AX13" s="443">
        <v>0</v>
      </c>
      <c r="AY13" s="61">
        <v>221</v>
      </c>
      <c r="AZ13" s="61">
        <v>110</v>
      </c>
      <c r="BA13" s="61">
        <v>92</v>
      </c>
      <c r="BB13" s="61">
        <v>60</v>
      </c>
      <c r="BC13" s="61">
        <v>52</v>
      </c>
      <c r="BD13" s="62">
        <v>535</v>
      </c>
      <c r="BE13" s="63">
        <v>798</v>
      </c>
      <c r="BF13" s="60">
        <v>227</v>
      </c>
      <c r="BG13" s="61">
        <v>127</v>
      </c>
      <c r="BH13" s="62">
        <v>354</v>
      </c>
      <c r="BI13" s="443">
        <v>0</v>
      </c>
      <c r="BJ13" s="61">
        <v>260</v>
      </c>
      <c r="BK13" s="61">
        <v>142</v>
      </c>
      <c r="BL13" s="61">
        <v>120</v>
      </c>
      <c r="BM13" s="61">
        <v>104</v>
      </c>
      <c r="BN13" s="61">
        <v>50</v>
      </c>
      <c r="BO13" s="62">
        <v>676</v>
      </c>
      <c r="BP13" s="63">
        <v>1030</v>
      </c>
      <c r="BQ13" s="60">
        <v>167</v>
      </c>
      <c r="BR13" s="61">
        <v>82</v>
      </c>
      <c r="BS13" s="62">
        <v>249</v>
      </c>
      <c r="BT13" s="443">
        <v>0</v>
      </c>
      <c r="BU13" s="61">
        <v>231</v>
      </c>
      <c r="BV13" s="61">
        <v>191</v>
      </c>
      <c r="BW13" s="61">
        <v>140</v>
      </c>
      <c r="BX13" s="61">
        <v>119</v>
      </c>
      <c r="BY13" s="61">
        <v>52</v>
      </c>
      <c r="BZ13" s="62">
        <v>733</v>
      </c>
      <c r="CA13" s="63">
        <v>982</v>
      </c>
      <c r="CB13" s="60">
        <v>5</v>
      </c>
      <c r="CC13" s="61">
        <v>14</v>
      </c>
      <c r="CD13" s="62">
        <v>19</v>
      </c>
      <c r="CE13" s="443">
        <v>0</v>
      </c>
      <c r="CF13" s="61">
        <v>29</v>
      </c>
      <c r="CG13" s="61">
        <v>23</v>
      </c>
      <c r="CH13" s="61">
        <v>15</v>
      </c>
      <c r="CI13" s="61">
        <v>15</v>
      </c>
      <c r="CJ13" s="61">
        <v>11</v>
      </c>
      <c r="CK13" s="62">
        <v>93</v>
      </c>
      <c r="CL13" s="63">
        <v>112</v>
      </c>
      <c r="CM13" s="60">
        <v>713</v>
      </c>
      <c r="CN13" s="61">
        <v>407</v>
      </c>
      <c r="CO13" s="62">
        <v>1120</v>
      </c>
      <c r="CP13" s="443">
        <v>0</v>
      </c>
      <c r="CQ13" s="61">
        <v>914</v>
      </c>
      <c r="CR13" s="61">
        <v>589</v>
      </c>
      <c r="CS13" s="61">
        <v>488</v>
      </c>
      <c r="CT13" s="61">
        <v>377</v>
      </c>
      <c r="CU13" s="61">
        <v>236</v>
      </c>
      <c r="CV13" s="62">
        <v>2604</v>
      </c>
      <c r="CW13" s="63">
        <v>3724</v>
      </c>
      <c r="CX13" s="113">
        <v>1439</v>
      </c>
      <c r="CY13" s="72">
        <v>1029</v>
      </c>
      <c r="CZ13" s="73">
        <v>2468</v>
      </c>
      <c r="DA13" s="443">
        <v>0</v>
      </c>
      <c r="DB13" s="72">
        <v>1680</v>
      </c>
      <c r="DC13" s="72">
        <v>1145</v>
      </c>
      <c r="DD13" s="72">
        <v>971</v>
      </c>
      <c r="DE13" s="72">
        <v>1032</v>
      </c>
      <c r="DF13" s="72">
        <v>772</v>
      </c>
      <c r="DG13" s="74">
        <v>5600</v>
      </c>
      <c r="DH13" s="75">
        <v>8068</v>
      </c>
      <c r="DI13" s="60">
        <v>26</v>
      </c>
      <c r="DJ13" s="61">
        <v>22</v>
      </c>
      <c r="DK13" s="62">
        <v>48</v>
      </c>
      <c r="DL13" s="443">
        <v>0</v>
      </c>
      <c r="DM13" s="61">
        <v>13</v>
      </c>
      <c r="DN13" s="61">
        <v>18</v>
      </c>
      <c r="DO13" s="61">
        <v>17</v>
      </c>
      <c r="DP13" s="61">
        <v>7</v>
      </c>
      <c r="DQ13" s="61">
        <v>13</v>
      </c>
      <c r="DR13" s="62">
        <v>68</v>
      </c>
      <c r="DS13" s="63">
        <v>116</v>
      </c>
      <c r="DT13" s="60">
        <v>59</v>
      </c>
      <c r="DU13" s="61">
        <v>57</v>
      </c>
      <c r="DV13" s="62">
        <v>116</v>
      </c>
      <c r="DW13" s="443">
        <v>0</v>
      </c>
      <c r="DX13" s="61">
        <v>61</v>
      </c>
      <c r="DY13" s="61">
        <v>30</v>
      </c>
      <c r="DZ13" s="61">
        <v>26</v>
      </c>
      <c r="EA13" s="61">
        <v>26</v>
      </c>
      <c r="EB13" s="61">
        <v>25</v>
      </c>
      <c r="EC13" s="62">
        <v>168</v>
      </c>
      <c r="ED13" s="63">
        <v>284</v>
      </c>
      <c r="EE13" s="60">
        <v>199</v>
      </c>
      <c r="EF13" s="61">
        <v>136</v>
      </c>
      <c r="EG13" s="62">
        <v>335</v>
      </c>
      <c r="EH13" s="443">
        <v>0</v>
      </c>
      <c r="EI13" s="61">
        <v>174</v>
      </c>
      <c r="EJ13" s="61">
        <v>98</v>
      </c>
      <c r="EK13" s="61">
        <v>70</v>
      </c>
      <c r="EL13" s="61">
        <v>61</v>
      </c>
      <c r="EM13" s="61">
        <v>72</v>
      </c>
      <c r="EN13" s="62">
        <v>475</v>
      </c>
      <c r="EO13" s="63">
        <v>810</v>
      </c>
      <c r="EP13" s="60">
        <v>377</v>
      </c>
      <c r="EQ13" s="61">
        <v>278</v>
      </c>
      <c r="ER13" s="62">
        <v>655</v>
      </c>
      <c r="ES13" s="443">
        <v>0</v>
      </c>
      <c r="ET13" s="61">
        <v>358</v>
      </c>
      <c r="EU13" s="61">
        <v>212</v>
      </c>
      <c r="EV13" s="61">
        <v>141</v>
      </c>
      <c r="EW13" s="61">
        <v>156</v>
      </c>
      <c r="EX13" s="61">
        <v>117</v>
      </c>
      <c r="EY13" s="62">
        <v>984</v>
      </c>
      <c r="EZ13" s="63">
        <v>1639</v>
      </c>
      <c r="FA13" s="60">
        <v>489</v>
      </c>
      <c r="FB13" s="61">
        <v>301</v>
      </c>
      <c r="FC13" s="62">
        <v>790</v>
      </c>
      <c r="FD13" s="443">
        <v>0</v>
      </c>
      <c r="FE13" s="61">
        <v>480</v>
      </c>
      <c r="FF13" s="61">
        <v>317</v>
      </c>
      <c r="FG13" s="61">
        <v>257</v>
      </c>
      <c r="FH13" s="61">
        <v>261</v>
      </c>
      <c r="FI13" s="61">
        <v>177</v>
      </c>
      <c r="FJ13" s="62">
        <v>1492</v>
      </c>
      <c r="FK13" s="63">
        <v>2282</v>
      </c>
      <c r="FL13" s="60">
        <v>289</v>
      </c>
      <c r="FM13" s="61">
        <v>235</v>
      </c>
      <c r="FN13" s="62">
        <v>524</v>
      </c>
      <c r="FO13" s="443">
        <v>0</v>
      </c>
      <c r="FP13" s="61">
        <v>594</v>
      </c>
      <c r="FQ13" s="61">
        <v>470</v>
      </c>
      <c r="FR13" s="61">
        <v>460</v>
      </c>
      <c r="FS13" s="61">
        <v>521</v>
      </c>
      <c r="FT13" s="61">
        <v>368</v>
      </c>
      <c r="FU13" s="62">
        <v>2413</v>
      </c>
      <c r="FV13" s="63">
        <v>2937</v>
      </c>
      <c r="FW13" s="60">
        <v>4</v>
      </c>
      <c r="FX13" s="61">
        <v>18</v>
      </c>
      <c r="FY13" s="62">
        <v>22</v>
      </c>
      <c r="FZ13" s="443">
        <v>0</v>
      </c>
      <c r="GA13" s="61">
        <v>17</v>
      </c>
      <c r="GB13" s="61">
        <v>17</v>
      </c>
      <c r="GC13" s="61">
        <v>9</v>
      </c>
      <c r="GD13" s="61">
        <v>14</v>
      </c>
      <c r="GE13" s="61">
        <v>11</v>
      </c>
      <c r="GF13" s="62">
        <v>68</v>
      </c>
      <c r="GG13" s="63">
        <v>90</v>
      </c>
      <c r="GH13" s="60">
        <v>1443</v>
      </c>
      <c r="GI13" s="61">
        <v>1047</v>
      </c>
      <c r="GJ13" s="62">
        <v>2490</v>
      </c>
      <c r="GK13" s="443">
        <v>0</v>
      </c>
      <c r="GL13" s="61">
        <v>1697</v>
      </c>
      <c r="GM13" s="61">
        <v>1162</v>
      </c>
      <c r="GN13" s="61">
        <v>980</v>
      </c>
      <c r="GO13" s="61">
        <v>1046</v>
      </c>
      <c r="GP13" s="61">
        <v>783</v>
      </c>
      <c r="GQ13" s="62">
        <v>5668</v>
      </c>
      <c r="GR13" s="63">
        <v>8158</v>
      </c>
      <c r="GS13" s="113">
        <v>2147</v>
      </c>
      <c r="GT13" s="72">
        <v>1422</v>
      </c>
      <c r="GU13" s="73">
        <v>3569</v>
      </c>
      <c r="GV13" s="224">
        <v>0</v>
      </c>
      <c r="GW13" s="72">
        <v>2565</v>
      </c>
      <c r="GX13" s="72">
        <v>1711</v>
      </c>
      <c r="GY13" s="72">
        <v>1444</v>
      </c>
      <c r="GZ13" s="72">
        <v>1394</v>
      </c>
      <c r="HA13" s="72">
        <v>997</v>
      </c>
      <c r="HB13" s="74">
        <v>8111</v>
      </c>
      <c r="HC13" s="75">
        <v>11680</v>
      </c>
      <c r="HD13" s="60">
        <v>45</v>
      </c>
      <c r="HE13" s="61">
        <v>37</v>
      </c>
      <c r="HF13" s="62">
        <v>82</v>
      </c>
      <c r="HG13" s="227">
        <v>0</v>
      </c>
      <c r="HH13" s="61">
        <v>40</v>
      </c>
      <c r="HI13" s="61">
        <v>38</v>
      </c>
      <c r="HJ13" s="61">
        <v>34</v>
      </c>
      <c r="HK13" s="61">
        <v>20</v>
      </c>
      <c r="HL13" s="61">
        <v>29</v>
      </c>
      <c r="HM13" s="62">
        <v>161</v>
      </c>
      <c r="HN13" s="63">
        <v>243</v>
      </c>
      <c r="HO13" s="60">
        <v>97</v>
      </c>
      <c r="HP13" s="61">
        <v>88</v>
      </c>
      <c r="HQ13" s="62">
        <v>185</v>
      </c>
      <c r="HR13" s="443">
        <v>0</v>
      </c>
      <c r="HS13" s="61">
        <v>113</v>
      </c>
      <c r="HT13" s="61">
        <v>65</v>
      </c>
      <c r="HU13" s="61">
        <v>56</v>
      </c>
      <c r="HV13" s="61">
        <v>45</v>
      </c>
      <c r="HW13" s="61">
        <v>49</v>
      </c>
      <c r="HX13" s="62">
        <v>328</v>
      </c>
      <c r="HY13" s="63">
        <v>513</v>
      </c>
      <c r="HZ13" s="60">
        <v>280</v>
      </c>
      <c r="IA13" s="61">
        <v>187</v>
      </c>
      <c r="IB13" s="62">
        <v>467</v>
      </c>
      <c r="IC13" s="443">
        <v>0</v>
      </c>
      <c r="ID13" s="61">
        <v>268</v>
      </c>
      <c r="IE13" s="61">
        <v>166</v>
      </c>
      <c r="IF13" s="61">
        <v>144</v>
      </c>
      <c r="IG13" s="61">
        <v>108</v>
      </c>
      <c r="IH13" s="61">
        <v>103</v>
      </c>
      <c r="II13" s="62">
        <v>789</v>
      </c>
      <c r="IJ13" s="63">
        <v>1256</v>
      </c>
      <c r="IK13" s="60">
        <v>553</v>
      </c>
      <c r="IL13" s="61">
        <v>365</v>
      </c>
      <c r="IM13" s="62">
        <v>918</v>
      </c>
      <c r="IN13" s="443">
        <v>0</v>
      </c>
      <c r="IO13" s="61">
        <v>579</v>
      </c>
      <c r="IP13" s="61">
        <v>322</v>
      </c>
      <c r="IQ13" s="61">
        <v>233</v>
      </c>
      <c r="IR13" s="61">
        <v>216</v>
      </c>
      <c r="IS13" s="61">
        <v>169</v>
      </c>
      <c r="IT13" s="62">
        <v>1519</v>
      </c>
      <c r="IU13" s="63">
        <v>2437</v>
      </c>
      <c r="IV13" s="60">
        <v>716</v>
      </c>
      <c r="IW13" s="61">
        <v>428</v>
      </c>
      <c r="IX13" s="62">
        <v>1144</v>
      </c>
      <c r="IY13" s="443">
        <v>0</v>
      </c>
      <c r="IZ13" s="61">
        <v>740</v>
      </c>
      <c r="JA13" s="61">
        <v>459</v>
      </c>
      <c r="JB13" s="61">
        <v>377</v>
      </c>
      <c r="JC13" s="61">
        <v>365</v>
      </c>
      <c r="JD13" s="61">
        <v>227</v>
      </c>
      <c r="JE13" s="62">
        <v>2168</v>
      </c>
      <c r="JF13" s="63">
        <v>3312</v>
      </c>
      <c r="JG13" s="60">
        <v>456</v>
      </c>
      <c r="JH13" s="61">
        <v>317</v>
      </c>
      <c r="JI13" s="62">
        <v>773</v>
      </c>
      <c r="JJ13" s="443">
        <v>0</v>
      </c>
      <c r="JK13" s="61">
        <v>825</v>
      </c>
      <c r="JL13" s="61">
        <v>661</v>
      </c>
      <c r="JM13" s="61">
        <v>600</v>
      </c>
      <c r="JN13" s="61">
        <v>640</v>
      </c>
      <c r="JO13" s="61">
        <v>420</v>
      </c>
      <c r="JP13" s="62">
        <v>3146</v>
      </c>
      <c r="JQ13" s="63">
        <v>3919</v>
      </c>
      <c r="JR13" s="60">
        <v>9</v>
      </c>
      <c r="JS13" s="61">
        <v>32</v>
      </c>
      <c r="JT13" s="62">
        <v>41</v>
      </c>
      <c r="JU13" s="443">
        <v>0</v>
      </c>
      <c r="JV13" s="61">
        <v>46</v>
      </c>
      <c r="JW13" s="61">
        <v>40</v>
      </c>
      <c r="JX13" s="61">
        <v>24</v>
      </c>
      <c r="JY13" s="61">
        <v>29</v>
      </c>
      <c r="JZ13" s="61">
        <v>22</v>
      </c>
      <c r="KA13" s="62">
        <v>161</v>
      </c>
      <c r="KB13" s="63">
        <v>202</v>
      </c>
      <c r="KC13" s="60">
        <v>2156</v>
      </c>
      <c r="KD13" s="61">
        <v>1454</v>
      </c>
      <c r="KE13" s="62">
        <v>3610</v>
      </c>
      <c r="KF13" s="443">
        <v>0</v>
      </c>
      <c r="KG13" s="61">
        <v>2611</v>
      </c>
      <c r="KH13" s="61">
        <v>1751</v>
      </c>
      <c r="KI13" s="61">
        <v>1468</v>
      </c>
      <c r="KJ13" s="61">
        <v>1423</v>
      </c>
      <c r="KK13" s="61">
        <v>1019</v>
      </c>
      <c r="KL13" s="62">
        <v>8272</v>
      </c>
      <c r="KM13" s="63">
        <v>11882</v>
      </c>
    </row>
    <row r="14" spans="2:299" ht="21" customHeight="1" x14ac:dyDescent="0.2">
      <c r="B14" s="437" t="s">
        <v>10</v>
      </c>
      <c r="C14" s="287">
        <v>1543</v>
      </c>
      <c r="D14" s="72">
        <v>970</v>
      </c>
      <c r="E14" s="73">
        <v>2513</v>
      </c>
      <c r="F14" s="443">
        <v>0</v>
      </c>
      <c r="G14" s="72">
        <v>1803</v>
      </c>
      <c r="H14" s="72">
        <v>1017</v>
      </c>
      <c r="I14" s="72">
        <v>714</v>
      </c>
      <c r="J14" s="72">
        <v>654</v>
      </c>
      <c r="K14" s="72">
        <v>444</v>
      </c>
      <c r="L14" s="74">
        <v>4632</v>
      </c>
      <c r="M14" s="75">
        <v>7145</v>
      </c>
      <c r="N14" s="60">
        <v>63</v>
      </c>
      <c r="O14" s="61">
        <v>58</v>
      </c>
      <c r="P14" s="62">
        <v>121</v>
      </c>
      <c r="Q14" s="443">
        <v>0</v>
      </c>
      <c r="R14" s="61">
        <v>76</v>
      </c>
      <c r="S14" s="61">
        <v>51</v>
      </c>
      <c r="T14" s="61">
        <v>29</v>
      </c>
      <c r="U14" s="61">
        <v>43</v>
      </c>
      <c r="V14" s="61">
        <v>30</v>
      </c>
      <c r="W14" s="62">
        <v>229</v>
      </c>
      <c r="X14" s="63">
        <v>350</v>
      </c>
      <c r="Y14" s="60">
        <v>143</v>
      </c>
      <c r="Z14" s="61">
        <v>83</v>
      </c>
      <c r="AA14" s="62">
        <v>226</v>
      </c>
      <c r="AB14" s="443">
        <v>0</v>
      </c>
      <c r="AC14" s="61">
        <v>165</v>
      </c>
      <c r="AD14" s="61">
        <v>116</v>
      </c>
      <c r="AE14" s="61">
        <v>79</v>
      </c>
      <c r="AF14" s="61">
        <v>55</v>
      </c>
      <c r="AG14" s="61">
        <v>68</v>
      </c>
      <c r="AH14" s="62">
        <v>483</v>
      </c>
      <c r="AI14" s="63">
        <v>709</v>
      </c>
      <c r="AJ14" s="60">
        <v>237</v>
      </c>
      <c r="AK14" s="61">
        <v>161</v>
      </c>
      <c r="AL14" s="62">
        <v>398</v>
      </c>
      <c r="AM14" s="443">
        <v>0</v>
      </c>
      <c r="AN14" s="61">
        <v>294</v>
      </c>
      <c r="AO14" s="61">
        <v>156</v>
      </c>
      <c r="AP14" s="61">
        <v>106</v>
      </c>
      <c r="AQ14" s="61">
        <v>118</v>
      </c>
      <c r="AR14" s="61">
        <v>73</v>
      </c>
      <c r="AS14" s="62">
        <v>747</v>
      </c>
      <c r="AT14" s="63">
        <v>1145</v>
      </c>
      <c r="AU14" s="60">
        <v>385</v>
      </c>
      <c r="AV14" s="61">
        <v>237</v>
      </c>
      <c r="AW14" s="62">
        <v>622</v>
      </c>
      <c r="AX14" s="443">
        <v>0</v>
      </c>
      <c r="AY14" s="61">
        <v>457</v>
      </c>
      <c r="AZ14" s="61">
        <v>234</v>
      </c>
      <c r="BA14" s="61">
        <v>142</v>
      </c>
      <c r="BB14" s="61">
        <v>144</v>
      </c>
      <c r="BC14" s="61">
        <v>105</v>
      </c>
      <c r="BD14" s="62">
        <v>1082</v>
      </c>
      <c r="BE14" s="63">
        <v>1704</v>
      </c>
      <c r="BF14" s="60">
        <v>445</v>
      </c>
      <c r="BG14" s="61">
        <v>264</v>
      </c>
      <c r="BH14" s="62">
        <v>709</v>
      </c>
      <c r="BI14" s="443">
        <v>0</v>
      </c>
      <c r="BJ14" s="61">
        <v>479</v>
      </c>
      <c r="BK14" s="61">
        <v>257</v>
      </c>
      <c r="BL14" s="61">
        <v>169</v>
      </c>
      <c r="BM14" s="61">
        <v>147</v>
      </c>
      <c r="BN14" s="61">
        <v>88</v>
      </c>
      <c r="BO14" s="62">
        <v>1140</v>
      </c>
      <c r="BP14" s="63">
        <v>1849</v>
      </c>
      <c r="BQ14" s="60">
        <v>270</v>
      </c>
      <c r="BR14" s="61">
        <v>167</v>
      </c>
      <c r="BS14" s="62">
        <v>437</v>
      </c>
      <c r="BT14" s="443">
        <v>0</v>
      </c>
      <c r="BU14" s="61">
        <v>332</v>
      </c>
      <c r="BV14" s="61">
        <v>203</v>
      </c>
      <c r="BW14" s="61">
        <v>189</v>
      </c>
      <c r="BX14" s="61">
        <v>147</v>
      </c>
      <c r="BY14" s="61">
        <v>80</v>
      </c>
      <c r="BZ14" s="62">
        <v>951</v>
      </c>
      <c r="CA14" s="63">
        <v>1388</v>
      </c>
      <c r="CB14" s="60">
        <v>52</v>
      </c>
      <c r="CC14" s="61">
        <v>30</v>
      </c>
      <c r="CD14" s="62">
        <v>82</v>
      </c>
      <c r="CE14" s="443">
        <v>0</v>
      </c>
      <c r="CF14" s="61">
        <v>70</v>
      </c>
      <c r="CG14" s="61">
        <v>51</v>
      </c>
      <c r="CH14" s="61">
        <v>35</v>
      </c>
      <c r="CI14" s="61">
        <v>36</v>
      </c>
      <c r="CJ14" s="61">
        <v>35</v>
      </c>
      <c r="CK14" s="62">
        <v>227</v>
      </c>
      <c r="CL14" s="63">
        <v>309</v>
      </c>
      <c r="CM14" s="60">
        <v>1595</v>
      </c>
      <c r="CN14" s="61">
        <v>1000</v>
      </c>
      <c r="CO14" s="62">
        <v>2595</v>
      </c>
      <c r="CP14" s="443">
        <v>0</v>
      </c>
      <c r="CQ14" s="61">
        <v>1873</v>
      </c>
      <c r="CR14" s="61">
        <v>1068</v>
      </c>
      <c r="CS14" s="61">
        <v>749</v>
      </c>
      <c r="CT14" s="61">
        <v>690</v>
      </c>
      <c r="CU14" s="61">
        <v>479</v>
      </c>
      <c r="CV14" s="62">
        <v>4859</v>
      </c>
      <c r="CW14" s="63">
        <v>7454</v>
      </c>
      <c r="CX14" s="113">
        <v>3175</v>
      </c>
      <c r="CY14" s="72">
        <v>2239</v>
      </c>
      <c r="CZ14" s="73">
        <v>5414</v>
      </c>
      <c r="DA14" s="443">
        <v>0</v>
      </c>
      <c r="DB14" s="72">
        <v>3332</v>
      </c>
      <c r="DC14" s="72">
        <v>1825</v>
      </c>
      <c r="DD14" s="72">
        <v>1433</v>
      </c>
      <c r="DE14" s="72">
        <v>1576</v>
      </c>
      <c r="DF14" s="72">
        <v>1215</v>
      </c>
      <c r="DG14" s="74">
        <v>9381</v>
      </c>
      <c r="DH14" s="75">
        <v>14795</v>
      </c>
      <c r="DI14" s="60">
        <v>61</v>
      </c>
      <c r="DJ14" s="61">
        <v>55</v>
      </c>
      <c r="DK14" s="62">
        <v>116</v>
      </c>
      <c r="DL14" s="443">
        <v>0</v>
      </c>
      <c r="DM14" s="61">
        <v>78</v>
      </c>
      <c r="DN14" s="61">
        <v>35</v>
      </c>
      <c r="DO14" s="61">
        <v>18</v>
      </c>
      <c r="DP14" s="61">
        <v>27</v>
      </c>
      <c r="DQ14" s="61">
        <v>24</v>
      </c>
      <c r="DR14" s="62">
        <v>182</v>
      </c>
      <c r="DS14" s="63">
        <v>298</v>
      </c>
      <c r="DT14" s="60">
        <v>188</v>
      </c>
      <c r="DU14" s="61">
        <v>120</v>
      </c>
      <c r="DV14" s="62">
        <v>308</v>
      </c>
      <c r="DW14" s="443">
        <v>0</v>
      </c>
      <c r="DX14" s="61">
        <v>178</v>
      </c>
      <c r="DY14" s="61">
        <v>83</v>
      </c>
      <c r="DZ14" s="61">
        <v>56</v>
      </c>
      <c r="EA14" s="61">
        <v>53</v>
      </c>
      <c r="EB14" s="61">
        <v>48</v>
      </c>
      <c r="EC14" s="62">
        <v>418</v>
      </c>
      <c r="ED14" s="63">
        <v>726</v>
      </c>
      <c r="EE14" s="60">
        <v>454</v>
      </c>
      <c r="EF14" s="61">
        <v>285</v>
      </c>
      <c r="EG14" s="62">
        <v>739</v>
      </c>
      <c r="EH14" s="443">
        <v>0</v>
      </c>
      <c r="EI14" s="61">
        <v>375</v>
      </c>
      <c r="EJ14" s="61">
        <v>196</v>
      </c>
      <c r="EK14" s="61">
        <v>116</v>
      </c>
      <c r="EL14" s="61">
        <v>134</v>
      </c>
      <c r="EM14" s="61">
        <v>101</v>
      </c>
      <c r="EN14" s="62">
        <v>922</v>
      </c>
      <c r="EO14" s="63">
        <v>1661</v>
      </c>
      <c r="EP14" s="60">
        <v>938</v>
      </c>
      <c r="EQ14" s="61">
        <v>591</v>
      </c>
      <c r="ER14" s="62">
        <v>1529</v>
      </c>
      <c r="ES14" s="443">
        <v>0</v>
      </c>
      <c r="ET14" s="61">
        <v>762</v>
      </c>
      <c r="EU14" s="61">
        <v>346</v>
      </c>
      <c r="EV14" s="61">
        <v>261</v>
      </c>
      <c r="EW14" s="61">
        <v>258</v>
      </c>
      <c r="EX14" s="61">
        <v>220</v>
      </c>
      <c r="EY14" s="62">
        <v>1847</v>
      </c>
      <c r="EZ14" s="63">
        <v>3376</v>
      </c>
      <c r="FA14" s="60">
        <v>972</v>
      </c>
      <c r="FB14" s="61">
        <v>669</v>
      </c>
      <c r="FC14" s="62">
        <v>1641</v>
      </c>
      <c r="FD14" s="443">
        <v>0</v>
      </c>
      <c r="FE14" s="61">
        <v>969</v>
      </c>
      <c r="FF14" s="61">
        <v>485</v>
      </c>
      <c r="FG14" s="61">
        <v>389</v>
      </c>
      <c r="FH14" s="61">
        <v>361</v>
      </c>
      <c r="FI14" s="61">
        <v>329</v>
      </c>
      <c r="FJ14" s="62">
        <v>2533</v>
      </c>
      <c r="FK14" s="63">
        <v>4174</v>
      </c>
      <c r="FL14" s="60">
        <v>562</v>
      </c>
      <c r="FM14" s="61">
        <v>519</v>
      </c>
      <c r="FN14" s="62">
        <v>1081</v>
      </c>
      <c r="FO14" s="443">
        <v>0</v>
      </c>
      <c r="FP14" s="61">
        <v>970</v>
      </c>
      <c r="FQ14" s="61">
        <v>680</v>
      </c>
      <c r="FR14" s="61">
        <v>593</v>
      </c>
      <c r="FS14" s="61">
        <v>743</v>
      </c>
      <c r="FT14" s="61">
        <v>493</v>
      </c>
      <c r="FU14" s="62">
        <v>3479</v>
      </c>
      <c r="FV14" s="63">
        <v>4560</v>
      </c>
      <c r="FW14" s="60">
        <v>26</v>
      </c>
      <c r="FX14" s="61">
        <v>47</v>
      </c>
      <c r="FY14" s="62">
        <v>73</v>
      </c>
      <c r="FZ14" s="443">
        <v>0</v>
      </c>
      <c r="GA14" s="61">
        <v>57</v>
      </c>
      <c r="GB14" s="61">
        <v>42</v>
      </c>
      <c r="GC14" s="61">
        <v>28</v>
      </c>
      <c r="GD14" s="61">
        <v>19</v>
      </c>
      <c r="GE14" s="61">
        <v>24</v>
      </c>
      <c r="GF14" s="62">
        <v>170</v>
      </c>
      <c r="GG14" s="63">
        <v>243</v>
      </c>
      <c r="GH14" s="60">
        <v>3201</v>
      </c>
      <c r="GI14" s="61">
        <v>2286</v>
      </c>
      <c r="GJ14" s="62">
        <v>5487</v>
      </c>
      <c r="GK14" s="443">
        <v>0</v>
      </c>
      <c r="GL14" s="61">
        <v>3389</v>
      </c>
      <c r="GM14" s="61">
        <v>1867</v>
      </c>
      <c r="GN14" s="61">
        <v>1461</v>
      </c>
      <c r="GO14" s="61">
        <v>1595</v>
      </c>
      <c r="GP14" s="61">
        <v>1239</v>
      </c>
      <c r="GQ14" s="62">
        <v>9551</v>
      </c>
      <c r="GR14" s="63">
        <v>15038</v>
      </c>
      <c r="GS14" s="113">
        <v>4718</v>
      </c>
      <c r="GT14" s="72">
        <v>3209</v>
      </c>
      <c r="GU14" s="73">
        <v>7927</v>
      </c>
      <c r="GV14" s="224">
        <v>0</v>
      </c>
      <c r="GW14" s="72">
        <v>5135</v>
      </c>
      <c r="GX14" s="72">
        <v>2842</v>
      </c>
      <c r="GY14" s="72">
        <v>2147</v>
      </c>
      <c r="GZ14" s="72">
        <v>2230</v>
      </c>
      <c r="HA14" s="72">
        <v>1659</v>
      </c>
      <c r="HB14" s="74">
        <v>14013</v>
      </c>
      <c r="HC14" s="75">
        <v>21940</v>
      </c>
      <c r="HD14" s="60">
        <v>124</v>
      </c>
      <c r="HE14" s="61">
        <v>113</v>
      </c>
      <c r="HF14" s="62">
        <v>237</v>
      </c>
      <c r="HG14" s="227">
        <v>0</v>
      </c>
      <c r="HH14" s="61">
        <v>154</v>
      </c>
      <c r="HI14" s="61">
        <v>86</v>
      </c>
      <c r="HJ14" s="61">
        <v>47</v>
      </c>
      <c r="HK14" s="61">
        <v>70</v>
      </c>
      <c r="HL14" s="61">
        <v>54</v>
      </c>
      <c r="HM14" s="62">
        <v>411</v>
      </c>
      <c r="HN14" s="63">
        <v>648</v>
      </c>
      <c r="HO14" s="60">
        <v>331</v>
      </c>
      <c r="HP14" s="61">
        <v>203</v>
      </c>
      <c r="HQ14" s="62">
        <v>534</v>
      </c>
      <c r="HR14" s="443">
        <v>0</v>
      </c>
      <c r="HS14" s="61">
        <v>343</v>
      </c>
      <c r="HT14" s="61">
        <v>199</v>
      </c>
      <c r="HU14" s="61">
        <v>135</v>
      </c>
      <c r="HV14" s="61">
        <v>108</v>
      </c>
      <c r="HW14" s="61">
        <v>116</v>
      </c>
      <c r="HX14" s="62">
        <v>901</v>
      </c>
      <c r="HY14" s="63">
        <v>1435</v>
      </c>
      <c r="HZ14" s="60">
        <v>691</v>
      </c>
      <c r="IA14" s="61">
        <v>446</v>
      </c>
      <c r="IB14" s="62">
        <v>1137</v>
      </c>
      <c r="IC14" s="443">
        <v>0</v>
      </c>
      <c r="ID14" s="61">
        <v>669</v>
      </c>
      <c r="IE14" s="61">
        <v>352</v>
      </c>
      <c r="IF14" s="61">
        <v>222</v>
      </c>
      <c r="IG14" s="61">
        <v>252</v>
      </c>
      <c r="IH14" s="61">
        <v>174</v>
      </c>
      <c r="II14" s="62">
        <v>1669</v>
      </c>
      <c r="IJ14" s="63">
        <v>2806</v>
      </c>
      <c r="IK14" s="60">
        <v>1323</v>
      </c>
      <c r="IL14" s="61">
        <v>828</v>
      </c>
      <c r="IM14" s="62">
        <v>2151</v>
      </c>
      <c r="IN14" s="443">
        <v>0</v>
      </c>
      <c r="IO14" s="61">
        <v>1219</v>
      </c>
      <c r="IP14" s="61">
        <v>580</v>
      </c>
      <c r="IQ14" s="61">
        <v>403</v>
      </c>
      <c r="IR14" s="61">
        <v>402</v>
      </c>
      <c r="IS14" s="61">
        <v>325</v>
      </c>
      <c r="IT14" s="62">
        <v>2929</v>
      </c>
      <c r="IU14" s="63">
        <v>5080</v>
      </c>
      <c r="IV14" s="60">
        <v>1417</v>
      </c>
      <c r="IW14" s="61">
        <v>933</v>
      </c>
      <c r="IX14" s="62">
        <v>2350</v>
      </c>
      <c r="IY14" s="443">
        <v>0</v>
      </c>
      <c r="IZ14" s="61">
        <v>1448</v>
      </c>
      <c r="JA14" s="61">
        <v>742</v>
      </c>
      <c r="JB14" s="61">
        <v>558</v>
      </c>
      <c r="JC14" s="61">
        <v>508</v>
      </c>
      <c r="JD14" s="61">
        <v>417</v>
      </c>
      <c r="JE14" s="62">
        <v>3673</v>
      </c>
      <c r="JF14" s="63">
        <v>6023</v>
      </c>
      <c r="JG14" s="60">
        <v>832</v>
      </c>
      <c r="JH14" s="61">
        <v>686</v>
      </c>
      <c r="JI14" s="62">
        <v>1518</v>
      </c>
      <c r="JJ14" s="443">
        <v>0</v>
      </c>
      <c r="JK14" s="61">
        <v>1302</v>
      </c>
      <c r="JL14" s="61">
        <v>883</v>
      </c>
      <c r="JM14" s="61">
        <v>782</v>
      </c>
      <c r="JN14" s="61">
        <v>890</v>
      </c>
      <c r="JO14" s="61">
        <v>573</v>
      </c>
      <c r="JP14" s="62">
        <v>4430</v>
      </c>
      <c r="JQ14" s="63">
        <v>5948</v>
      </c>
      <c r="JR14" s="60">
        <v>78</v>
      </c>
      <c r="JS14" s="61">
        <v>77</v>
      </c>
      <c r="JT14" s="62">
        <v>155</v>
      </c>
      <c r="JU14" s="443">
        <v>0</v>
      </c>
      <c r="JV14" s="61">
        <v>127</v>
      </c>
      <c r="JW14" s="61">
        <v>93</v>
      </c>
      <c r="JX14" s="61">
        <v>63</v>
      </c>
      <c r="JY14" s="61">
        <v>55</v>
      </c>
      <c r="JZ14" s="61">
        <v>59</v>
      </c>
      <c r="KA14" s="62">
        <v>397</v>
      </c>
      <c r="KB14" s="63">
        <v>552</v>
      </c>
      <c r="KC14" s="60">
        <v>4796</v>
      </c>
      <c r="KD14" s="61">
        <v>3286</v>
      </c>
      <c r="KE14" s="62">
        <v>8082</v>
      </c>
      <c r="KF14" s="443">
        <v>0</v>
      </c>
      <c r="KG14" s="61">
        <v>5262</v>
      </c>
      <c r="KH14" s="61">
        <v>2935</v>
      </c>
      <c r="KI14" s="61">
        <v>2210</v>
      </c>
      <c r="KJ14" s="61">
        <v>2285</v>
      </c>
      <c r="KK14" s="61">
        <v>1718</v>
      </c>
      <c r="KL14" s="62">
        <v>14410</v>
      </c>
      <c r="KM14" s="63">
        <v>22492</v>
      </c>
    </row>
    <row r="15" spans="2:299" ht="21" customHeight="1" x14ac:dyDescent="0.2">
      <c r="B15" s="437" t="s">
        <v>11</v>
      </c>
      <c r="C15" s="287">
        <v>461</v>
      </c>
      <c r="D15" s="72">
        <v>351</v>
      </c>
      <c r="E15" s="73">
        <v>812</v>
      </c>
      <c r="F15" s="443">
        <v>0</v>
      </c>
      <c r="G15" s="72">
        <v>901</v>
      </c>
      <c r="H15" s="72">
        <v>584</v>
      </c>
      <c r="I15" s="72">
        <v>463</v>
      </c>
      <c r="J15" s="72">
        <v>460</v>
      </c>
      <c r="K15" s="72">
        <v>224</v>
      </c>
      <c r="L15" s="74">
        <v>2632</v>
      </c>
      <c r="M15" s="75">
        <v>3444</v>
      </c>
      <c r="N15" s="60">
        <v>17</v>
      </c>
      <c r="O15" s="61">
        <v>15</v>
      </c>
      <c r="P15" s="62">
        <v>32</v>
      </c>
      <c r="Q15" s="443">
        <v>0</v>
      </c>
      <c r="R15" s="61">
        <v>53</v>
      </c>
      <c r="S15" s="61">
        <v>20</v>
      </c>
      <c r="T15" s="61">
        <v>19</v>
      </c>
      <c r="U15" s="61">
        <v>22</v>
      </c>
      <c r="V15" s="61">
        <v>14</v>
      </c>
      <c r="W15" s="62">
        <v>128</v>
      </c>
      <c r="X15" s="63">
        <v>160</v>
      </c>
      <c r="Y15" s="60">
        <v>46</v>
      </c>
      <c r="Z15" s="61">
        <v>31</v>
      </c>
      <c r="AA15" s="62">
        <v>77</v>
      </c>
      <c r="AB15" s="443">
        <v>0</v>
      </c>
      <c r="AC15" s="61">
        <v>93</v>
      </c>
      <c r="AD15" s="61">
        <v>62</v>
      </c>
      <c r="AE15" s="61">
        <v>57</v>
      </c>
      <c r="AF15" s="61">
        <v>42</v>
      </c>
      <c r="AG15" s="61">
        <v>23</v>
      </c>
      <c r="AH15" s="62">
        <v>277</v>
      </c>
      <c r="AI15" s="63">
        <v>354</v>
      </c>
      <c r="AJ15" s="60">
        <v>60</v>
      </c>
      <c r="AK15" s="61">
        <v>68</v>
      </c>
      <c r="AL15" s="62">
        <v>128</v>
      </c>
      <c r="AM15" s="443">
        <v>0</v>
      </c>
      <c r="AN15" s="61">
        <v>143</v>
      </c>
      <c r="AO15" s="61">
        <v>92</v>
      </c>
      <c r="AP15" s="61">
        <v>71</v>
      </c>
      <c r="AQ15" s="61">
        <v>83</v>
      </c>
      <c r="AR15" s="61">
        <v>29</v>
      </c>
      <c r="AS15" s="62">
        <v>418</v>
      </c>
      <c r="AT15" s="63">
        <v>546</v>
      </c>
      <c r="AU15" s="60">
        <v>112</v>
      </c>
      <c r="AV15" s="61">
        <v>98</v>
      </c>
      <c r="AW15" s="62">
        <v>210</v>
      </c>
      <c r="AX15" s="443">
        <v>0</v>
      </c>
      <c r="AY15" s="61">
        <v>231</v>
      </c>
      <c r="AZ15" s="61">
        <v>150</v>
      </c>
      <c r="BA15" s="61">
        <v>120</v>
      </c>
      <c r="BB15" s="61">
        <v>113</v>
      </c>
      <c r="BC15" s="61">
        <v>56</v>
      </c>
      <c r="BD15" s="62">
        <v>670</v>
      </c>
      <c r="BE15" s="63">
        <v>880</v>
      </c>
      <c r="BF15" s="60">
        <v>137</v>
      </c>
      <c r="BG15" s="61">
        <v>80</v>
      </c>
      <c r="BH15" s="62">
        <v>217</v>
      </c>
      <c r="BI15" s="443">
        <v>0</v>
      </c>
      <c r="BJ15" s="61">
        <v>208</v>
      </c>
      <c r="BK15" s="61">
        <v>143</v>
      </c>
      <c r="BL15" s="61">
        <v>106</v>
      </c>
      <c r="BM15" s="61">
        <v>117</v>
      </c>
      <c r="BN15" s="61">
        <v>52</v>
      </c>
      <c r="BO15" s="62">
        <v>626</v>
      </c>
      <c r="BP15" s="63">
        <v>843</v>
      </c>
      <c r="BQ15" s="60">
        <v>89</v>
      </c>
      <c r="BR15" s="61">
        <v>59</v>
      </c>
      <c r="BS15" s="62">
        <v>148</v>
      </c>
      <c r="BT15" s="443">
        <v>0</v>
      </c>
      <c r="BU15" s="61">
        <v>173</v>
      </c>
      <c r="BV15" s="61">
        <v>117</v>
      </c>
      <c r="BW15" s="61">
        <v>90</v>
      </c>
      <c r="BX15" s="61">
        <v>83</v>
      </c>
      <c r="BY15" s="61">
        <v>50</v>
      </c>
      <c r="BZ15" s="62">
        <v>513</v>
      </c>
      <c r="CA15" s="63">
        <v>661</v>
      </c>
      <c r="CB15" s="60">
        <v>9</v>
      </c>
      <c r="CC15" s="61">
        <v>11</v>
      </c>
      <c r="CD15" s="62">
        <v>20</v>
      </c>
      <c r="CE15" s="443">
        <v>0</v>
      </c>
      <c r="CF15" s="61">
        <v>29</v>
      </c>
      <c r="CG15" s="61">
        <v>16</v>
      </c>
      <c r="CH15" s="61">
        <v>14</v>
      </c>
      <c r="CI15" s="61">
        <v>17</v>
      </c>
      <c r="CJ15" s="61">
        <v>14</v>
      </c>
      <c r="CK15" s="62">
        <v>90</v>
      </c>
      <c r="CL15" s="63">
        <v>110</v>
      </c>
      <c r="CM15" s="60">
        <v>470</v>
      </c>
      <c r="CN15" s="61">
        <v>362</v>
      </c>
      <c r="CO15" s="62">
        <v>832</v>
      </c>
      <c r="CP15" s="443">
        <v>0</v>
      </c>
      <c r="CQ15" s="61">
        <v>930</v>
      </c>
      <c r="CR15" s="61">
        <v>600</v>
      </c>
      <c r="CS15" s="61">
        <v>477</v>
      </c>
      <c r="CT15" s="61">
        <v>477</v>
      </c>
      <c r="CU15" s="61">
        <v>238</v>
      </c>
      <c r="CV15" s="62">
        <v>2722</v>
      </c>
      <c r="CW15" s="63">
        <v>3554</v>
      </c>
      <c r="CX15" s="113">
        <v>951</v>
      </c>
      <c r="CY15" s="72">
        <v>824</v>
      </c>
      <c r="CZ15" s="73">
        <v>1775</v>
      </c>
      <c r="DA15" s="443">
        <v>0</v>
      </c>
      <c r="DB15" s="72">
        <v>1734</v>
      </c>
      <c r="DC15" s="72">
        <v>1089</v>
      </c>
      <c r="DD15" s="72">
        <v>958</v>
      </c>
      <c r="DE15" s="72">
        <v>970</v>
      </c>
      <c r="DF15" s="72">
        <v>584</v>
      </c>
      <c r="DG15" s="74">
        <v>5335</v>
      </c>
      <c r="DH15" s="75">
        <v>7110</v>
      </c>
      <c r="DI15" s="60">
        <v>20</v>
      </c>
      <c r="DJ15" s="61">
        <v>14</v>
      </c>
      <c r="DK15" s="62">
        <v>34</v>
      </c>
      <c r="DL15" s="443">
        <v>0</v>
      </c>
      <c r="DM15" s="61">
        <v>38</v>
      </c>
      <c r="DN15" s="61">
        <v>21</v>
      </c>
      <c r="DO15" s="61">
        <v>14</v>
      </c>
      <c r="DP15" s="61">
        <v>21</v>
      </c>
      <c r="DQ15" s="61">
        <v>20</v>
      </c>
      <c r="DR15" s="62">
        <v>114</v>
      </c>
      <c r="DS15" s="63">
        <v>148</v>
      </c>
      <c r="DT15" s="60">
        <v>57</v>
      </c>
      <c r="DU15" s="61">
        <v>60</v>
      </c>
      <c r="DV15" s="62">
        <v>117</v>
      </c>
      <c r="DW15" s="443">
        <v>0</v>
      </c>
      <c r="DX15" s="61">
        <v>91</v>
      </c>
      <c r="DY15" s="61">
        <v>45</v>
      </c>
      <c r="DZ15" s="61">
        <v>47</v>
      </c>
      <c r="EA15" s="61">
        <v>50</v>
      </c>
      <c r="EB15" s="61">
        <v>26</v>
      </c>
      <c r="EC15" s="62">
        <v>259</v>
      </c>
      <c r="ED15" s="63">
        <v>376</v>
      </c>
      <c r="EE15" s="60">
        <v>135</v>
      </c>
      <c r="EF15" s="61">
        <v>107</v>
      </c>
      <c r="EG15" s="62">
        <v>242</v>
      </c>
      <c r="EH15" s="443">
        <v>0</v>
      </c>
      <c r="EI15" s="61">
        <v>168</v>
      </c>
      <c r="EJ15" s="61">
        <v>116</v>
      </c>
      <c r="EK15" s="61">
        <v>81</v>
      </c>
      <c r="EL15" s="61">
        <v>80</v>
      </c>
      <c r="EM15" s="61">
        <v>60</v>
      </c>
      <c r="EN15" s="62">
        <v>505</v>
      </c>
      <c r="EO15" s="63">
        <v>747</v>
      </c>
      <c r="EP15" s="60">
        <v>262</v>
      </c>
      <c r="EQ15" s="61">
        <v>226</v>
      </c>
      <c r="ER15" s="62">
        <v>488</v>
      </c>
      <c r="ES15" s="443">
        <v>0</v>
      </c>
      <c r="ET15" s="61">
        <v>397</v>
      </c>
      <c r="EU15" s="61">
        <v>226</v>
      </c>
      <c r="EV15" s="61">
        <v>177</v>
      </c>
      <c r="EW15" s="61">
        <v>161</v>
      </c>
      <c r="EX15" s="61">
        <v>113</v>
      </c>
      <c r="EY15" s="62">
        <v>1074</v>
      </c>
      <c r="EZ15" s="63">
        <v>1562</v>
      </c>
      <c r="FA15" s="60">
        <v>290</v>
      </c>
      <c r="FB15" s="61">
        <v>250</v>
      </c>
      <c r="FC15" s="62">
        <v>540</v>
      </c>
      <c r="FD15" s="443">
        <v>0</v>
      </c>
      <c r="FE15" s="61">
        <v>549</v>
      </c>
      <c r="FF15" s="61">
        <v>290</v>
      </c>
      <c r="FG15" s="61">
        <v>240</v>
      </c>
      <c r="FH15" s="61">
        <v>207</v>
      </c>
      <c r="FI15" s="61">
        <v>132</v>
      </c>
      <c r="FJ15" s="62">
        <v>1418</v>
      </c>
      <c r="FK15" s="63">
        <v>1958</v>
      </c>
      <c r="FL15" s="60">
        <v>187</v>
      </c>
      <c r="FM15" s="61">
        <v>167</v>
      </c>
      <c r="FN15" s="62">
        <v>354</v>
      </c>
      <c r="FO15" s="443">
        <v>0</v>
      </c>
      <c r="FP15" s="61">
        <v>491</v>
      </c>
      <c r="FQ15" s="61">
        <v>391</v>
      </c>
      <c r="FR15" s="61">
        <v>399</v>
      </c>
      <c r="FS15" s="61">
        <v>451</v>
      </c>
      <c r="FT15" s="61">
        <v>233</v>
      </c>
      <c r="FU15" s="62">
        <v>1965</v>
      </c>
      <c r="FV15" s="63">
        <v>2319</v>
      </c>
      <c r="FW15" s="60">
        <v>15</v>
      </c>
      <c r="FX15" s="61">
        <v>10</v>
      </c>
      <c r="FY15" s="62">
        <v>25</v>
      </c>
      <c r="FZ15" s="443">
        <v>0</v>
      </c>
      <c r="GA15" s="61">
        <v>25</v>
      </c>
      <c r="GB15" s="61">
        <v>15</v>
      </c>
      <c r="GC15" s="61">
        <v>21</v>
      </c>
      <c r="GD15" s="61">
        <v>8</v>
      </c>
      <c r="GE15" s="61">
        <v>10</v>
      </c>
      <c r="GF15" s="62">
        <v>79</v>
      </c>
      <c r="GG15" s="63">
        <v>104</v>
      </c>
      <c r="GH15" s="60">
        <v>966</v>
      </c>
      <c r="GI15" s="61">
        <v>834</v>
      </c>
      <c r="GJ15" s="62">
        <v>1800</v>
      </c>
      <c r="GK15" s="443">
        <v>0</v>
      </c>
      <c r="GL15" s="61">
        <v>1759</v>
      </c>
      <c r="GM15" s="61">
        <v>1104</v>
      </c>
      <c r="GN15" s="61">
        <v>979</v>
      </c>
      <c r="GO15" s="61">
        <v>978</v>
      </c>
      <c r="GP15" s="61">
        <v>594</v>
      </c>
      <c r="GQ15" s="62">
        <v>5414</v>
      </c>
      <c r="GR15" s="63">
        <v>7214</v>
      </c>
      <c r="GS15" s="113">
        <v>1412</v>
      </c>
      <c r="GT15" s="72">
        <v>1175</v>
      </c>
      <c r="GU15" s="73">
        <v>2587</v>
      </c>
      <c r="GV15" s="224">
        <v>0</v>
      </c>
      <c r="GW15" s="72">
        <v>2635</v>
      </c>
      <c r="GX15" s="72">
        <v>1673</v>
      </c>
      <c r="GY15" s="72">
        <v>1421</v>
      </c>
      <c r="GZ15" s="72">
        <v>1430</v>
      </c>
      <c r="HA15" s="72">
        <v>808</v>
      </c>
      <c r="HB15" s="74">
        <v>7967</v>
      </c>
      <c r="HC15" s="75">
        <v>10554</v>
      </c>
      <c r="HD15" s="60">
        <v>37</v>
      </c>
      <c r="HE15" s="61">
        <v>29</v>
      </c>
      <c r="HF15" s="62">
        <v>66</v>
      </c>
      <c r="HG15" s="227">
        <v>0</v>
      </c>
      <c r="HH15" s="61">
        <v>91</v>
      </c>
      <c r="HI15" s="61">
        <v>41</v>
      </c>
      <c r="HJ15" s="61">
        <v>33</v>
      </c>
      <c r="HK15" s="61">
        <v>43</v>
      </c>
      <c r="HL15" s="61">
        <v>34</v>
      </c>
      <c r="HM15" s="62">
        <v>242</v>
      </c>
      <c r="HN15" s="63">
        <v>308</v>
      </c>
      <c r="HO15" s="60">
        <v>103</v>
      </c>
      <c r="HP15" s="61">
        <v>91</v>
      </c>
      <c r="HQ15" s="62">
        <v>194</v>
      </c>
      <c r="HR15" s="443">
        <v>0</v>
      </c>
      <c r="HS15" s="61">
        <v>184</v>
      </c>
      <c r="HT15" s="61">
        <v>107</v>
      </c>
      <c r="HU15" s="61">
        <v>104</v>
      </c>
      <c r="HV15" s="61">
        <v>92</v>
      </c>
      <c r="HW15" s="61">
        <v>49</v>
      </c>
      <c r="HX15" s="62">
        <v>536</v>
      </c>
      <c r="HY15" s="63">
        <v>730</v>
      </c>
      <c r="HZ15" s="60">
        <v>195</v>
      </c>
      <c r="IA15" s="61">
        <v>175</v>
      </c>
      <c r="IB15" s="62">
        <v>370</v>
      </c>
      <c r="IC15" s="443">
        <v>0</v>
      </c>
      <c r="ID15" s="61">
        <v>311</v>
      </c>
      <c r="IE15" s="61">
        <v>208</v>
      </c>
      <c r="IF15" s="61">
        <v>152</v>
      </c>
      <c r="IG15" s="61">
        <v>163</v>
      </c>
      <c r="IH15" s="61">
        <v>89</v>
      </c>
      <c r="II15" s="62">
        <v>923</v>
      </c>
      <c r="IJ15" s="63">
        <v>1293</v>
      </c>
      <c r="IK15" s="60">
        <v>374</v>
      </c>
      <c r="IL15" s="61">
        <v>324</v>
      </c>
      <c r="IM15" s="62">
        <v>698</v>
      </c>
      <c r="IN15" s="443">
        <v>0</v>
      </c>
      <c r="IO15" s="61">
        <v>628</v>
      </c>
      <c r="IP15" s="61">
        <v>376</v>
      </c>
      <c r="IQ15" s="61">
        <v>297</v>
      </c>
      <c r="IR15" s="61">
        <v>274</v>
      </c>
      <c r="IS15" s="61">
        <v>169</v>
      </c>
      <c r="IT15" s="62">
        <v>1744</v>
      </c>
      <c r="IU15" s="63">
        <v>2442</v>
      </c>
      <c r="IV15" s="60">
        <v>427</v>
      </c>
      <c r="IW15" s="61">
        <v>330</v>
      </c>
      <c r="IX15" s="62">
        <v>757</v>
      </c>
      <c r="IY15" s="443">
        <v>0</v>
      </c>
      <c r="IZ15" s="61">
        <v>757</v>
      </c>
      <c r="JA15" s="61">
        <v>433</v>
      </c>
      <c r="JB15" s="61">
        <v>346</v>
      </c>
      <c r="JC15" s="61">
        <v>324</v>
      </c>
      <c r="JD15" s="61">
        <v>184</v>
      </c>
      <c r="JE15" s="62">
        <v>2044</v>
      </c>
      <c r="JF15" s="63">
        <v>2801</v>
      </c>
      <c r="JG15" s="60">
        <v>276</v>
      </c>
      <c r="JH15" s="61">
        <v>226</v>
      </c>
      <c r="JI15" s="62">
        <v>502</v>
      </c>
      <c r="JJ15" s="443">
        <v>0</v>
      </c>
      <c r="JK15" s="61">
        <v>664</v>
      </c>
      <c r="JL15" s="61">
        <v>508</v>
      </c>
      <c r="JM15" s="61">
        <v>489</v>
      </c>
      <c r="JN15" s="61">
        <v>534</v>
      </c>
      <c r="JO15" s="61">
        <v>283</v>
      </c>
      <c r="JP15" s="62">
        <v>2478</v>
      </c>
      <c r="JQ15" s="63">
        <v>2980</v>
      </c>
      <c r="JR15" s="60">
        <v>24</v>
      </c>
      <c r="JS15" s="61">
        <v>21</v>
      </c>
      <c r="JT15" s="62">
        <v>45</v>
      </c>
      <c r="JU15" s="443">
        <v>0</v>
      </c>
      <c r="JV15" s="61">
        <v>54</v>
      </c>
      <c r="JW15" s="61">
        <v>31</v>
      </c>
      <c r="JX15" s="61">
        <v>35</v>
      </c>
      <c r="JY15" s="61">
        <v>25</v>
      </c>
      <c r="JZ15" s="61">
        <v>24</v>
      </c>
      <c r="KA15" s="62">
        <v>169</v>
      </c>
      <c r="KB15" s="63">
        <v>214</v>
      </c>
      <c r="KC15" s="60">
        <v>1436</v>
      </c>
      <c r="KD15" s="61">
        <v>1196</v>
      </c>
      <c r="KE15" s="62">
        <v>2632</v>
      </c>
      <c r="KF15" s="443">
        <v>0</v>
      </c>
      <c r="KG15" s="61">
        <v>2689</v>
      </c>
      <c r="KH15" s="61">
        <v>1704</v>
      </c>
      <c r="KI15" s="61">
        <v>1456</v>
      </c>
      <c r="KJ15" s="61">
        <v>1455</v>
      </c>
      <c r="KK15" s="61">
        <v>832</v>
      </c>
      <c r="KL15" s="62">
        <v>8136</v>
      </c>
      <c r="KM15" s="63">
        <v>10768</v>
      </c>
    </row>
    <row r="16" spans="2:299" ht="21" customHeight="1" x14ac:dyDescent="0.2">
      <c r="B16" s="437" t="s">
        <v>12</v>
      </c>
      <c r="C16" s="287">
        <v>708</v>
      </c>
      <c r="D16" s="72">
        <v>652</v>
      </c>
      <c r="E16" s="73">
        <v>1360</v>
      </c>
      <c r="F16" s="443">
        <v>0</v>
      </c>
      <c r="G16" s="72">
        <v>725</v>
      </c>
      <c r="H16" s="72">
        <v>677</v>
      </c>
      <c r="I16" s="72">
        <v>471</v>
      </c>
      <c r="J16" s="72">
        <v>455</v>
      </c>
      <c r="K16" s="72">
        <v>226</v>
      </c>
      <c r="L16" s="74">
        <v>2554</v>
      </c>
      <c r="M16" s="75">
        <v>3914</v>
      </c>
      <c r="N16" s="76">
        <v>24</v>
      </c>
      <c r="O16" s="61">
        <v>26</v>
      </c>
      <c r="P16" s="62">
        <v>50</v>
      </c>
      <c r="Q16" s="443">
        <v>0</v>
      </c>
      <c r="R16" s="61">
        <v>17</v>
      </c>
      <c r="S16" s="61">
        <v>27</v>
      </c>
      <c r="T16" s="61">
        <v>17</v>
      </c>
      <c r="U16" s="61">
        <v>21</v>
      </c>
      <c r="V16" s="61">
        <v>9</v>
      </c>
      <c r="W16" s="62">
        <v>91</v>
      </c>
      <c r="X16" s="63">
        <v>141</v>
      </c>
      <c r="Y16" s="60">
        <v>60</v>
      </c>
      <c r="Z16" s="61">
        <v>65</v>
      </c>
      <c r="AA16" s="62">
        <v>125</v>
      </c>
      <c r="AB16" s="443">
        <v>0</v>
      </c>
      <c r="AC16" s="61">
        <v>45</v>
      </c>
      <c r="AD16" s="61">
        <v>61</v>
      </c>
      <c r="AE16" s="61">
        <v>34</v>
      </c>
      <c r="AF16" s="61">
        <v>46</v>
      </c>
      <c r="AG16" s="61">
        <v>19</v>
      </c>
      <c r="AH16" s="62">
        <v>205</v>
      </c>
      <c r="AI16" s="63">
        <v>330</v>
      </c>
      <c r="AJ16" s="76">
        <v>88</v>
      </c>
      <c r="AK16" s="61">
        <v>92</v>
      </c>
      <c r="AL16" s="62">
        <v>180</v>
      </c>
      <c r="AM16" s="443">
        <v>0</v>
      </c>
      <c r="AN16" s="61">
        <v>98</v>
      </c>
      <c r="AO16" s="61">
        <v>90</v>
      </c>
      <c r="AP16" s="61">
        <v>68</v>
      </c>
      <c r="AQ16" s="61">
        <v>61</v>
      </c>
      <c r="AR16" s="61">
        <v>40</v>
      </c>
      <c r="AS16" s="62">
        <v>357</v>
      </c>
      <c r="AT16" s="63">
        <v>537</v>
      </c>
      <c r="AU16" s="60">
        <v>188</v>
      </c>
      <c r="AV16" s="61">
        <v>176</v>
      </c>
      <c r="AW16" s="62">
        <v>364</v>
      </c>
      <c r="AX16" s="443">
        <v>0</v>
      </c>
      <c r="AY16" s="61">
        <v>179</v>
      </c>
      <c r="AZ16" s="61">
        <v>172</v>
      </c>
      <c r="BA16" s="61">
        <v>119</v>
      </c>
      <c r="BB16" s="61">
        <v>102</v>
      </c>
      <c r="BC16" s="61">
        <v>55</v>
      </c>
      <c r="BD16" s="62">
        <v>627</v>
      </c>
      <c r="BE16" s="63">
        <v>991</v>
      </c>
      <c r="BF16" s="76">
        <v>217</v>
      </c>
      <c r="BG16" s="61">
        <v>161</v>
      </c>
      <c r="BH16" s="62">
        <v>378</v>
      </c>
      <c r="BI16" s="443">
        <v>0</v>
      </c>
      <c r="BJ16" s="61">
        <v>216</v>
      </c>
      <c r="BK16" s="61">
        <v>175</v>
      </c>
      <c r="BL16" s="61">
        <v>127</v>
      </c>
      <c r="BM16" s="61">
        <v>117</v>
      </c>
      <c r="BN16" s="61">
        <v>60</v>
      </c>
      <c r="BO16" s="62">
        <v>695</v>
      </c>
      <c r="BP16" s="63">
        <v>1073</v>
      </c>
      <c r="BQ16" s="60">
        <v>131</v>
      </c>
      <c r="BR16" s="61">
        <v>132</v>
      </c>
      <c r="BS16" s="62">
        <v>263</v>
      </c>
      <c r="BT16" s="443">
        <v>0</v>
      </c>
      <c r="BU16" s="61">
        <v>170</v>
      </c>
      <c r="BV16" s="61">
        <v>152</v>
      </c>
      <c r="BW16" s="61">
        <v>106</v>
      </c>
      <c r="BX16" s="61">
        <v>108</v>
      </c>
      <c r="BY16" s="61">
        <v>43</v>
      </c>
      <c r="BZ16" s="62">
        <v>579</v>
      </c>
      <c r="CA16" s="63">
        <v>842</v>
      </c>
      <c r="CB16" s="60">
        <v>18</v>
      </c>
      <c r="CC16" s="61">
        <v>35</v>
      </c>
      <c r="CD16" s="62">
        <v>53</v>
      </c>
      <c r="CE16" s="443">
        <v>0</v>
      </c>
      <c r="CF16" s="61">
        <v>16</v>
      </c>
      <c r="CG16" s="61">
        <v>32</v>
      </c>
      <c r="CH16" s="61">
        <v>17</v>
      </c>
      <c r="CI16" s="61">
        <v>12</v>
      </c>
      <c r="CJ16" s="61">
        <v>17</v>
      </c>
      <c r="CK16" s="62">
        <v>94</v>
      </c>
      <c r="CL16" s="63">
        <v>147</v>
      </c>
      <c r="CM16" s="60">
        <v>726</v>
      </c>
      <c r="CN16" s="61">
        <v>687</v>
      </c>
      <c r="CO16" s="62">
        <v>1413</v>
      </c>
      <c r="CP16" s="443">
        <v>0</v>
      </c>
      <c r="CQ16" s="61">
        <v>741</v>
      </c>
      <c r="CR16" s="61">
        <v>709</v>
      </c>
      <c r="CS16" s="61">
        <v>488</v>
      </c>
      <c r="CT16" s="61">
        <v>467</v>
      </c>
      <c r="CU16" s="61">
        <v>243</v>
      </c>
      <c r="CV16" s="62">
        <v>2648</v>
      </c>
      <c r="CW16" s="63">
        <v>4061</v>
      </c>
      <c r="CX16" s="113">
        <v>1364</v>
      </c>
      <c r="CY16" s="72">
        <v>1435</v>
      </c>
      <c r="CZ16" s="73">
        <v>2799</v>
      </c>
      <c r="DA16" s="443">
        <v>0</v>
      </c>
      <c r="DB16" s="72">
        <v>1544</v>
      </c>
      <c r="DC16" s="72">
        <v>1134</v>
      </c>
      <c r="DD16" s="72">
        <v>985</v>
      </c>
      <c r="DE16" s="72">
        <v>1043</v>
      </c>
      <c r="DF16" s="72">
        <v>673</v>
      </c>
      <c r="DG16" s="74">
        <v>5379</v>
      </c>
      <c r="DH16" s="75">
        <v>8178</v>
      </c>
      <c r="DI16" s="76">
        <v>20</v>
      </c>
      <c r="DJ16" s="61">
        <v>30</v>
      </c>
      <c r="DK16" s="62">
        <v>50</v>
      </c>
      <c r="DL16" s="443">
        <v>0</v>
      </c>
      <c r="DM16" s="61">
        <v>25</v>
      </c>
      <c r="DN16" s="61">
        <v>18</v>
      </c>
      <c r="DO16" s="61">
        <v>15</v>
      </c>
      <c r="DP16" s="61">
        <v>13</v>
      </c>
      <c r="DQ16" s="61">
        <v>12</v>
      </c>
      <c r="DR16" s="62">
        <v>83</v>
      </c>
      <c r="DS16" s="63">
        <v>133</v>
      </c>
      <c r="DT16" s="60">
        <v>86</v>
      </c>
      <c r="DU16" s="61">
        <v>81</v>
      </c>
      <c r="DV16" s="62">
        <v>167</v>
      </c>
      <c r="DW16" s="443">
        <v>0</v>
      </c>
      <c r="DX16" s="61">
        <v>47</v>
      </c>
      <c r="DY16" s="61">
        <v>53</v>
      </c>
      <c r="DZ16" s="61">
        <v>41</v>
      </c>
      <c r="EA16" s="61">
        <v>42</v>
      </c>
      <c r="EB16" s="61">
        <v>32</v>
      </c>
      <c r="EC16" s="62">
        <v>215</v>
      </c>
      <c r="ED16" s="63">
        <v>382</v>
      </c>
      <c r="EE16" s="76">
        <v>189</v>
      </c>
      <c r="EF16" s="61">
        <v>207</v>
      </c>
      <c r="EG16" s="62">
        <v>396</v>
      </c>
      <c r="EH16" s="443">
        <v>0</v>
      </c>
      <c r="EI16" s="61">
        <v>150</v>
      </c>
      <c r="EJ16" s="61">
        <v>101</v>
      </c>
      <c r="EK16" s="61">
        <v>76</v>
      </c>
      <c r="EL16" s="61">
        <v>101</v>
      </c>
      <c r="EM16" s="61">
        <v>73</v>
      </c>
      <c r="EN16" s="62">
        <v>501</v>
      </c>
      <c r="EO16" s="63">
        <v>897</v>
      </c>
      <c r="EP16" s="60">
        <v>414</v>
      </c>
      <c r="EQ16" s="61">
        <v>398</v>
      </c>
      <c r="ER16" s="62">
        <v>812</v>
      </c>
      <c r="ES16" s="443">
        <v>0</v>
      </c>
      <c r="ET16" s="61">
        <v>356</v>
      </c>
      <c r="EU16" s="61">
        <v>237</v>
      </c>
      <c r="EV16" s="61">
        <v>172</v>
      </c>
      <c r="EW16" s="61">
        <v>159</v>
      </c>
      <c r="EX16" s="61">
        <v>124</v>
      </c>
      <c r="EY16" s="62">
        <v>1048</v>
      </c>
      <c r="EZ16" s="63">
        <v>1860</v>
      </c>
      <c r="FA16" s="76">
        <v>409</v>
      </c>
      <c r="FB16" s="61">
        <v>395</v>
      </c>
      <c r="FC16" s="62">
        <v>804</v>
      </c>
      <c r="FD16" s="443">
        <v>0</v>
      </c>
      <c r="FE16" s="61">
        <v>501</v>
      </c>
      <c r="FF16" s="61">
        <v>314</v>
      </c>
      <c r="FG16" s="61">
        <v>278</v>
      </c>
      <c r="FH16" s="61">
        <v>265</v>
      </c>
      <c r="FI16" s="61">
        <v>153</v>
      </c>
      <c r="FJ16" s="62">
        <v>1511</v>
      </c>
      <c r="FK16" s="63">
        <v>2315</v>
      </c>
      <c r="FL16" s="60">
        <v>246</v>
      </c>
      <c r="FM16" s="61">
        <v>324</v>
      </c>
      <c r="FN16" s="62">
        <v>570</v>
      </c>
      <c r="FO16" s="443">
        <v>0</v>
      </c>
      <c r="FP16" s="61">
        <v>465</v>
      </c>
      <c r="FQ16" s="61">
        <v>411</v>
      </c>
      <c r="FR16" s="61">
        <v>403</v>
      </c>
      <c r="FS16" s="61">
        <v>463</v>
      </c>
      <c r="FT16" s="61">
        <v>279</v>
      </c>
      <c r="FU16" s="62">
        <v>2021</v>
      </c>
      <c r="FV16" s="63">
        <v>2591</v>
      </c>
      <c r="FW16" s="60">
        <v>9</v>
      </c>
      <c r="FX16" s="61">
        <v>26</v>
      </c>
      <c r="FY16" s="62">
        <v>35</v>
      </c>
      <c r="FZ16" s="443">
        <v>0</v>
      </c>
      <c r="GA16" s="61">
        <v>17</v>
      </c>
      <c r="GB16" s="61">
        <v>17</v>
      </c>
      <c r="GC16" s="61">
        <v>15</v>
      </c>
      <c r="GD16" s="61">
        <v>14</v>
      </c>
      <c r="GE16" s="61">
        <v>12</v>
      </c>
      <c r="GF16" s="62">
        <v>75</v>
      </c>
      <c r="GG16" s="63">
        <v>110</v>
      </c>
      <c r="GH16" s="60">
        <v>1373</v>
      </c>
      <c r="GI16" s="61">
        <v>1461</v>
      </c>
      <c r="GJ16" s="62">
        <v>2834</v>
      </c>
      <c r="GK16" s="443">
        <v>0</v>
      </c>
      <c r="GL16" s="61">
        <v>1561</v>
      </c>
      <c r="GM16" s="61">
        <v>1151</v>
      </c>
      <c r="GN16" s="61">
        <v>1000</v>
      </c>
      <c r="GO16" s="61">
        <v>1057</v>
      </c>
      <c r="GP16" s="61">
        <v>685</v>
      </c>
      <c r="GQ16" s="62">
        <v>5454</v>
      </c>
      <c r="GR16" s="63">
        <v>8288</v>
      </c>
      <c r="GS16" s="113">
        <v>2072</v>
      </c>
      <c r="GT16" s="72">
        <v>2087</v>
      </c>
      <c r="GU16" s="73">
        <v>4159</v>
      </c>
      <c r="GV16" s="224">
        <v>0</v>
      </c>
      <c r="GW16" s="72">
        <v>2269</v>
      </c>
      <c r="GX16" s="72">
        <v>1811</v>
      </c>
      <c r="GY16" s="72">
        <v>1456</v>
      </c>
      <c r="GZ16" s="72">
        <v>1498</v>
      </c>
      <c r="HA16" s="72">
        <v>899</v>
      </c>
      <c r="HB16" s="74">
        <v>7933</v>
      </c>
      <c r="HC16" s="75">
        <v>12092</v>
      </c>
      <c r="HD16" s="76">
        <v>44</v>
      </c>
      <c r="HE16" s="61">
        <v>56</v>
      </c>
      <c r="HF16" s="62">
        <v>100</v>
      </c>
      <c r="HG16" s="227">
        <v>0</v>
      </c>
      <c r="HH16" s="61">
        <v>42</v>
      </c>
      <c r="HI16" s="61">
        <v>45</v>
      </c>
      <c r="HJ16" s="61">
        <v>32</v>
      </c>
      <c r="HK16" s="61">
        <v>34</v>
      </c>
      <c r="HL16" s="61">
        <v>21</v>
      </c>
      <c r="HM16" s="62">
        <v>174</v>
      </c>
      <c r="HN16" s="63">
        <v>274</v>
      </c>
      <c r="HO16" s="60">
        <v>146</v>
      </c>
      <c r="HP16" s="61">
        <v>146</v>
      </c>
      <c r="HQ16" s="62">
        <v>292</v>
      </c>
      <c r="HR16" s="443">
        <v>0</v>
      </c>
      <c r="HS16" s="61">
        <v>92</v>
      </c>
      <c r="HT16" s="61">
        <v>114</v>
      </c>
      <c r="HU16" s="61">
        <v>75</v>
      </c>
      <c r="HV16" s="61">
        <v>88</v>
      </c>
      <c r="HW16" s="61">
        <v>51</v>
      </c>
      <c r="HX16" s="62">
        <v>420</v>
      </c>
      <c r="HY16" s="63">
        <v>712</v>
      </c>
      <c r="HZ16" s="76">
        <v>277</v>
      </c>
      <c r="IA16" s="61">
        <v>299</v>
      </c>
      <c r="IB16" s="62">
        <v>576</v>
      </c>
      <c r="IC16" s="443">
        <v>0</v>
      </c>
      <c r="ID16" s="61">
        <v>248</v>
      </c>
      <c r="IE16" s="61">
        <v>191</v>
      </c>
      <c r="IF16" s="61">
        <v>144</v>
      </c>
      <c r="IG16" s="61">
        <v>162</v>
      </c>
      <c r="IH16" s="61">
        <v>113</v>
      </c>
      <c r="II16" s="62">
        <v>858</v>
      </c>
      <c r="IJ16" s="63">
        <v>1434</v>
      </c>
      <c r="IK16" s="60">
        <v>602</v>
      </c>
      <c r="IL16" s="61">
        <v>574</v>
      </c>
      <c r="IM16" s="62">
        <v>1176</v>
      </c>
      <c r="IN16" s="443">
        <v>0</v>
      </c>
      <c r="IO16" s="61">
        <v>535</v>
      </c>
      <c r="IP16" s="61">
        <v>409</v>
      </c>
      <c r="IQ16" s="61">
        <v>291</v>
      </c>
      <c r="IR16" s="61">
        <v>261</v>
      </c>
      <c r="IS16" s="61">
        <v>179</v>
      </c>
      <c r="IT16" s="62">
        <v>1675</v>
      </c>
      <c r="IU16" s="63">
        <v>2851</v>
      </c>
      <c r="IV16" s="76">
        <v>626</v>
      </c>
      <c r="IW16" s="61">
        <v>556</v>
      </c>
      <c r="IX16" s="62">
        <v>1182</v>
      </c>
      <c r="IY16" s="443">
        <v>0</v>
      </c>
      <c r="IZ16" s="61">
        <v>717</v>
      </c>
      <c r="JA16" s="61">
        <v>489</v>
      </c>
      <c r="JB16" s="61">
        <v>405</v>
      </c>
      <c r="JC16" s="61">
        <v>382</v>
      </c>
      <c r="JD16" s="61">
        <v>213</v>
      </c>
      <c r="JE16" s="62">
        <v>2206</v>
      </c>
      <c r="JF16" s="63">
        <v>3388</v>
      </c>
      <c r="JG16" s="60">
        <v>377</v>
      </c>
      <c r="JH16" s="61">
        <v>456</v>
      </c>
      <c r="JI16" s="62">
        <v>833</v>
      </c>
      <c r="JJ16" s="443">
        <v>0</v>
      </c>
      <c r="JK16" s="61">
        <v>635</v>
      </c>
      <c r="JL16" s="61">
        <v>563</v>
      </c>
      <c r="JM16" s="61">
        <v>509</v>
      </c>
      <c r="JN16" s="61">
        <v>571</v>
      </c>
      <c r="JO16" s="61">
        <v>322</v>
      </c>
      <c r="JP16" s="62">
        <v>2600</v>
      </c>
      <c r="JQ16" s="63">
        <v>3433</v>
      </c>
      <c r="JR16" s="60">
        <v>27</v>
      </c>
      <c r="JS16" s="61">
        <v>61</v>
      </c>
      <c r="JT16" s="62">
        <v>88</v>
      </c>
      <c r="JU16" s="443">
        <v>0</v>
      </c>
      <c r="JV16" s="61">
        <v>33</v>
      </c>
      <c r="JW16" s="61">
        <v>49</v>
      </c>
      <c r="JX16" s="61">
        <v>32</v>
      </c>
      <c r="JY16" s="61">
        <v>26</v>
      </c>
      <c r="JZ16" s="61">
        <v>29</v>
      </c>
      <c r="KA16" s="62">
        <v>169</v>
      </c>
      <c r="KB16" s="63">
        <v>257</v>
      </c>
      <c r="KC16" s="60">
        <v>2099</v>
      </c>
      <c r="KD16" s="61">
        <v>2148</v>
      </c>
      <c r="KE16" s="62">
        <v>4247</v>
      </c>
      <c r="KF16" s="443">
        <v>0</v>
      </c>
      <c r="KG16" s="61">
        <v>2302</v>
      </c>
      <c r="KH16" s="61">
        <v>1860</v>
      </c>
      <c r="KI16" s="61">
        <v>1488</v>
      </c>
      <c r="KJ16" s="61">
        <v>1524</v>
      </c>
      <c r="KK16" s="61">
        <v>928</v>
      </c>
      <c r="KL16" s="62">
        <v>8102</v>
      </c>
      <c r="KM16" s="63">
        <v>12349</v>
      </c>
    </row>
    <row r="17" spans="2:299" ht="21" customHeight="1" x14ac:dyDescent="0.2">
      <c r="B17" s="437" t="s">
        <v>13</v>
      </c>
      <c r="C17" s="287">
        <v>161</v>
      </c>
      <c r="D17" s="72">
        <v>172</v>
      </c>
      <c r="E17" s="73">
        <v>333</v>
      </c>
      <c r="F17" s="443">
        <v>0</v>
      </c>
      <c r="G17" s="72">
        <v>314</v>
      </c>
      <c r="H17" s="72">
        <v>274</v>
      </c>
      <c r="I17" s="72">
        <v>194</v>
      </c>
      <c r="J17" s="72">
        <v>135</v>
      </c>
      <c r="K17" s="72">
        <v>101</v>
      </c>
      <c r="L17" s="74">
        <v>1018</v>
      </c>
      <c r="M17" s="75">
        <v>1351</v>
      </c>
      <c r="N17" s="60">
        <v>5</v>
      </c>
      <c r="O17" s="61">
        <v>4</v>
      </c>
      <c r="P17" s="62">
        <v>9</v>
      </c>
      <c r="Q17" s="443">
        <v>0</v>
      </c>
      <c r="R17" s="61">
        <v>14</v>
      </c>
      <c r="S17" s="61">
        <v>6</v>
      </c>
      <c r="T17" s="61">
        <v>7</v>
      </c>
      <c r="U17" s="61">
        <v>7</v>
      </c>
      <c r="V17" s="61">
        <v>6</v>
      </c>
      <c r="W17" s="62">
        <v>40</v>
      </c>
      <c r="X17" s="63">
        <v>49</v>
      </c>
      <c r="Y17" s="60">
        <v>12</v>
      </c>
      <c r="Z17" s="61">
        <v>11</v>
      </c>
      <c r="AA17" s="62">
        <v>23</v>
      </c>
      <c r="AB17" s="443">
        <v>0</v>
      </c>
      <c r="AC17" s="61">
        <v>22</v>
      </c>
      <c r="AD17" s="61">
        <v>19</v>
      </c>
      <c r="AE17" s="61">
        <v>9</v>
      </c>
      <c r="AF17" s="61">
        <v>15</v>
      </c>
      <c r="AG17" s="61">
        <v>10</v>
      </c>
      <c r="AH17" s="62">
        <v>75</v>
      </c>
      <c r="AI17" s="63">
        <v>98</v>
      </c>
      <c r="AJ17" s="60">
        <v>19</v>
      </c>
      <c r="AK17" s="61">
        <v>20</v>
      </c>
      <c r="AL17" s="62">
        <v>39</v>
      </c>
      <c r="AM17" s="443">
        <v>0</v>
      </c>
      <c r="AN17" s="61">
        <v>43</v>
      </c>
      <c r="AO17" s="61">
        <v>32</v>
      </c>
      <c r="AP17" s="61">
        <v>21</v>
      </c>
      <c r="AQ17" s="61">
        <v>14</v>
      </c>
      <c r="AR17" s="61">
        <v>15</v>
      </c>
      <c r="AS17" s="62">
        <v>125</v>
      </c>
      <c r="AT17" s="63">
        <v>164</v>
      </c>
      <c r="AU17" s="60">
        <v>36</v>
      </c>
      <c r="AV17" s="61">
        <v>42</v>
      </c>
      <c r="AW17" s="62">
        <v>78</v>
      </c>
      <c r="AX17" s="443">
        <v>0</v>
      </c>
      <c r="AY17" s="61">
        <v>79</v>
      </c>
      <c r="AZ17" s="61">
        <v>53</v>
      </c>
      <c r="BA17" s="61">
        <v>47</v>
      </c>
      <c r="BB17" s="61">
        <v>28</v>
      </c>
      <c r="BC17" s="61">
        <v>22</v>
      </c>
      <c r="BD17" s="62">
        <v>229</v>
      </c>
      <c r="BE17" s="63">
        <v>307</v>
      </c>
      <c r="BF17" s="60">
        <v>53</v>
      </c>
      <c r="BG17" s="61">
        <v>58</v>
      </c>
      <c r="BH17" s="62">
        <v>111</v>
      </c>
      <c r="BI17" s="443">
        <v>0</v>
      </c>
      <c r="BJ17" s="61">
        <v>85</v>
      </c>
      <c r="BK17" s="61">
        <v>85</v>
      </c>
      <c r="BL17" s="61">
        <v>57</v>
      </c>
      <c r="BM17" s="61">
        <v>36</v>
      </c>
      <c r="BN17" s="61">
        <v>19</v>
      </c>
      <c r="BO17" s="62">
        <v>282</v>
      </c>
      <c r="BP17" s="63">
        <v>393</v>
      </c>
      <c r="BQ17" s="60">
        <v>36</v>
      </c>
      <c r="BR17" s="61">
        <v>37</v>
      </c>
      <c r="BS17" s="62">
        <v>73</v>
      </c>
      <c r="BT17" s="443">
        <v>0</v>
      </c>
      <c r="BU17" s="61">
        <v>71</v>
      </c>
      <c r="BV17" s="61">
        <v>79</v>
      </c>
      <c r="BW17" s="61">
        <v>53</v>
      </c>
      <c r="BX17" s="61">
        <v>35</v>
      </c>
      <c r="BY17" s="61">
        <v>29</v>
      </c>
      <c r="BZ17" s="62">
        <v>267</v>
      </c>
      <c r="CA17" s="63">
        <v>340</v>
      </c>
      <c r="CB17" s="60">
        <v>5</v>
      </c>
      <c r="CC17" s="61">
        <v>1</v>
      </c>
      <c r="CD17" s="62">
        <v>6</v>
      </c>
      <c r="CE17" s="443">
        <v>0</v>
      </c>
      <c r="CF17" s="61">
        <v>12</v>
      </c>
      <c r="CG17" s="61">
        <v>10</v>
      </c>
      <c r="CH17" s="61">
        <v>6</v>
      </c>
      <c r="CI17" s="61">
        <v>1</v>
      </c>
      <c r="CJ17" s="61">
        <v>6</v>
      </c>
      <c r="CK17" s="62">
        <v>35</v>
      </c>
      <c r="CL17" s="63">
        <v>41</v>
      </c>
      <c r="CM17" s="60">
        <v>166</v>
      </c>
      <c r="CN17" s="61">
        <v>173</v>
      </c>
      <c r="CO17" s="62">
        <v>339</v>
      </c>
      <c r="CP17" s="443">
        <v>0</v>
      </c>
      <c r="CQ17" s="61">
        <v>326</v>
      </c>
      <c r="CR17" s="61">
        <v>284</v>
      </c>
      <c r="CS17" s="61">
        <v>200</v>
      </c>
      <c r="CT17" s="61">
        <v>136</v>
      </c>
      <c r="CU17" s="61">
        <v>107</v>
      </c>
      <c r="CV17" s="62">
        <v>1053</v>
      </c>
      <c r="CW17" s="63">
        <v>1392</v>
      </c>
      <c r="CX17" s="113">
        <v>387</v>
      </c>
      <c r="CY17" s="72">
        <v>407</v>
      </c>
      <c r="CZ17" s="73">
        <v>794</v>
      </c>
      <c r="DA17" s="443">
        <v>0</v>
      </c>
      <c r="DB17" s="72">
        <v>593</v>
      </c>
      <c r="DC17" s="72">
        <v>522</v>
      </c>
      <c r="DD17" s="72">
        <v>345</v>
      </c>
      <c r="DE17" s="72">
        <v>360</v>
      </c>
      <c r="DF17" s="72">
        <v>302</v>
      </c>
      <c r="DG17" s="74">
        <v>2122</v>
      </c>
      <c r="DH17" s="75">
        <v>2916</v>
      </c>
      <c r="DI17" s="60">
        <v>5</v>
      </c>
      <c r="DJ17" s="61">
        <v>5</v>
      </c>
      <c r="DK17" s="62">
        <v>10</v>
      </c>
      <c r="DL17" s="443">
        <v>0</v>
      </c>
      <c r="DM17" s="61">
        <v>8</v>
      </c>
      <c r="DN17" s="61">
        <v>7</v>
      </c>
      <c r="DO17" s="61">
        <v>3</v>
      </c>
      <c r="DP17" s="61">
        <v>5</v>
      </c>
      <c r="DQ17" s="61">
        <v>3</v>
      </c>
      <c r="DR17" s="62">
        <v>26</v>
      </c>
      <c r="DS17" s="63">
        <v>36</v>
      </c>
      <c r="DT17" s="60">
        <v>20</v>
      </c>
      <c r="DU17" s="61">
        <v>20</v>
      </c>
      <c r="DV17" s="62">
        <v>40</v>
      </c>
      <c r="DW17" s="443">
        <v>0</v>
      </c>
      <c r="DX17" s="61">
        <v>20</v>
      </c>
      <c r="DY17" s="61">
        <v>13</v>
      </c>
      <c r="DZ17" s="61">
        <v>12</v>
      </c>
      <c r="EA17" s="61">
        <v>13</v>
      </c>
      <c r="EB17" s="61">
        <v>13</v>
      </c>
      <c r="EC17" s="62">
        <v>71</v>
      </c>
      <c r="ED17" s="63">
        <v>111</v>
      </c>
      <c r="EE17" s="60">
        <v>40</v>
      </c>
      <c r="EF17" s="61">
        <v>44</v>
      </c>
      <c r="EG17" s="62">
        <v>84</v>
      </c>
      <c r="EH17" s="443">
        <v>0</v>
      </c>
      <c r="EI17" s="61">
        <v>66</v>
      </c>
      <c r="EJ17" s="61">
        <v>41</v>
      </c>
      <c r="EK17" s="61">
        <v>32</v>
      </c>
      <c r="EL17" s="61">
        <v>22</v>
      </c>
      <c r="EM17" s="61">
        <v>27</v>
      </c>
      <c r="EN17" s="62">
        <v>188</v>
      </c>
      <c r="EO17" s="63">
        <v>272</v>
      </c>
      <c r="EP17" s="60">
        <v>113</v>
      </c>
      <c r="EQ17" s="61">
        <v>126</v>
      </c>
      <c r="ER17" s="62">
        <v>239</v>
      </c>
      <c r="ES17" s="443">
        <v>0</v>
      </c>
      <c r="ET17" s="61">
        <v>146</v>
      </c>
      <c r="EU17" s="61">
        <v>112</v>
      </c>
      <c r="EV17" s="61">
        <v>54</v>
      </c>
      <c r="EW17" s="61">
        <v>48</v>
      </c>
      <c r="EX17" s="61">
        <v>55</v>
      </c>
      <c r="EY17" s="62">
        <v>415</v>
      </c>
      <c r="EZ17" s="63">
        <v>654</v>
      </c>
      <c r="FA17" s="60">
        <v>133</v>
      </c>
      <c r="FB17" s="61">
        <v>112</v>
      </c>
      <c r="FC17" s="62">
        <v>245</v>
      </c>
      <c r="FD17" s="443">
        <v>0</v>
      </c>
      <c r="FE17" s="61">
        <v>181</v>
      </c>
      <c r="FF17" s="61">
        <v>145</v>
      </c>
      <c r="FG17" s="61">
        <v>88</v>
      </c>
      <c r="FH17" s="61">
        <v>92</v>
      </c>
      <c r="FI17" s="61">
        <v>60</v>
      </c>
      <c r="FJ17" s="62">
        <v>566</v>
      </c>
      <c r="FK17" s="63">
        <v>811</v>
      </c>
      <c r="FL17" s="60">
        <v>76</v>
      </c>
      <c r="FM17" s="61">
        <v>100</v>
      </c>
      <c r="FN17" s="62">
        <v>176</v>
      </c>
      <c r="FO17" s="443">
        <v>0</v>
      </c>
      <c r="FP17" s="61">
        <v>172</v>
      </c>
      <c r="FQ17" s="61">
        <v>204</v>
      </c>
      <c r="FR17" s="61">
        <v>156</v>
      </c>
      <c r="FS17" s="61">
        <v>180</v>
      </c>
      <c r="FT17" s="61">
        <v>144</v>
      </c>
      <c r="FU17" s="62">
        <v>856</v>
      </c>
      <c r="FV17" s="63">
        <v>1032</v>
      </c>
      <c r="FW17" s="60">
        <v>0</v>
      </c>
      <c r="FX17" s="61">
        <v>1</v>
      </c>
      <c r="FY17" s="62">
        <v>1</v>
      </c>
      <c r="FZ17" s="443">
        <v>0</v>
      </c>
      <c r="GA17" s="61">
        <v>6</v>
      </c>
      <c r="GB17" s="61">
        <v>7</v>
      </c>
      <c r="GC17" s="61">
        <v>6</v>
      </c>
      <c r="GD17" s="61">
        <v>1</v>
      </c>
      <c r="GE17" s="61">
        <v>5</v>
      </c>
      <c r="GF17" s="62">
        <v>25</v>
      </c>
      <c r="GG17" s="63">
        <v>26</v>
      </c>
      <c r="GH17" s="60">
        <v>387</v>
      </c>
      <c r="GI17" s="61">
        <v>408</v>
      </c>
      <c r="GJ17" s="62">
        <v>795</v>
      </c>
      <c r="GK17" s="443">
        <v>0</v>
      </c>
      <c r="GL17" s="61">
        <v>599</v>
      </c>
      <c r="GM17" s="61">
        <v>529</v>
      </c>
      <c r="GN17" s="61">
        <v>351</v>
      </c>
      <c r="GO17" s="61">
        <v>361</v>
      </c>
      <c r="GP17" s="61">
        <v>307</v>
      </c>
      <c r="GQ17" s="62">
        <v>2147</v>
      </c>
      <c r="GR17" s="63">
        <v>2942</v>
      </c>
      <c r="GS17" s="113">
        <v>548</v>
      </c>
      <c r="GT17" s="72">
        <v>579</v>
      </c>
      <c r="GU17" s="73">
        <v>1127</v>
      </c>
      <c r="GV17" s="224">
        <v>0</v>
      </c>
      <c r="GW17" s="72">
        <v>907</v>
      </c>
      <c r="GX17" s="72">
        <v>796</v>
      </c>
      <c r="GY17" s="72">
        <v>539</v>
      </c>
      <c r="GZ17" s="72">
        <v>495</v>
      </c>
      <c r="HA17" s="72">
        <v>403</v>
      </c>
      <c r="HB17" s="74">
        <v>3140</v>
      </c>
      <c r="HC17" s="75">
        <v>4267</v>
      </c>
      <c r="HD17" s="60">
        <v>10</v>
      </c>
      <c r="HE17" s="61">
        <v>9</v>
      </c>
      <c r="HF17" s="62">
        <v>19</v>
      </c>
      <c r="HG17" s="227">
        <v>0</v>
      </c>
      <c r="HH17" s="61">
        <v>22</v>
      </c>
      <c r="HI17" s="61">
        <v>13</v>
      </c>
      <c r="HJ17" s="61">
        <v>10</v>
      </c>
      <c r="HK17" s="61">
        <v>12</v>
      </c>
      <c r="HL17" s="61">
        <v>9</v>
      </c>
      <c r="HM17" s="62">
        <v>66</v>
      </c>
      <c r="HN17" s="63">
        <v>85</v>
      </c>
      <c r="HO17" s="60">
        <v>32</v>
      </c>
      <c r="HP17" s="61">
        <v>31</v>
      </c>
      <c r="HQ17" s="62">
        <v>63</v>
      </c>
      <c r="HR17" s="443">
        <v>0</v>
      </c>
      <c r="HS17" s="61">
        <v>42</v>
      </c>
      <c r="HT17" s="61">
        <v>32</v>
      </c>
      <c r="HU17" s="61">
        <v>21</v>
      </c>
      <c r="HV17" s="61">
        <v>28</v>
      </c>
      <c r="HW17" s="61">
        <v>23</v>
      </c>
      <c r="HX17" s="62">
        <v>146</v>
      </c>
      <c r="HY17" s="63">
        <v>209</v>
      </c>
      <c r="HZ17" s="60">
        <v>59</v>
      </c>
      <c r="IA17" s="61">
        <v>64</v>
      </c>
      <c r="IB17" s="62">
        <v>123</v>
      </c>
      <c r="IC17" s="443">
        <v>0</v>
      </c>
      <c r="ID17" s="61">
        <v>109</v>
      </c>
      <c r="IE17" s="61">
        <v>73</v>
      </c>
      <c r="IF17" s="61">
        <v>53</v>
      </c>
      <c r="IG17" s="61">
        <v>36</v>
      </c>
      <c r="IH17" s="61">
        <v>42</v>
      </c>
      <c r="II17" s="62">
        <v>313</v>
      </c>
      <c r="IJ17" s="63">
        <v>436</v>
      </c>
      <c r="IK17" s="60">
        <v>149</v>
      </c>
      <c r="IL17" s="61">
        <v>168</v>
      </c>
      <c r="IM17" s="62">
        <v>317</v>
      </c>
      <c r="IN17" s="443">
        <v>0</v>
      </c>
      <c r="IO17" s="61">
        <v>225</v>
      </c>
      <c r="IP17" s="61">
        <v>165</v>
      </c>
      <c r="IQ17" s="61">
        <v>101</v>
      </c>
      <c r="IR17" s="61">
        <v>76</v>
      </c>
      <c r="IS17" s="61">
        <v>77</v>
      </c>
      <c r="IT17" s="62">
        <v>644</v>
      </c>
      <c r="IU17" s="63">
        <v>961</v>
      </c>
      <c r="IV17" s="60">
        <v>186</v>
      </c>
      <c r="IW17" s="61">
        <v>170</v>
      </c>
      <c r="IX17" s="62">
        <v>356</v>
      </c>
      <c r="IY17" s="443">
        <v>0</v>
      </c>
      <c r="IZ17" s="61">
        <v>266</v>
      </c>
      <c r="JA17" s="61">
        <v>230</v>
      </c>
      <c r="JB17" s="61">
        <v>145</v>
      </c>
      <c r="JC17" s="61">
        <v>128</v>
      </c>
      <c r="JD17" s="61">
        <v>79</v>
      </c>
      <c r="JE17" s="62">
        <v>848</v>
      </c>
      <c r="JF17" s="63">
        <v>1204</v>
      </c>
      <c r="JG17" s="60">
        <v>112</v>
      </c>
      <c r="JH17" s="61">
        <v>137</v>
      </c>
      <c r="JI17" s="62">
        <v>249</v>
      </c>
      <c r="JJ17" s="443">
        <v>0</v>
      </c>
      <c r="JK17" s="61">
        <v>243</v>
      </c>
      <c r="JL17" s="61">
        <v>283</v>
      </c>
      <c r="JM17" s="61">
        <v>209</v>
      </c>
      <c r="JN17" s="61">
        <v>215</v>
      </c>
      <c r="JO17" s="61">
        <v>173</v>
      </c>
      <c r="JP17" s="62">
        <v>1123</v>
      </c>
      <c r="JQ17" s="63">
        <v>1372</v>
      </c>
      <c r="JR17" s="60">
        <v>5</v>
      </c>
      <c r="JS17" s="61">
        <v>2</v>
      </c>
      <c r="JT17" s="62">
        <v>7</v>
      </c>
      <c r="JU17" s="443">
        <v>0</v>
      </c>
      <c r="JV17" s="61">
        <v>18</v>
      </c>
      <c r="JW17" s="61">
        <v>17</v>
      </c>
      <c r="JX17" s="61">
        <v>12</v>
      </c>
      <c r="JY17" s="61">
        <v>2</v>
      </c>
      <c r="JZ17" s="61">
        <v>11</v>
      </c>
      <c r="KA17" s="62">
        <v>60</v>
      </c>
      <c r="KB17" s="63">
        <v>67</v>
      </c>
      <c r="KC17" s="60">
        <v>553</v>
      </c>
      <c r="KD17" s="61">
        <v>581</v>
      </c>
      <c r="KE17" s="62">
        <v>1134</v>
      </c>
      <c r="KF17" s="443">
        <v>0</v>
      </c>
      <c r="KG17" s="61">
        <v>925</v>
      </c>
      <c r="KH17" s="61">
        <v>813</v>
      </c>
      <c r="KI17" s="61">
        <v>551</v>
      </c>
      <c r="KJ17" s="61">
        <v>497</v>
      </c>
      <c r="KK17" s="61">
        <v>414</v>
      </c>
      <c r="KL17" s="62">
        <v>3200</v>
      </c>
      <c r="KM17" s="63">
        <v>4334</v>
      </c>
    </row>
    <row r="18" spans="2:299" ht="21" customHeight="1" x14ac:dyDescent="0.2">
      <c r="B18" s="437" t="s">
        <v>15</v>
      </c>
      <c r="C18" s="287">
        <v>125</v>
      </c>
      <c r="D18" s="72">
        <v>146</v>
      </c>
      <c r="E18" s="73">
        <v>271</v>
      </c>
      <c r="F18" s="443">
        <v>0</v>
      </c>
      <c r="G18" s="72">
        <v>255</v>
      </c>
      <c r="H18" s="72">
        <v>221</v>
      </c>
      <c r="I18" s="72">
        <v>148</v>
      </c>
      <c r="J18" s="72">
        <v>138</v>
      </c>
      <c r="K18" s="72">
        <v>61</v>
      </c>
      <c r="L18" s="74">
        <v>823</v>
      </c>
      <c r="M18" s="75">
        <v>1094</v>
      </c>
      <c r="N18" s="60">
        <v>6</v>
      </c>
      <c r="O18" s="61">
        <v>6</v>
      </c>
      <c r="P18" s="62">
        <v>12</v>
      </c>
      <c r="Q18" s="443">
        <v>0</v>
      </c>
      <c r="R18" s="61">
        <v>14</v>
      </c>
      <c r="S18" s="61">
        <v>15</v>
      </c>
      <c r="T18" s="61">
        <v>7</v>
      </c>
      <c r="U18" s="61">
        <v>4</v>
      </c>
      <c r="V18" s="61">
        <v>4</v>
      </c>
      <c r="W18" s="62">
        <v>44</v>
      </c>
      <c r="X18" s="63">
        <v>56</v>
      </c>
      <c r="Y18" s="60">
        <v>18</v>
      </c>
      <c r="Z18" s="61">
        <v>18</v>
      </c>
      <c r="AA18" s="62">
        <v>36</v>
      </c>
      <c r="AB18" s="443">
        <v>0</v>
      </c>
      <c r="AC18" s="61">
        <v>26</v>
      </c>
      <c r="AD18" s="61">
        <v>23</v>
      </c>
      <c r="AE18" s="61">
        <v>23</v>
      </c>
      <c r="AF18" s="61">
        <v>18</v>
      </c>
      <c r="AG18" s="61">
        <v>7</v>
      </c>
      <c r="AH18" s="62">
        <v>97</v>
      </c>
      <c r="AI18" s="63">
        <v>133</v>
      </c>
      <c r="AJ18" s="60">
        <v>19</v>
      </c>
      <c r="AK18" s="61">
        <v>23</v>
      </c>
      <c r="AL18" s="62">
        <v>42</v>
      </c>
      <c r="AM18" s="443">
        <v>0</v>
      </c>
      <c r="AN18" s="61">
        <v>31</v>
      </c>
      <c r="AO18" s="61">
        <v>50</v>
      </c>
      <c r="AP18" s="61">
        <v>21</v>
      </c>
      <c r="AQ18" s="61">
        <v>26</v>
      </c>
      <c r="AR18" s="61">
        <v>15</v>
      </c>
      <c r="AS18" s="62">
        <v>143</v>
      </c>
      <c r="AT18" s="63">
        <v>185</v>
      </c>
      <c r="AU18" s="60">
        <v>38</v>
      </c>
      <c r="AV18" s="61">
        <v>35</v>
      </c>
      <c r="AW18" s="62">
        <v>73</v>
      </c>
      <c r="AX18" s="443">
        <v>0</v>
      </c>
      <c r="AY18" s="61">
        <v>75</v>
      </c>
      <c r="AZ18" s="61">
        <v>49</v>
      </c>
      <c r="BA18" s="61">
        <v>27</v>
      </c>
      <c r="BB18" s="61">
        <v>34</v>
      </c>
      <c r="BC18" s="61">
        <v>11</v>
      </c>
      <c r="BD18" s="62">
        <v>196</v>
      </c>
      <c r="BE18" s="63">
        <v>269</v>
      </c>
      <c r="BF18" s="60">
        <v>30</v>
      </c>
      <c r="BG18" s="61">
        <v>42</v>
      </c>
      <c r="BH18" s="62">
        <v>72</v>
      </c>
      <c r="BI18" s="443">
        <v>0</v>
      </c>
      <c r="BJ18" s="61">
        <v>64</v>
      </c>
      <c r="BK18" s="61">
        <v>44</v>
      </c>
      <c r="BL18" s="61">
        <v>37</v>
      </c>
      <c r="BM18" s="61">
        <v>29</v>
      </c>
      <c r="BN18" s="61">
        <v>17</v>
      </c>
      <c r="BO18" s="62">
        <v>191</v>
      </c>
      <c r="BP18" s="63">
        <v>263</v>
      </c>
      <c r="BQ18" s="60">
        <v>14</v>
      </c>
      <c r="BR18" s="61">
        <v>22</v>
      </c>
      <c r="BS18" s="62">
        <v>36</v>
      </c>
      <c r="BT18" s="443">
        <v>0</v>
      </c>
      <c r="BU18" s="61">
        <v>45</v>
      </c>
      <c r="BV18" s="61">
        <v>40</v>
      </c>
      <c r="BW18" s="61">
        <v>33</v>
      </c>
      <c r="BX18" s="61">
        <v>27</v>
      </c>
      <c r="BY18" s="61">
        <v>7</v>
      </c>
      <c r="BZ18" s="62">
        <v>152</v>
      </c>
      <c r="CA18" s="63">
        <v>188</v>
      </c>
      <c r="CB18" s="60">
        <v>1</v>
      </c>
      <c r="CC18" s="61">
        <v>4</v>
      </c>
      <c r="CD18" s="62">
        <v>5</v>
      </c>
      <c r="CE18" s="443">
        <v>0</v>
      </c>
      <c r="CF18" s="61">
        <v>6</v>
      </c>
      <c r="CG18" s="61">
        <v>7</v>
      </c>
      <c r="CH18" s="61">
        <v>3</v>
      </c>
      <c r="CI18" s="61">
        <v>4</v>
      </c>
      <c r="CJ18" s="61">
        <v>6</v>
      </c>
      <c r="CK18" s="62">
        <v>26</v>
      </c>
      <c r="CL18" s="63">
        <v>31</v>
      </c>
      <c r="CM18" s="60">
        <v>126</v>
      </c>
      <c r="CN18" s="61">
        <v>150</v>
      </c>
      <c r="CO18" s="62">
        <v>276</v>
      </c>
      <c r="CP18" s="443">
        <v>0</v>
      </c>
      <c r="CQ18" s="61">
        <v>261</v>
      </c>
      <c r="CR18" s="61">
        <v>228</v>
      </c>
      <c r="CS18" s="61">
        <v>151</v>
      </c>
      <c r="CT18" s="61">
        <v>142</v>
      </c>
      <c r="CU18" s="61">
        <v>67</v>
      </c>
      <c r="CV18" s="62">
        <v>849</v>
      </c>
      <c r="CW18" s="63">
        <v>1125</v>
      </c>
      <c r="CX18" s="113">
        <v>286</v>
      </c>
      <c r="CY18" s="72">
        <v>381</v>
      </c>
      <c r="CZ18" s="73">
        <v>667</v>
      </c>
      <c r="DA18" s="443">
        <v>0</v>
      </c>
      <c r="DB18" s="72">
        <v>458</v>
      </c>
      <c r="DC18" s="72">
        <v>425</v>
      </c>
      <c r="DD18" s="72">
        <v>317</v>
      </c>
      <c r="DE18" s="72">
        <v>316</v>
      </c>
      <c r="DF18" s="72">
        <v>165</v>
      </c>
      <c r="DG18" s="74">
        <v>1681</v>
      </c>
      <c r="DH18" s="75">
        <v>2348</v>
      </c>
      <c r="DI18" s="60">
        <v>6</v>
      </c>
      <c r="DJ18" s="61">
        <v>9</v>
      </c>
      <c r="DK18" s="62">
        <v>15</v>
      </c>
      <c r="DL18" s="443">
        <v>0</v>
      </c>
      <c r="DM18" s="61">
        <v>10</v>
      </c>
      <c r="DN18" s="61">
        <v>11</v>
      </c>
      <c r="DO18" s="61">
        <v>4</v>
      </c>
      <c r="DP18" s="61">
        <v>1</v>
      </c>
      <c r="DQ18" s="61">
        <v>3</v>
      </c>
      <c r="DR18" s="62">
        <v>29</v>
      </c>
      <c r="DS18" s="63">
        <v>44</v>
      </c>
      <c r="DT18" s="60">
        <v>20</v>
      </c>
      <c r="DU18" s="61">
        <v>18</v>
      </c>
      <c r="DV18" s="62">
        <v>38</v>
      </c>
      <c r="DW18" s="443">
        <v>0</v>
      </c>
      <c r="DX18" s="61">
        <v>26</v>
      </c>
      <c r="DY18" s="61">
        <v>29</v>
      </c>
      <c r="DZ18" s="61">
        <v>19</v>
      </c>
      <c r="EA18" s="61">
        <v>10</v>
      </c>
      <c r="EB18" s="61">
        <v>9</v>
      </c>
      <c r="EC18" s="62">
        <v>93</v>
      </c>
      <c r="ED18" s="63">
        <v>131</v>
      </c>
      <c r="EE18" s="60">
        <v>63</v>
      </c>
      <c r="EF18" s="61">
        <v>54</v>
      </c>
      <c r="EG18" s="62">
        <v>117</v>
      </c>
      <c r="EH18" s="443">
        <v>0</v>
      </c>
      <c r="EI18" s="61">
        <v>47</v>
      </c>
      <c r="EJ18" s="61">
        <v>43</v>
      </c>
      <c r="EK18" s="61">
        <v>28</v>
      </c>
      <c r="EL18" s="61">
        <v>18</v>
      </c>
      <c r="EM18" s="61">
        <v>20</v>
      </c>
      <c r="EN18" s="62">
        <v>156</v>
      </c>
      <c r="EO18" s="63">
        <v>273</v>
      </c>
      <c r="EP18" s="60">
        <v>85</v>
      </c>
      <c r="EQ18" s="61">
        <v>119</v>
      </c>
      <c r="ER18" s="62">
        <v>204</v>
      </c>
      <c r="ES18" s="443">
        <v>0</v>
      </c>
      <c r="ET18" s="61">
        <v>109</v>
      </c>
      <c r="EU18" s="61">
        <v>91</v>
      </c>
      <c r="EV18" s="61">
        <v>59</v>
      </c>
      <c r="EW18" s="61">
        <v>45</v>
      </c>
      <c r="EX18" s="61">
        <v>33</v>
      </c>
      <c r="EY18" s="62">
        <v>337</v>
      </c>
      <c r="EZ18" s="63">
        <v>541</v>
      </c>
      <c r="FA18" s="60">
        <v>70</v>
      </c>
      <c r="FB18" s="61">
        <v>110</v>
      </c>
      <c r="FC18" s="62">
        <v>180</v>
      </c>
      <c r="FD18" s="443">
        <v>0</v>
      </c>
      <c r="FE18" s="61">
        <v>143</v>
      </c>
      <c r="FF18" s="61">
        <v>121</v>
      </c>
      <c r="FG18" s="61">
        <v>83</v>
      </c>
      <c r="FH18" s="61">
        <v>95</v>
      </c>
      <c r="FI18" s="61">
        <v>38</v>
      </c>
      <c r="FJ18" s="62">
        <v>480</v>
      </c>
      <c r="FK18" s="63">
        <v>660</v>
      </c>
      <c r="FL18" s="60">
        <v>42</v>
      </c>
      <c r="FM18" s="61">
        <v>71</v>
      </c>
      <c r="FN18" s="62">
        <v>113</v>
      </c>
      <c r="FO18" s="443">
        <v>0</v>
      </c>
      <c r="FP18" s="61">
        <v>123</v>
      </c>
      <c r="FQ18" s="61">
        <v>130</v>
      </c>
      <c r="FR18" s="61">
        <v>124</v>
      </c>
      <c r="FS18" s="61">
        <v>147</v>
      </c>
      <c r="FT18" s="61">
        <v>62</v>
      </c>
      <c r="FU18" s="62">
        <v>586</v>
      </c>
      <c r="FV18" s="63">
        <v>699</v>
      </c>
      <c r="FW18" s="60">
        <v>2</v>
      </c>
      <c r="FX18" s="61">
        <v>3</v>
      </c>
      <c r="FY18" s="62">
        <v>5</v>
      </c>
      <c r="FZ18" s="443">
        <v>0</v>
      </c>
      <c r="GA18" s="61">
        <v>4</v>
      </c>
      <c r="GB18" s="61">
        <v>8</v>
      </c>
      <c r="GC18" s="61">
        <v>1</v>
      </c>
      <c r="GD18" s="61">
        <v>1</v>
      </c>
      <c r="GE18" s="61">
        <v>5</v>
      </c>
      <c r="GF18" s="62">
        <v>19</v>
      </c>
      <c r="GG18" s="63">
        <v>24</v>
      </c>
      <c r="GH18" s="60">
        <v>288</v>
      </c>
      <c r="GI18" s="61">
        <v>384</v>
      </c>
      <c r="GJ18" s="62">
        <v>672</v>
      </c>
      <c r="GK18" s="443">
        <v>0</v>
      </c>
      <c r="GL18" s="61">
        <v>462</v>
      </c>
      <c r="GM18" s="61">
        <v>433</v>
      </c>
      <c r="GN18" s="61">
        <v>318</v>
      </c>
      <c r="GO18" s="61">
        <v>317</v>
      </c>
      <c r="GP18" s="61">
        <v>170</v>
      </c>
      <c r="GQ18" s="62">
        <v>1700</v>
      </c>
      <c r="GR18" s="63">
        <v>2372</v>
      </c>
      <c r="GS18" s="113">
        <v>411</v>
      </c>
      <c r="GT18" s="72">
        <v>527</v>
      </c>
      <c r="GU18" s="73">
        <v>938</v>
      </c>
      <c r="GV18" s="224">
        <v>0</v>
      </c>
      <c r="GW18" s="72">
        <v>713</v>
      </c>
      <c r="GX18" s="72">
        <v>646</v>
      </c>
      <c r="GY18" s="72">
        <v>465</v>
      </c>
      <c r="GZ18" s="72">
        <v>454</v>
      </c>
      <c r="HA18" s="72">
        <v>226</v>
      </c>
      <c r="HB18" s="74">
        <v>2504</v>
      </c>
      <c r="HC18" s="75">
        <v>3442</v>
      </c>
      <c r="HD18" s="60">
        <v>12</v>
      </c>
      <c r="HE18" s="61">
        <v>15</v>
      </c>
      <c r="HF18" s="62">
        <v>27</v>
      </c>
      <c r="HG18" s="227">
        <v>0</v>
      </c>
      <c r="HH18" s="61">
        <v>24</v>
      </c>
      <c r="HI18" s="61">
        <v>26</v>
      </c>
      <c r="HJ18" s="61">
        <v>11</v>
      </c>
      <c r="HK18" s="61">
        <v>5</v>
      </c>
      <c r="HL18" s="61">
        <v>7</v>
      </c>
      <c r="HM18" s="62">
        <v>73</v>
      </c>
      <c r="HN18" s="63">
        <v>100</v>
      </c>
      <c r="HO18" s="60">
        <v>38</v>
      </c>
      <c r="HP18" s="61">
        <v>36</v>
      </c>
      <c r="HQ18" s="62">
        <v>74</v>
      </c>
      <c r="HR18" s="443">
        <v>0</v>
      </c>
      <c r="HS18" s="61">
        <v>52</v>
      </c>
      <c r="HT18" s="61">
        <v>52</v>
      </c>
      <c r="HU18" s="61">
        <v>42</v>
      </c>
      <c r="HV18" s="61">
        <v>28</v>
      </c>
      <c r="HW18" s="61">
        <v>16</v>
      </c>
      <c r="HX18" s="62">
        <v>190</v>
      </c>
      <c r="HY18" s="63">
        <v>264</v>
      </c>
      <c r="HZ18" s="60">
        <v>82</v>
      </c>
      <c r="IA18" s="61">
        <v>77</v>
      </c>
      <c r="IB18" s="62">
        <v>159</v>
      </c>
      <c r="IC18" s="443">
        <v>0</v>
      </c>
      <c r="ID18" s="61">
        <v>78</v>
      </c>
      <c r="IE18" s="61">
        <v>93</v>
      </c>
      <c r="IF18" s="61">
        <v>49</v>
      </c>
      <c r="IG18" s="61">
        <v>44</v>
      </c>
      <c r="IH18" s="61">
        <v>35</v>
      </c>
      <c r="II18" s="62">
        <v>299</v>
      </c>
      <c r="IJ18" s="63">
        <v>458</v>
      </c>
      <c r="IK18" s="60">
        <v>123</v>
      </c>
      <c r="IL18" s="61">
        <v>154</v>
      </c>
      <c r="IM18" s="62">
        <v>277</v>
      </c>
      <c r="IN18" s="443">
        <v>0</v>
      </c>
      <c r="IO18" s="61">
        <v>184</v>
      </c>
      <c r="IP18" s="61">
        <v>140</v>
      </c>
      <c r="IQ18" s="61">
        <v>86</v>
      </c>
      <c r="IR18" s="61">
        <v>79</v>
      </c>
      <c r="IS18" s="61">
        <v>44</v>
      </c>
      <c r="IT18" s="62">
        <v>533</v>
      </c>
      <c r="IU18" s="63">
        <v>810</v>
      </c>
      <c r="IV18" s="60">
        <v>100</v>
      </c>
      <c r="IW18" s="61">
        <v>152</v>
      </c>
      <c r="IX18" s="62">
        <v>252</v>
      </c>
      <c r="IY18" s="443">
        <v>0</v>
      </c>
      <c r="IZ18" s="61">
        <v>207</v>
      </c>
      <c r="JA18" s="61">
        <v>165</v>
      </c>
      <c r="JB18" s="61">
        <v>120</v>
      </c>
      <c r="JC18" s="61">
        <v>124</v>
      </c>
      <c r="JD18" s="61">
        <v>55</v>
      </c>
      <c r="JE18" s="62">
        <v>671</v>
      </c>
      <c r="JF18" s="63">
        <v>923</v>
      </c>
      <c r="JG18" s="60">
        <v>56</v>
      </c>
      <c r="JH18" s="61">
        <v>93</v>
      </c>
      <c r="JI18" s="62">
        <v>149</v>
      </c>
      <c r="JJ18" s="443">
        <v>0</v>
      </c>
      <c r="JK18" s="61">
        <v>168</v>
      </c>
      <c r="JL18" s="61">
        <v>170</v>
      </c>
      <c r="JM18" s="61">
        <v>157</v>
      </c>
      <c r="JN18" s="61">
        <v>174</v>
      </c>
      <c r="JO18" s="61">
        <v>69</v>
      </c>
      <c r="JP18" s="62">
        <v>738</v>
      </c>
      <c r="JQ18" s="63">
        <v>887</v>
      </c>
      <c r="JR18" s="60">
        <v>3</v>
      </c>
      <c r="JS18" s="61">
        <v>7</v>
      </c>
      <c r="JT18" s="62">
        <v>10</v>
      </c>
      <c r="JU18" s="443">
        <v>0</v>
      </c>
      <c r="JV18" s="61">
        <v>10</v>
      </c>
      <c r="JW18" s="61">
        <v>15</v>
      </c>
      <c r="JX18" s="61">
        <v>4</v>
      </c>
      <c r="JY18" s="61">
        <v>5</v>
      </c>
      <c r="JZ18" s="61">
        <v>11</v>
      </c>
      <c r="KA18" s="62">
        <v>45</v>
      </c>
      <c r="KB18" s="63">
        <v>55</v>
      </c>
      <c r="KC18" s="60">
        <v>414</v>
      </c>
      <c r="KD18" s="61">
        <v>534</v>
      </c>
      <c r="KE18" s="62">
        <v>948</v>
      </c>
      <c r="KF18" s="443">
        <v>0</v>
      </c>
      <c r="KG18" s="61">
        <v>723</v>
      </c>
      <c r="KH18" s="61">
        <v>661</v>
      </c>
      <c r="KI18" s="61">
        <v>469</v>
      </c>
      <c r="KJ18" s="61">
        <v>459</v>
      </c>
      <c r="KK18" s="61">
        <v>237</v>
      </c>
      <c r="KL18" s="62">
        <v>2549</v>
      </c>
      <c r="KM18" s="63">
        <v>3497</v>
      </c>
    </row>
    <row r="19" spans="2:299" ht="21" customHeight="1" x14ac:dyDescent="0.2">
      <c r="B19" s="437" t="s">
        <v>16</v>
      </c>
      <c r="C19" s="287">
        <v>254</v>
      </c>
      <c r="D19" s="72">
        <v>300</v>
      </c>
      <c r="E19" s="73">
        <v>554</v>
      </c>
      <c r="F19" s="443">
        <v>0</v>
      </c>
      <c r="G19" s="72">
        <v>469</v>
      </c>
      <c r="H19" s="72">
        <v>645</v>
      </c>
      <c r="I19" s="72">
        <v>408</v>
      </c>
      <c r="J19" s="72">
        <v>315</v>
      </c>
      <c r="K19" s="72">
        <v>204</v>
      </c>
      <c r="L19" s="74">
        <v>2041</v>
      </c>
      <c r="M19" s="75">
        <v>2595</v>
      </c>
      <c r="N19" s="60">
        <v>8</v>
      </c>
      <c r="O19" s="61">
        <v>10</v>
      </c>
      <c r="P19" s="62">
        <v>18</v>
      </c>
      <c r="Q19" s="443">
        <v>0</v>
      </c>
      <c r="R19" s="61">
        <v>14</v>
      </c>
      <c r="S19" s="61">
        <v>29</v>
      </c>
      <c r="T19" s="61">
        <v>23</v>
      </c>
      <c r="U19" s="61">
        <v>19</v>
      </c>
      <c r="V19" s="61">
        <v>17</v>
      </c>
      <c r="W19" s="62">
        <v>102</v>
      </c>
      <c r="X19" s="63">
        <v>120</v>
      </c>
      <c r="Y19" s="60">
        <v>27</v>
      </c>
      <c r="Z19" s="61">
        <v>52</v>
      </c>
      <c r="AA19" s="62">
        <v>79</v>
      </c>
      <c r="AB19" s="443">
        <v>0</v>
      </c>
      <c r="AC19" s="61">
        <v>55</v>
      </c>
      <c r="AD19" s="61">
        <v>78</v>
      </c>
      <c r="AE19" s="61">
        <v>45</v>
      </c>
      <c r="AF19" s="61">
        <v>38</v>
      </c>
      <c r="AG19" s="61">
        <v>31</v>
      </c>
      <c r="AH19" s="62">
        <v>247</v>
      </c>
      <c r="AI19" s="63">
        <v>326</v>
      </c>
      <c r="AJ19" s="60">
        <v>48</v>
      </c>
      <c r="AK19" s="61">
        <v>53</v>
      </c>
      <c r="AL19" s="62">
        <v>101</v>
      </c>
      <c r="AM19" s="443">
        <v>0</v>
      </c>
      <c r="AN19" s="61">
        <v>71</v>
      </c>
      <c r="AO19" s="61">
        <v>110</v>
      </c>
      <c r="AP19" s="61">
        <v>79</v>
      </c>
      <c r="AQ19" s="61">
        <v>56</v>
      </c>
      <c r="AR19" s="61">
        <v>38</v>
      </c>
      <c r="AS19" s="62">
        <v>354</v>
      </c>
      <c r="AT19" s="63">
        <v>455</v>
      </c>
      <c r="AU19" s="60">
        <v>86</v>
      </c>
      <c r="AV19" s="61">
        <v>64</v>
      </c>
      <c r="AW19" s="62">
        <v>150</v>
      </c>
      <c r="AX19" s="443">
        <v>0</v>
      </c>
      <c r="AY19" s="61">
        <v>130</v>
      </c>
      <c r="AZ19" s="61">
        <v>172</v>
      </c>
      <c r="BA19" s="61">
        <v>94</v>
      </c>
      <c r="BB19" s="61">
        <v>83</v>
      </c>
      <c r="BC19" s="61">
        <v>46</v>
      </c>
      <c r="BD19" s="62">
        <v>525</v>
      </c>
      <c r="BE19" s="63">
        <v>675</v>
      </c>
      <c r="BF19" s="60">
        <v>55</v>
      </c>
      <c r="BG19" s="61">
        <v>73</v>
      </c>
      <c r="BH19" s="62">
        <v>128</v>
      </c>
      <c r="BI19" s="443">
        <v>0</v>
      </c>
      <c r="BJ19" s="61">
        <v>134</v>
      </c>
      <c r="BK19" s="61">
        <v>154</v>
      </c>
      <c r="BL19" s="61">
        <v>92</v>
      </c>
      <c r="BM19" s="61">
        <v>57</v>
      </c>
      <c r="BN19" s="61">
        <v>37</v>
      </c>
      <c r="BO19" s="62">
        <v>474</v>
      </c>
      <c r="BP19" s="63">
        <v>602</v>
      </c>
      <c r="BQ19" s="60">
        <v>30</v>
      </c>
      <c r="BR19" s="61">
        <v>48</v>
      </c>
      <c r="BS19" s="62">
        <v>78</v>
      </c>
      <c r="BT19" s="443">
        <v>0</v>
      </c>
      <c r="BU19" s="61">
        <v>65</v>
      </c>
      <c r="BV19" s="61">
        <v>102</v>
      </c>
      <c r="BW19" s="61">
        <v>75</v>
      </c>
      <c r="BX19" s="61">
        <v>62</v>
      </c>
      <c r="BY19" s="61">
        <v>35</v>
      </c>
      <c r="BZ19" s="62">
        <v>339</v>
      </c>
      <c r="CA19" s="63">
        <v>417</v>
      </c>
      <c r="CB19" s="60">
        <v>9</v>
      </c>
      <c r="CC19" s="61">
        <v>13</v>
      </c>
      <c r="CD19" s="62">
        <v>22</v>
      </c>
      <c r="CE19" s="443">
        <v>0</v>
      </c>
      <c r="CF19" s="61">
        <v>13</v>
      </c>
      <c r="CG19" s="61">
        <v>26</v>
      </c>
      <c r="CH19" s="61">
        <v>18</v>
      </c>
      <c r="CI19" s="61">
        <v>17</v>
      </c>
      <c r="CJ19" s="61">
        <v>11</v>
      </c>
      <c r="CK19" s="62">
        <v>85</v>
      </c>
      <c r="CL19" s="63">
        <v>107</v>
      </c>
      <c r="CM19" s="60">
        <v>263</v>
      </c>
      <c r="CN19" s="61">
        <v>313</v>
      </c>
      <c r="CO19" s="62">
        <v>576</v>
      </c>
      <c r="CP19" s="443">
        <v>0</v>
      </c>
      <c r="CQ19" s="61">
        <v>482</v>
      </c>
      <c r="CR19" s="61">
        <v>671</v>
      </c>
      <c r="CS19" s="61">
        <v>426</v>
      </c>
      <c r="CT19" s="61">
        <v>332</v>
      </c>
      <c r="CU19" s="61">
        <v>215</v>
      </c>
      <c r="CV19" s="62">
        <v>2126</v>
      </c>
      <c r="CW19" s="63">
        <v>2702</v>
      </c>
      <c r="CX19" s="113">
        <v>412</v>
      </c>
      <c r="CY19" s="72">
        <v>655</v>
      </c>
      <c r="CZ19" s="73">
        <v>1067</v>
      </c>
      <c r="DA19" s="443">
        <v>0</v>
      </c>
      <c r="DB19" s="72">
        <v>819</v>
      </c>
      <c r="DC19" s="72">
        <v>997</v>
      </c>
      <c r="DD19" s="72">
        <v>760</v>
      </c>
      <c r="DE19" s="72">
        <v>796</v>
      </c>
      <c r="DF19" s="72">
        <v>464</v>
      </c>
      <c r="DG19" s="74">
        <v>3836</v>
      </c>
      <c r="DH19" s="75">
        <v>4903</v>
      </c>
      <c r="DI19" s="60">
        <v>11</v>
      </c>
      <c r="DJ19" s="61">
        <v>24</v>
      </c>
      <c r="DK19" s="62">
        <v>35</v>
      </c>
      <c r="DL19" s="443">
        <v>0</v>
      </c>
      <c r="DM19" s="61">
        <v>7</v>
      </c>
      <c r="DN19" s="61">
        <v>25</v>
      </c>
      <c r="DO19" s="61">
        <v>16</v>
      </c>
      <c r="DP19" s="61">
        <v>15</v>
      </c>
      <c r="DQ19" s="61">
        <v>12</v>
      </c>
      <c r="DR19" s="62">
        <v>75</v>
      </c>
      <c r="DS19" s="63">
        <v>110</v>
      </c>
      <c r="DT19" s="60">
        <v>32</v>
      </c>
      <c r="DU19" s="61">
        <v>58</v>
      </c>
      <c r="DV19" s="62">
        <v>90</v>
      </c>
      <c r="DW19" s="443">
        <v>0</v>
      </c>
      <c r="DX19" s="61">
        <v>48</v>
      </c>
      <c r="DY19" s="61">
        <v>76</v>
      </c>
      <c r="DZ19" s="61">
        <v>38</v>
      </c>
      <c r="EA19" s="61">
        <v>41</v>
      </c>
      <c r="EB19" s="61">
        <v>27</v>
      </c>
      <c r="EC19" s="62">
        <v>230</v>
      </c>
      <c r="ED19" s="63">
        <v>320</v>
      </c>
      <c r="EE19" s="60">
        <v>77</v>
      </c>
      <c r="EF19" s="61">
        <v>112</v>
      </c>
      <c r="EG19" s="62">
        <v>189</v>
      </c>
      <c r="EH19" s="443">
        <v>0</v>
      </c>
      <c r="EI19" s="61">
        <v>97</v>
      </c>
      <c r="EJ19" s="61">
        <v>122</v>
      </c>
      <c r="EK19" s="61">
        <v>76</v>
      </c>
      <c r="EL19" s="61">
        <v>82</v>
      </c>
      <c r="EM19" s="61">
        <v>48</v>
      </c>
      <c r="EN19" s="62">
        <v>425</v>
      </c>
      <c r="EO19" s="63">
        <v>614</v>
      </c>
      <c r="EP19" s="60">
        <v>124</v>
      </c>
      <c r="EQ19" s="61">
        <v>165</v>
      </c>
      <c r="ER19" s="62">
        <v>289</v>
      </c>
      <c r="ES19" s="443">
        <v>0</v>
      </c>
      <c r="ET19" s="61">
        <v>211</v>
      </c>
      <c r="EU19" s="61">
        <v>216</v>
      </c>
      <c r="EV19" s="61">
        <v>145</v>
      </c>
      <c r="EW19" s="61">
        <v>135</v>
      </c>
      <c r="EX19" s="61">
        <v>85</v>
      </c>
      <c r="EY19" s="62">
        <v>792</v>
      </c>
      <c r="EZ19" s="63">
        <v>1081</v>
      </c>
      <c r="FA19" s="60">
        <v>98</v>
      </c>
      <c r="FB19" s="61">
        <v>171</v>
      </c>
      <c r="FC19" s="62">
        <v>269</v>
      </c>
      <c r="FD19" s="443">
        <v>0</v>
      </c>
      <c r="FE19" s="61">
        <v>250</v>
      </c>
      <c r="FF19" s="61">
        <v>237</v>
      </c>
      <c r="FG19" s="61">
        <v>203</v>
      </c>
      <c r="FH19" s="61">
        <v>180</v>
      </c>
      <c r="FI19" s="61">
        <v>116</v>
      </c>
      <c r="FJ19" s="62">
        <v>986</v>
      </c>
      <c r="FK19" s="63">
        <v>1255</v>
      </c>
      <c r="FL19" s="60">
        <v>70</v>
      </c>
      <c r="FM19" s="61">
        <v>125</v>
      </c>
      <c r="FN19" s="62">
        <v>195</v>
      </c>
      <c r="FO19" s="443">
        <v>0</v>
      </c>
      <c r="FP19" s="61">
        <v>206</v>
      </c>
      <c r="FQ19" s="61">
        <v>321</v>
      </c>
      <c r="FR19" s="61">
        <v>282</v>
      </c>
      <c r="FS19" s="61">
        <v>343</v>
      </c>
      <c r="FT19" s="61">
        <v>176</v>
      </c>
      <c r="FU19" s="62">
        <v>1328</v>
      </c>
      <c r="FV19" s="63">
        <v>1523</v>
      </c>
      <c r="FW19" s="60">
        <v>12</v>
      </c>
      <c r="FX19" s="61">
        <v>17</v>
      </c>
      <c r="FY19" s="62">
        <v>29</v>
      </c>
      <c r="FZ19" s="443">
        <v>0</v>
      </c>
      <c r="GA19" s="61">
        <v>5</v>
      </c>
      <c r="GB19" s="61">
        <v>23</v>
      </c>
      <c r="GC19" s="61">
        <v>7</v>
      </c>
      <c r="GD19" s="61">
        <v>11</v>
      </c>
      <c r="GE19" s="61">
        <v>13</v>
      </c>
      <c r="GF19" s="62">
        <v>59</v>
      </c>
      <c r="GG19" s="63">
        <v>88</v>
      </c>
      <c r="GH19" s="60">
        <v>424</v>
      </c>
      <c r="GI19" s="61">
        <v>672</v>
      </c>
      <c r="GJ19" s="62">
        <v>1096</v>
      </c>
      <c r="GK19" s="443">
        <v>0</v>
      </c>
      <c r="GL19" s="61">
        <v>824</v>
      </c>
      <c r="GM19" s="61">
        <v>1020</v>
      </c>
      <c r="GN19" s="61">
        <v>767</v>
      </c>
      <c r="GO19" s="61">
        <v>807</v>
      </c>
      <c r="GP19" s="61">
        <v>477</v>
      </c>
      <c r="GQ19" s="62">
        <v>3895</v>
      </c>
      <c r="GR19" s="63">
        <v>4991</v>
      </c>
      <c r="GS19" s="113">
        <v>666</v>
      </c>
      <c r="GT19" s="72">
        <v>955</v>
      </c>
      <c r="GU19" s="73">
        <v>1621</v>
      </c>
      <c r="GV19" s="224">
        <v>0</v>
      </c>
      <c r="GW19" s="72">
        <v>1288</v>
      </c>
      <c r="GX19" s="72">
        <v>1642</v>
      </c>
      <c r="GY19" s="72">
        <v>1168</v>
      </c>
      <c r="GZ19" s="72">
        <v>1111</v>
      </c>
      <c r="HA19" s="72">
        <v>668</v>
      </c>
      <c r="HB19" s="74">
        <v>5877</v>
      </c>
      <c r="HC19" s="75">
        <v>7498</v>
      </c>
      <c r="HD19" s="60">
        <v>19</v>
      </c>
      <c r="HE19" s="61">
        <v>34</v>
      </c>
      <c r="HF19" s="62">
        <v>53</v>
      </c>
      <c r="HG19" s="227">
        <v>0</v>
      </c>
      <c r="HH19" s="61">
        <v>21</v>
      </c>
      <c r="HI19" s="61">
        <v>54</v>
      </c>
      <c r="HJ19" s="61">
        <v>39</v>
      </c>
      <c r="HK19" s="61">
        <v>34</v>
      </c>
      <c r="HL19" s="61">
        <v>29</v>
      </c>
      <c r="HM19" s="62">
        <v>177</v>
      </c>
      <c r="HN19" s="63">
        <v>230</v>
      </c>
      <c r="HO19" s="60">
        <v>59</v>
      </c>
      <c r="HP19" s="61">
        <v>110</v>
      </c>
      <c r="HQ19" s="62">
        <v>169</v>
      </c>
      <c r="HR19" s="443">
        <v>0</v>
      </c>
      <c r="HS19" s="61">
        <v>103</v>
      </c>
      <c r="HT19" s="61">
        <v>154</v>
      </c>
      <c r="HU19" s="61">
        <v>83</v>
      </c>
      <c r="HV19" s="61">
        <v>79</v>
      </c>
      <c r="HW19" s="61">
        <v>58</v>
      </c>
      <c r="HX19" s="62">
        <v>477</v>
      </c>
      <c r="HY19" s="63">
        <v>646</v>
      </c>
      <c r="HZ19" s="60">
        <v>125</v>
      </c>
      <c r="IA19" s="61">
        <v>165</v>
      </c>
      <c r="IB19" s="62">
        <v>290</v>
      </c>
      <c r="IC19" s="443">
        <v>0</v>
      </c>
      <c r="ID19" s="61">
        <v>168</v>
      </c>
      <c r="IE19" s="61">
        <v>232</v>
      </c>
      <c r="IF19" s="61">
        <v>155</v>
      </c>
      <c r="IG19" s="61">
        <v>138</v>
      </c>
      <c r="IH19" s="61">
        <v>86</v>
      </c>
      <c r="II19" s="62">
        <v>779</v>
      </c>
      <c r="IJ19" s="63">
        <v>1069</v>
      </c>
      <c r="IK19" s="60">
        <v>210</v>
      </c>
      <c r="IL19" s="61">
        <v>229</v>
      </c>
      <c r="IM19" s="62">
        <v>439</v>
      </c>
      <c r="IN19" s="443">
        <v>0</v>
      </c>
      <c r="IO19" s="61">
        <v>341</v>
      </c>
      <c r="IP19" s="61">
        <v>388</v>
      </c>
      <c r="IQ19" s="61">
        <v>239</v>
      </c>
      <c r="IR19" s="61">
        <v>218</v>
      </c>
      <c r="IS19" s="61">
        <v>131</v>
      </c>
      <c r="IT19" s="62">
        <v>1317</v>
      </c>
      <c r="IU19" s="63">
        <v>1756</v>
      </c>
      <c r="IV19" s="60">
        <v>153</v>
      </c>
      <c r="IW19" s="61">
        <v>244</v>
      </c>
      <c r="IX19" s="62">
        <v>397</v>
      </c>
      <c r="IY19" s="443">
        <v>0</v>
      </c>
      <c r="IZ19" s="61">
        <v>384</v>
      </c>
      <c r="JA19" s="61">
        <v>391</v>
      </c>
      <c r="JB19" s="61">
        <v>295</v>
      </c>
      <c r="JC19" s="61">
        <v>237</v>
      </c>
      <c r="JD19" s="61">
        <v>153</v>
      </c>
      <c r="JE19" s="62">
        <v>1460</v>
      </c>
      <c r="JF19" s="63">
        <v>1857</v>
      </c>
      <c r="JG19" s="60">
        <v>100</v>
      </c>
      <c r="JH19" s="61">
        <v>173</v>
      </c>
      <c r="JI19" s="62">
        <v>273</v>
      </c>
      <c r="JJ19" s="443">
        <v>0</v>
      </c>
      <c r="JK19" s="61">
        <v>271</v>
      </c>
      <c r="JL19" s="61">
        <v>423</v>
      </c>
      <c r="JM19" s="61">
        <v>357</v>
      </c>
      <c r="JN19" s="61">
        <v>405</v>
      </c>
      <c r="JO19" s="61">
        <v>211</v>
      </c>
      <c r="JP19" s="62">
        <v>1667</v>
      </c>
      <c r="JQ19" s="63">
        <v>1940</v>
      </c>
      <c r="JR19" s="60">
        <v>21</v>
      </c>
      <c r="JS19" s="61">
        <v>30</v>
      </c>
      <c r="JT19" s="62">
        <v>51</v>
      </c>
      <c r="JU19" s="443">
        <v>0</v>
      </c>
      <c r="JV19" s="61">
        <v>18</v>
      </c>
      <c r="JW19" s="61">
        <v>49</v>
      </c>
      <c r="JX19" s="61">
        <v>25</v>
      </c>
      <c r="JY19" s="61">
        <v>28</v>
      </c>
      <c r="JZ19" s="61">
        <v>24</v>
      </c>
      <c r="KA19" s="62">
        <v>144</v>
      </c>
      <c r="KB19" s="63">
        <v>195</v>
      </c>
      <c r="KC19" s="60">
        <v>687</v>
      </c>
      <c r="KD19" s="61">
        <v>985</v>
      </c>
      <c r="KE19" s="62">
        <v>1672</v>
      </c>
      <c r="KF19" s="443">
        <v>0</v>
      </c>
      <c r="KG19" s="61">
        <v>1306</v>
      </c>
      <c r="KH19" s="61">
        <v>1691</v>
      </c>
      <c r="KI19" s="61">
        <v>1193</v>
      </c>
      <c r="KJ19" s="61">
        <v>1139</v>
      </c>
      <c r="KK19" s="61">
        <v>692</v>
      </c>
      <c r="KL19" s="62">
        <v>6021</v>
      </c>
      <c r="KM19" s="63">
        <v>7693</v>
      </c>
    </row>
    <row r="20" spans="2:299" ht="21" customHeight="1" x14ac:dyDescent="0.2">
      <c r="B20" s="437" t="s">
        <v>17</v>
      </c>
      <c r="C20" s="287">
        <v>312</v>
      </c>
      <c r="D20" s="72">
        <v>394</v>
      </c>
      <c r="E20" s="73">
        <v>706</v>
      </c>
      <c r="F20" s="443">
        <v>0</v>
      </c>
      <c r="G20" s="72">
        <v>576</v>
      </c>
      <c r="H20" s="72">
        <v>799</v>
      </c>
      <c r="I20" s="72">
        <v>566</v>
      </c>
      <c r="J20" s="72">
        <v>420</v>
      </c>
      <c r="K20" s="72">
        <v>250</v>
      </c>
      <c r="L20" s="74">
        <v>2611</v>
      </c>
      <c r="M20" s="75">
        <v>3317</v>
      </c>
      <c r="N20" s="60">
        <v>16</v>
      </c>
      <c r="O20" s="61">
        <v>19</v>
      </c>
      <c r="P20" s="62">
        <v>35</v>
      </c>
      <c r="Q20" s="443">
        <v>0</v>
      </c>
      <c r="R20" s="61">
        <v>18</v>
      </c>
      <c r="S20" s="61">
        <v>48</v>
      </c>
      <c r="T20" s="61">
        <v>31</v>
      </c>
      <c r="U20" s="61">
        <v>26</v>
      </c>
      <c r="V20" s="61">
        <v>21</v>
      </c>
      <c r="W20" s="62">
        <v>144</v>
      </c>
      <c r="X20" s="63">
        <v>179</v>
      </c>
      <c r="Y20" s="60">
        <v>16</v>
      </c>
      <c r="Z20" s="61">
        <v>53</v>
      </c>
      <c r="AA20" s="62">
        <v>69</v>
      </c>
      <c r="AB20" s="443">
        <v>0</v>
      </c>
      <c r="AC20" s="61">
        <v>58</v>
      </c>
      <c r="AD20" s="61">
        <v>90</v>
      </c>
      <c r="AE20" s="61">
        <v>69</v>
      </c>
      <c r="AF20" s="61">
        <v>53</v>
      </c>
      <c r="AG20" s="61">
        <v>37</v>
      </c>
      <c r="AH20" s="62">
        <v>307</v>
      </c>
      <c r="AI20" s="63">
        <v>376</v>
      </c>
      <c r="AJ20" s="60">
        <v>51</v>
      </c>
      <c r="AK20" s="61">
        <v>64</v>
      </c>
      <c r="AL20" s="62">
        <v>115</v>
      </c>
      <c r="AM20" s="443">
        <v>0</v>
      </c>
      <c r="AN20" s="61">
        <v>100</v>
      </c>
      <c r="AO20" s="61">
        <v>156</v>
      </c>
      <c r="AP20" s="61">
        <v>92</v>
      </c>
      <c r="AQ20" s="61">
        <v>66</v>
      </c>
      <c r="AR20" s="61">
        <v>55</v>
      </c>
      <c r="AS20" s="62">
        <v>469</v>
      </c>
      <c r="AT20" s="63">
        <v>584</v>
      </c>
      <c r="AU20" s="60">
        <v>100</v>
      </c>
      <c r="AV20" s="61">
        <v>101</v>
      </c>
      <c r="AW20" s="62">
        <v>201</v>
      </c>
      <c r="AX20" s="443">
        <v>0</v>
      </c>
      <c r="AY20" s="61">
        <v>169</v>
      </c>
      <c r="AZ20" s="61">
        <v>219</v>
      </c>
      <c r="BA20" s="61">
        <v>159</v>
      </c>
      <c r="BB20" s="61">
        <v>100</v>
      </c>
      <c r="BC20" s="61">
        <v>55</v>
      </c>
      <c r="BD20" s="62">
        <v>702</v>
      </c>
      <c r="BE20" s="63">
        <v>903</v>
      </c>
      <c r="BF20" s="60">
        <v>81</v>
      </c>
      <c r="BG20" s="61">
        <v>92</v>
      </c>
      <c r="BH20" s="62">
        <v>173</v>
      </c>
      <c r="BI20" s="443">
        <v>0</v>
      </c>
      <c r="BJ20" s="61">
        <v>140</v>
      </c>
      <c r="BK20" s="61">
        <v>164</v>
      </c>
      <c r="BL20" s="61">
        <v>128</v>
      </c>
      <c r="BM20" s="61">
        <v>105</v>
      </c>
      <c r="BN20" s="61">
        <v>42</v>
      </c>
      <c r="BO20" s="62">
        <v>579</v>
      </c>
      <c r="BP20" s="63">
        <v>752</v>
      </c>
      <c r="BQ20" s="60">
        <v>48</v>
      </c>
      <c r="BR20" s="61">
        <v>65</v>
      </c>
      <c r="BS20" s="62">
        <v>113</v>
      </c>
      <c r="BT20" s="443">
        <v>0</v>
      </c>
      <c r="BU20" s="61">
        <v>91</v>
      </c>
      <c r="BV20" s="61">
        <v>122</v>
      </c>
      <c r="BW20" s="61">
        <v>87</v>
      </c>
      <c r="BX20" s="61">
        <v>70</v>
      </c>
      <c r="BY20" s="61">
        <v>40</v>
      </c>
      <c r="BZ20" s="62">
        <v>410</v>
      </c>
      <c r="CA20" s="63">
        <v>523</v>
      </c>
      <c r="CB20" s="60">
        <v>7</v>
      </c>
      <c r="CC20" s="61">
        <v>22</v>
      </c>
      <c r="CD20" s="62">
        <v>29</v>
      </c>
      <c r="CE20" s="443">
        <v>0</v>
      </c>
      <c r="CF20" s="61">
        <v>24</v>
      </c>
      <c r="CG20" s="61">
        <v>44</v>
      </c>
      <c r="CH20" s="61">
        <v>23</v>
      </c>
      <c r="CI20" s="61">
        <v>14</v>
      </c>
      <c r="CJ20" s="61">
        <v>15</v>
      </c>
      <c r="CK20" s="62">
        <v>120</v>
      </c>
      <c r="CL20" s="63">
        <v>149</v>
      </c>
      <c r="CM20" s="60">
        <v>319</v>
      </c>
      <c r="CN20" s="61">
        <v>416</v>
      </c>
      <c r="CO20" s="62">
        <v>735</v>
      </c>
      <c r="CP20" s="443">
        <v>0</v>
      </c>
      <c r="CQ20" s="61">
        <v>600</v>
      </c>
      <c r="CR20" s="61">
        <v>843</v>
      </c>
      <c r="CS20" s="61">
        <v>589</v>
      </c>
      <c r="CT20" s="61">
        <v>434</v>
      </c>
      <c r="CU20" s="61">
        <v>265</v>
      </c>
      <c r="CV20" s="62">
        <v>2731</v>
      </c>
      <c r="CW20" s="63">
        <v>3466</v>
      </c>
      <c r="CX20" s="113">
        <v>644</v>
      </c>
      <c r="CY20" s="72">
        <v>904</v>
      </c>
      <c r="CZ20" s="73">
        <v>1548</v>
      </c>
      <c r="DA20" s="443">
        <v>0</v>
      </c>
      <c r="DB20" s="72">
        <v>949</v>
      </c>
      <c r="DC20" s="72">
        <v>1315</v>
      </c>
      <c r="DD20" s="72">
        <v>966</v>
      </c>
      <c r="DE20" s="72">
        <v>917</v>
      </c>
      <c r="DF20" s="72">
        <v>607</v>
      </c>
      <c r="DG20" s="74">
        <v>4754</v>
      </c>
      <c r="DH20" s="75">
        <v>6302</v>
      </c>
      <c r="DI20" s="60">
        <v>15</v>
      </c>
      <c r="DJ20" s="61">
        <v>34</v>
      </c>
      <c r="DK20" s="62">
        <v>49</v>
      </c>
      <c r="DL20" s="443">
        <v>0</v>
      </c>
      <c r="DM20" s="61">
        <v>12</v>
      </c>
      <c r="DN20" s="61">
        <v>32</v>
      </c>
      <c r="DO20" s="61">
        <v>26</v>
      </c>
      <c r="DP20" s="61">
        <v>19</v>
      </c>
      <c r="DQ20" s="61">
        <v>19</v>
      </c>
      <c r="DR20" s="62">
        <v>108</v>
      </c>
      <c r="DS20" s="63">
        <v>157</v>
      </c>
      <c r="DT20" s="60">
        <v>41</v>
      </c>
      <c r="DU20" s="61">
        <v>75</v>
      </c>
      <c r="DV20" s="62">
        <v>116</v>
      </c>
      <c r="DW20" s="443">
        <v>0</v>
      </c>
      <c r="DX20" s="61">
        <v>71</v>
      </c>
      <c r="DY20" s="61">
        <v>79</v>
      </c>
      <c r="DZ20" s="61">
        <v>59</v>
      </c>
      <c r="EA20" s="61">
        <v>51</v>
      </c>
      <c r="EB20" s="61">
        <v>28</v>
      </c>
      <c r="EC20" s="62">
        <v>288</v>
      </c>
      <c r="ED20" s="63">
        <v>404</v>
      </c>
      <c r="EE20" s="60">
        <v>121</v>
      </c>
      <c r="EF20" s="61">
        <v>147</v>
      </c>
      <c r="EG20" s="62">
        <v>268</v>
      </c>
      <c r="EH20" s="443">
        <v>0</v>
      </c>
      <c r="EI20" s="61">
        <v>123</v>
      </c>
      <c r="EJ20" s="61">
        <v>164</v>
      </c>
      <c r="EK20" s="61">
        <v>113</v>
      </c>
      <c r="EL20" s="61">
        <v>96</v>
      </c>
      <c r="EM20" s="61">
        <v>66</v>
      </c>
      <c r="EN20" s="62">
        <v>562</v>
      </c>
      <c r="EO20" s="63">
        <v>830</v>
      </c>
      <c r="EP20" s="60">
        <v>219</v>
      </c>
      <c r="EQ20" s="61">
        <v>252</v>
      </c>
      <c r="ER20" s="62">
        <v>471</v>
      </c>
      <c r="ES20" s="443">
        <v>0</v>
      </c>
      <c r="ET20" s="61">
        <v>247</v>
      </c>
      <c r="EU20" s="61">
        <v>338</v>
      </c>
      <c r="EV20" s="61">
        <v>232</v>
      </c>
      <c r="EW20" s="61">
        <v>182</v>
      </c>
      <c r="EX20" s="61">
        <v>118</v>
      </c>
      <c r="EY20" s="62">
        <v>1117</v>
      </c>
      <c r="EZ20" s="63">
        <v>1588</v>
      </c>
      <c r="FA20" s="60">
        <v>164</v>
      </c>
      <c r="FB20" s="61">
        <v>246</v>
      </c>
      <c r="FC20" s="62">
        <v>410</v>
      </c>
      <c r="FD20" s="443">
        <v>0</v>
      </c>
      <c r="FE20" s="61">
        <v>274</v>
      </c>
      <c r="FF20" s="61">
        <v>353</v>
      </c>
      <c r="FG20" s="61">
        <v>248</v>
      </c>
      <c r="FH20" s="61">
        <v>223</v>
      </c>
      <c r="FI20" s="61">
        <v>174</v>
      </c>
      <c r="FJ20" s="62">
        <v>1272</v>
      </c>
      <c r="FK20" s="63">
        <v>1682</v>
      </c>
      <c r="FL20" s="60">
        <v>84</v>
      </c>
      <c r="FM20" s="61">
        <v>150</v>
      </c>
      <c r="FN20" s="62">
        <v>234</v>
      </c>
      <c r="FO20" s="443">
        <v>0</v>
      </c>
      <c r="FP20" s="61">
        <v>222</v>
      </c>
      <c r="FQ20" s="61">
        <v>349</v>
      </c>
      <c r="FR20" s="61">
        <v>288</v>
      </c>
      <c r="FS20" s="61">
        <v>346</v>
      </c>
      <c r="FT20" s="61">
        <v>202</v>
      </c>
      <c r="FU20" s="62">
        <v>1407</v>
      </c>
      <c r="FV20" s="63">
        <v>1641</v>
      </c>
      <c r="FW20" s="60">
        <v>5</v>
      </c>
      <c r="FX20" s="61">
        <v>17</v>
      </c>
      <c r="FY20" s="62">
        <v>22</v>
      </c>
      <c r="FZ20" s="443">
        <v>0</v>
      </c>
      <c r="GA20" s="61">
        <v>7</v>
      </c>
      <c r="GB20" s="61">
        <v>31</v>
      </c>
      <c r="GC20" s="61">
        <v>16</v>
      </c>
      <c r="GD20" s="61">
        <v>16</v>
      </c>
      <c r="GE20" s="61">
        <v>22</v>
      </c>
      <c r="GF20" s="62">
        <v>92</v>
      </c>
      <c r="GG20" s="63">
        <v>114</v>
      </c>
      <c r="GH20" s="60">
        <v>649</v>
      </c>
      <c r="GI20" s="61">
        <v>921</v>
      </c>
      <c r="GJ20" s="62">
        <v>1570</v>
      </c>
      <c r="GK20" s="443">
        <v>0</v>
      </c>
      <c r="GL20" s="61">
        <v>956</v>
      </c>
      <c r="GM20" s="61">
        <v>1346</v>
      </c>
      <c r="GN20" s="61">
        <v>982</v>
      </c>
      <c r="GO20" s="61">
        <v>933</v>
      </c>
      <c r="GP20" s="61">
        <v>629</v>
      </c>
      <c r="GQ20" s="62">
        <v>4846</v>
      </c>
      <c r="GR20" s="63">
        <v>6416</v>
      </c>
      <c r="GS20" s="113">
        <v>956</v>
      </c>
      <c r="GT20" s="72">
        <v>1298</v>
      </c>
      <c r="GU20" s="73">
        <v>2254</v>
      </c>
      <c r="GV20" s="224">
        <v>0</v>
      </c>
      <c r="GW20" s="72">
        <v>1525</v>
      </c>
      <c r="GX20" s="72">
        <v>2114</v>
      </c>
      <c r="GY20" s="72">
        <v>1532</v>
      </c>
      <c r="GZ20" s="72">
        <v>1337</v>
      </c>
      <c r="HA20" s="72">
        <v>857</v>
      </c>
      <c r="HB20" s="74">
        <v>7365</v>
      </c>
      <c r="HC20" s="75">
        <v>9619</v>
      </c>
      <c r="HD20" s="60">
        <v>31</v>
      </c>
      <c r="HE20" s="61">
        <v>53</v>
      </c>
      <c r="HF20" s="62">
        <v>84</v>
      </c>
      <c r="HG20" s="227">
        <v>0</v>
      </c>
      <c r="HH20" s="61">
        <v>30</v>
      </c>
      <c r="HI20" s="61">
        <v>80</v>
      </c>
      <c r="HJ20" s="61">
        <v>57</v>
      </c>
      <c r="HK20" s="61">
        <v>45</v>
      </c>
      <c r="HL20" s="61">
        <v>40</v>
      </c>
      <c r="HM20" s="62">
        <v>252</v>
      </c>
      <c r="HN20" s="63">
        <v>336</v>
      </c>
      <c r="HO20" s="60">
        <v>57</v>
      </c>
      <c r="HP20" s="61">
        <v>128</v>
      </c>
      <c r="HQ20" s="62">
        <v>185</v>
      </c>
      <c r="HR20" s="443">
        <v>0</v>
      </c>
      <c r="HS20" s="61">
        <v>129</v>
      </c>
      <c r="HT20" s="61">
        <v>169</v>
      </c>
      <c r="HU20" s="61">
        <v>128</v>
      </c>
      <c r="HV20" s="61">
        <v>104</v>
      </c>
      <c r="HW20" s="61">
        <v>65</v>
      </c>
      <c r="HX20" s="62">
        <v>595</v>
      </c>
      <c r="HY20" s="63">
        <v>780</v>
      </c>
      <c r="HZ20" s="60">
        <v>172</v>
      </c>
      <c r="IA20" s="61">
        <v>211</v>
      </c>
      <c r="IB20" s="62">
        <v>383</v>
      </c>
      <c r="IC20" s="443">
        <v>0</v>
      </c>
      <c r="ID20" s="61">
        <v>223</v>
      </c>
      <c r="IE20" s="61">
        <v>320</v>
      </c>
      <c r="IF20" s="61">
        <v>205</v>
      </c>
      <c r="IG20" s="61">
        <v>162</v>
      </c>
      <c r="IH20" s="61">
        <v>121</v>
      </c>
      <c r="II20" s="62">
        <v>1031</v>
      </c>
      <c r="IJ20" s="63">
        <v>1414</v>
      </c>
      <c r="IK20" s="60">
        <v>319</v>
      </c>
      <c r="IL20" s="61">
        <v>353</v>
      </c>
      <c r="IM20" s="62">
        <v>672</v>
      </c>
      <c r="IN20" s="443">
        <v>0</v>
      </c>
      <c r="IO20" s="61">
        <v>416</v>
      </c>
      <c r="IP20" s="61">
        <v>557</v>
      </c>
      <c r="IQ20" s="61">
        <v>391</v>
      </c>
      <c r="IR20" s="61">
        <v>282</v>
      </c>
      <c r="IS20" s="61">
        <v>173</v>
      </c>
      <c r="IT20" s="62">
        <v>1819</v>
      </c>
      <c r="IU20" s="63">
        <v>2491</v>
      </c>
      <c r="IV20" s="60">
        <v>245</v>
      </c>
      <c r="IW20" s="61">
        <v>338</v>
      </c>
      <c r="IX20" s="62">
        <v>583</v>
      </c>
      <c r="IY20" s="443">
        <v>0</v>
      </c>
      <c r="IZ20" s="61">
        <v>414</v>
      </c>
      <c r="JA20" s="61">
        <v>517</v>
      </c>
      <c r="JB20" s="61">
        <v>376</v>
      </c>
      <c r="JC20" s="61">
        <v>328</v>
      </c>
      <c r="JD20" s="61">
        <v>216</v>
      </c>
      <c r="JE20" s="62">
        <v>1851</v>
      </c>
      <c r="JF20" s="63">
        <v>2434</v>
      </c>
      <c r="JG20" s="60">
        <v>132</v>
      </c>
      <c r="JH20" s="61">
        <v>215</v>
      </c>
      <c r="JI20" s="62">
        <v>347</v>
      </c>
      <c r="JJ20" s="443">
        <v>0</v>
      </c>
      <c r="JK20" s="61">
        <v>313</v>
      </c>
      <c r="JL20" s="61">
        <v>471</v>
      </c>
      <c r="JM20" s="61">
        <v>375</v>
      </c>
      <c r="JN20" s="61">
        <v>416</v>
      </c>
      <c r="JO20" s="61">
        <v>242</v>
      </c>
      <c r="JP20" s="62">
        <v>1817</v>
      </c>
      <c r="JQ20" s="63">
        <v>2164</v>
      </c>
      <c r="JR20" s="60">
        <v>12</v>
      </c>
      <c r="JS20" s="61">
        <v>39</v>
      </c>
      <c r="JT20" s="62">
        <v>51</v>
      </c>
      <c r="JU20" s="443">
        <v>0</v>
      </c>
      <c r="JV20" s="61">
        <v>31</v>
      </c>
      <c r="JW20" s="61">
        <v>75</v>
      </c>
      <c r="JX20" s="61">
        <v>39</v>
      </c>
      <c r="JY20" s="61">
        <v>30</v>
      </c>
      <c r="JZ20" s="61">
        <v>37</v>
      </c>
      <c r="KA20" s="62">
        <v>212</v>
      </c>
      <c r="KB20" s="63">
        <v>263</v>
      </c>
      <c r="KC20" s="60">
        <v>968</v>
      </c>
      <c r="KD20" s="61">
        <v>1337</v>
      </c>
      <c r="KE20" s="62">
        <v>2305</v>
      </c>
      <c r="KF20" s="443">
        <v>0</v>
      </c>
      <c r="KG20" s="61">
        <v>1556</v>
      </c>
      <c r="KH20" s="61">
        <v>2189</v>
      </c>
      <c r="KI20" s="61">
        <v>1571</v>
      </c>
      <c r="KJ20" s="61">
        <v>1367</v>
      </c>
      <c r="KK20" s="61">
        <v>894</v>
      </c>
      <c r="KL20" s="62">
        <v>7577</v>
      </c>
      <c r="KM20" s="63">
        <v>9882</v>
      </c>
    </row>
    <row r="21" spans="2:299" ht="21" customHeight="1" x14ac:dyDescent="0.2">
      <c r="B21" s="437" t="s">
        <v>18</v>
      </c>
      <c r="C21" s="287">
        <v>455</v>
      </c>
      <c r="D21" s="72">
        <v>464</v>
      </c>
      <c r="E21" s="73">
        <v>919</v>
      </c>
      <c r="F21" s="443">
        <v>0</v>
      </c>
      <c r="G21" s="72">
        <v>980</v>
      </c>
      <c r="H21" s="72">
        <v>820</v>
      </c>
      <c r="I21" s="72">
        <v>528</v>
      </c>
      <c r="J21" s="72">
        <v>436</v>
      </c>
      <c r="K21" s="72">
        <v>273</v>
      </c>
      <c r="L21" s="74">
        <v>3037</v>
      </c>
      <c r="M21" s="75">
        <v>3956</v>
      </c>
      <c r="N21" s="60">
        <v>26</v>
      </c>
      <c r="O21" s="61">
        <v>20</v>
      </c>
      <c r="P21" s="62">
        <v>46</v>
      </c>
      <c r="Q21" s="443">
        <v>0</v>
      </c>
      <c r="R21" s="61">
        <v>50</v>
      </c>
      <c r="S21" s="61">
        <v>46</v>
      </c>
      <c r="T21" s="61">
        <v>32</v>
      </c>
      <c r="U21" s="61">
        <v>25</v>
      </c>
      <c r="V21" s="61">
        <v>26</v>
      </c>
      <c r="W21" s="62">
        <v>179</v>
      </c>
      <c r="X21" s="63">
        <v>225</v>
      </c>
      <c r="Y21" s="60">
        <v>50</v>
      </c>
      <c r="Z21" s="61">
        <v>52</v>
      </c>
      <c r="AA21" s="62">
        <v>102</v>
      </c>
      <c r="AB21" s="443">
        <v>0</v>
      </c>
      <c r="AC21" s="61">
        <v>103</v>
      </c>
      <c r="AD21" s="61">
        <v>87</v>
      </c>
      <c r="AE21" s="61">
        <v>61</v>
      </c>
      <c r="AF21" s="61">
        <v>55</v>
      </c>
      <c r="AG21" s="61">
        <v>28</v>
      </c>
      <c r="AH21" s="62">
        <v>334</v>
      </c>
      <c r="AI21" s="63">
        <v>436</v>
      </c>
      <c r="AJ21" s="60">
        <v>77</v>
      </c>
      <c r="AK21" s="61">
        <v>83</v>
      </c>
      <c r="AL21" s="62">
        <v>160</v>
      </c>
      <c r="AM21" s="443">
        <v>0</v>
      </c>
      <c r="AN21" s="61">
        <v>157</v>
      </c>
      <c r="AO21" s="61">
        <v>124</v>
      </c>
      <c r="AP21" s="61">
        <v>87</v>
      </c>
      <c r="AQ21" s="61">
        <v>69</v>
      </c>
      <c r="AR21" s="61">
        <v>54</v>
      </c>
      <c r="AS21" s="62">
        <v>491</v>
      </c>
      <c r="AT21" s="63">
        <v>651</v>
      </c>
      <c r="AU21" s="60">
        <v>128</v>
      </c>
      <c r="AV21" s="61">
        <v>126</v>
      </c>
      <c r="AW21" s="62">
        <v>254</v>
      </c>
      <c r="AX21" s="443">
        <v>0</v>
      </c>
      <c r="AY21" s="61">
        <v>267</v>
      </c>
      <c r="AZ21" s="61">
        <v>234</v>
      </c>
      <c r="BA21" s="61">
        <v>127</v>
      </c>
      <c r="BB21" s="61">
        <v>104</v>
      </c>
      <c r="BC21" s="61">
        <v>83</v>
      </c>
      <c r="BD21" s="62">
        <v>815</v>
      </c>
      <c r="BE21" s="63">
        <v>1069</v>
      </c>
      <c r="BF21" s="60">
        <v>110</v>
      </c>
      <c r="BG21" s="61">
        <v>122</v>
      </c>
      <c r="BH21" s="62">
        <v>232</v>
      </c>
      <c r="BI21" s="443">
        <v>0</v>
      </c>
      <c r="BJ21" s="61">
        <v>254</v>
      </c>
      <c r="BK21" s="61">
        <v>200</v>
      </c>
      <c r="BL21" s="61">
        <v>132</v>
      </c>
      <c r="BM21" s="61">
        <v>102</v>
      </c>
      <c r="BN21" s="61">
        <v>50</v>
      </c>
      <c r="BO21" s="62">
        <v>738</v>
      </c>
      <c r="BP21" s="63">
        <v>970</v>
      </c>
      <c r="BQ21" s="60">
        <v>64</v>
      </c>
      <c r="BR21" s="61">
        <v>61</v>
      </c>
      <c r="BS21" s="62">
        <v>125</v>
      </c>
      <c r="BT21" s="443">
        <v>0</v>
      </c>
      <c r="BU21" s="61">
        <v>149</v>
      </c>
      <c r="BV21" s="61">
        <v>129</v>
      </c>
      <c r="BW21" s="61">
        <v>89</v>
      </c>
      <c r="BX21" s="61">
        <v>81</v>
      </c>
      <c r="BY21" s="61">
        <v>32</v>
      </c>
      <c r="BZ21" s="62">
        <v>480</v>
      </c>
      <c r="CA21" s="63">
        <v>605</v>
      </c>
      <c r="CB21" s="60">
        <v>11</v>
      </c>
      <c r="CC21" s="61">
        <v>26</v>
      </c>
      <c r="CD21" s="62">
        <v>37</v>
      </c>
      <c r="CE21" s="443">
        <v>0</v>
      </c>
      <c r="CF21" s="61">
        <v>29</v>
      </c>
      <c r="CG21" s="61">
        <v>37</v>
      </c>
      <c r="CH21" s="61">
        <v>27</v>
      </c>
      <c r="CI21" s="61">
        <v>29</v>
      </c>
      <c r="CJ21" s="61">
        <v>25</v>
      </c>
      <c r="CK21" s="62">
        <v>147</v>
      </c>
      <c r="CL21" s="63">
        <v>184</v>
      </c>
      <c r="CM21" s="60">
        <v>466</v>
      </c>
      <c r="CN21" s="61">
        <v>490</v>
      </c>
      <c r="CO21" s="62">
        <v>956</v>
      </c>
      <c r="CP21" s="443">
        <v>0</v>
      </c>
      <c r="CQ21" s="61">
        <v>1009</v>
      </c>
      <c r="CR21" s="61">
        <v>857</v>
      </c>
      <c r="CS21" s="61">
        <v>555</v>
      </c>
      <c r="CT21" s="61">
        <v>465</v>
      </c>
      <c r="CU21" s="61">
        <v>298</v>
      </c>
      <c r="CV21" s="62">
        <v>3184</v>
      </c>
      <c r="CW21" s="63">
        <v>4140</v>
      </c>
      <c r="CX21" s="113">
        <v>813</v>
      </c>
      <c r="CY21" s="72">
        <v>1159</v>
      </c>
      <c r="CZ21" s="73">
        <v>1972</v>
      </c>
      <c r="DA21" s="443">
        <v>0</v>
      </c>
      <c r="DB21" s="72">
        <v>1476</v>
      </c>
      <c r="DC21" s="72">
        <v>1253</v>
      </c>
      <c r="DD21" s="72">
        <v>978</v>
      </c>
      <c r="DE21" s="72">
        <v>977</v>
      </c>
      <c r="DF21" s="72">
        <v>637</v>
      </c>
      <c r="DG21" s="74">
        <v>5321</v>
      </c>
      <c r="DH21" s="75">
        <v>7293</v>
      </c>
      <c r="DI21" s="60">
        <v>19</v>
      </c>
      <c r="DJ21" s="61">
        <v>31</v>
      </c>
      <c r="DK21" s="62">
        <v>50</v>
      </c>
      <c r="DL21" s="443">
        <v>0</v>
      </c>
      <c r="DM21" s="61">
        <v>34</v>
      </c>
      <c r="DN21" s="61">
        <v>23</v>
      </c>
      <c r="DO21" s="61">
        <v>12</v>
      </c>
      <c r="DP21" s="61">
        <v>26</v>
      </c>
      <c r="DQ21" s="61">
        <v>12</v>
      </c>
      <c r="DR21" s="62">
        <v>107</v>
      </c>
      <c r="DS21" s="63">
        <v>157</v>
      </c>
      <c r="DT21" s="60">
        <v>78</v>
      </c>
      <c r="DU21" s="61">
        <v>89</v>
      </c>
      <c r="DV21" s="62">
        <v>167</v>
      </c>
      <c r="DW21" s="443">
        <v>0</v>
      </c>
      <c r="DX21" s="61">
        <v>89</v>
      </c>
      <c r="DY21" s="61">
        <v>65</v>
      </c>
      <c r="DZ21" s="61">
        <v>40</v>
      </c>
      <c r="EA21" s="61">
        <v>49</v>
      </c>
      <c r="EB21" s="61">
        <v>37</v>
      </c>
      <c r="EC21" s="62">
        <v>280</v>
      </c>
      <c r="ED21" s="63">
        <v>447</v>
      </c>
      <c r="EE21" s="60">
        <v>142</v>
      </c>
      <c r="EF21" s="61">
        <v>183</v>
      </c>
      <c r="EG21" s="62">
        <v>325</v>
      </c>
      <c r="EH21" s="443">
        <v>0</v>
      </c>
      <c r="EI21" s="61">
        <v>203</v>
      </c>
      <c r="EJ21" s="61">
        <v>151</v>
      </c>
      <c r="EK21" s="61">
        <v>107</v>
      </c>
      <c r="EL21" s="61">
        <v>95</v>
      </c>
      <c r="EM21" s="61">
        <v>71</v>
      </c>
      <c r="EN21" s="62">
        <v>627</v>
      </c>
      <c r="EO21" s="63">
        <v>952</v>
      </c>
      <c r="EP21" s="60">
        <v>277</v>
      </c>
      <c r="EQ21" s="61">
        <v>355</v>
      </c>
      <c r="ER21" s="62">
        <v>632</v>
      </c>
      <c r="ES21" s="443">
        <v>0</v>
      </c>
      <c r="ET21" s="61">
        <v>400</v>
      </c>
      <c r="EU21" s="61">
        <v>292</v>
      </c>
      <c r="EV21" s="61">
        <v>224</v>
      </c>
      <c r="EW21" s="61">
        <v>197</v>
      </c>
      <c r="EX21" s="61">
        <v>128</v>
      </c>
      <c r="EY21" s="62">
        <v>1241</v>
      </c>
      <c r="EZ21" s="63">
        <v>1873</v>
      </c>
      <c r="FA21" s="60">
        <v>191</v>
      </c>
      <c r="FB21" s="61">
        <v>322</v>
      </c>
      <c r="FC21" s="62">
        <v>513</v>
      </c>
      <c r="FD21" s="443">
        <v>0</v>
      </c>
      <c r="FE21" s="61">
        <v>417</v>
      </c>
      <c r="FF21" s="61">
        <v>393</v>
      </c>
      <c r="FG21" s="61">
        <v>280</v>
      </c>
      <c r="FH21" s="61">
        <v>239</v>
      </c>
      <c r="FI21" s="61">
        <v>175</v>
      </c>
      <c r="FJ21" s="62">
        <v>1504</v>
      </c>
      <c r="FK21" s="63">
        <v>2017</v>
      </c>
      <c r="FL21" s="60">
        <v>106</v>
      </c>
      <c r="FM21" s="61">
        <v>179</v>
      </c>
      <c r="FN21" s="62">
        <v>285</v>
      </c>
      <c r="FO21" s="443">
        <v>0</v>
      </c>
      <c r="FP21" s="61">
        <v>333</v>
      </c>
      <c r="FQ21" s="61">
        <v>329</v>
      </c>
      <c r="FR21" s="61">
        <v>315</v>
      </c>
      <c r="FS21" s="61">
        <v>371</v>
      </c>
      <c r="FT21" s="61">
        <v>214</v>
      </c>
      <c r="FU21" s="62">
        <v>1562</v>
      </c>
      <c r="FV21" s="63">
        <v>1847</v>
      </c>
      <c r="FW21" s="60">
        <v>19</v>
      </c>
      <c r="FX21" s="61">
        <v>9</v>
      </c>
      <c r="FY21" s="62">
        <v>28</v>
      </c>
      <c r="FZ21" s="443">
        <v>0</v>
      </c>
      <c r="GA21" s="61">
        <v>23</v>
      </c>
      <c r="GB21" s="61">
        <v>31</v>
      </c>
      <c r="GC21" s="61">
        <v>10</v>
      </c>
      <c r="GD21" s="61">
        <v>14</v>
      </c>
      <c r="GE21" s="61">
        <v>16</v>
      </c>
      <c r="GF21" s="62">
        <v>94</v>
      </c>
      <c r="GG21" s="63">
        <v>122</v>
      </c>
      <c r="GH21" s="60">
        <v>832</v>
      </c>
      <c r="GI21" s="61">
        <v>1168</v>
      </c>
      <c r="GJ21" s="62">
        <v>2000</v>
      </c>
      <c r="GK21" s="443">
        <v>0</v>
      </c>
      <c r="GL21" s="61">
        <v>1499</v>
      </c>
      <c r="GM21" s="61">
        <v>1284</v>
      </c>
      <c r="GN21" s="61">
        <v>988</v>
      </c>
      <c r="GO21" s="61">
        <v>991</v>
      </c>
      <c r="GP21" s="61">
        <v>653</v>
      </c>
      <c r="GQ21" s="62">
        <v>5415</v>
      </c>
      <c r="GR21" s="63">
        <v>7415</v>
      </c>
      <c r="GS21" s="113">
        <v>1268</v>
      </c>
      <c r="GT21" s="72">
        <v>1623</v>
      </c>
      <c r="GU21" s="73">
        <v>2891</v>
      </c>
      <c r="GV21" s="224">
        <v>0</v>
      </c>
      <c r="GW21" s="72">
        <v>2456</v>
      </c>
      <c r="GX21" s="72">
        <v>2073</v>
      </c>
      <c r="GY21" s="72">
        <v>1506</v>
      </c>
      <c r="GZ21" s="72">
        <v>1413</v>
      </c>
      <c r="HA21" s="72">
        <v>910</v>
      </c>
      <c r="HB21" s="74">
        <v>8358</v>
      </c>
      <c r="HC21" s="75">
        <v>11249</v>
      </c>
      <c r="HD21" s="60">
        <v>45</v>
      </c>
      <c r="HE21" s="61">
        <v>51</v>
      </c>
      <c r="HF21" s="62">
        <v>96</v>
      </c>
      <c r="HG21" s="227">
        <v>0</v>
      </c>
      <c r="HH21" s="61">
        <v>84</v>
      </c>
      <c r="HI21" s="61">
        <v>69</v>
      </c>
      <c r="HJ21" s="61">
        <v>44</v>
      </c>
      <c r="HK21" s="61">
        <v>51</v>
      </c>
      <c r="HL21" s="61">
        <v>38</v>
      </c>
      <c r="HM21" s="62">
        <v>286</v>
      </c>
      <c r="HN21" s="63">
        <v>382</v>
      </c>
      <c r="HO21" s="60">
        <v>128</v>
      </c>
      <c r="HP21" s="61">
        <v>141</v>
      </c>
      <c r="HQ21" s="62">
        <v>269</v>
      </c>
      <c r="HR21" s="443">
        <v>0</v>
      </c>
      <c r="HS21" s="61">
        <v>192</v>
      </c>
      <c r="HT21" s="61">
        <v>152</v>
      </c>
      <c r="HU21" s="61">
        <v>101</v>
      </c>
      <c r="HV21" s="61">
        <v>104</v>
      </c>
      <c r="HW21" s="61">
        <v>65</v>
      </c>
      <c r="HX21" s="62">
        <v>614</v>
      </c>
      <c r="HY21" s="63">
        <v>883</v>
      </c>
      <c r="HZ21" s="60">
        <v>219</v>
      </c>
      <c r="IA21" s="61">
        <v>266</v>
      </c>
      <c r="IB21" s="62">
        <v>485</v>
      </c>
      <c r="IC21" s="443">
        <v>0</v>
      </c>
      <c r="ID21" s="61">
        <v>360</v>
      </c>
      <c r="IE21" s="61">
        <v>275</v>
      </c>
      <c r="IF21" s="61">
        <v>194</v>
      </c>
      <c r="IG21" s="61">
        <v>164</v>
      </c>
      <c r="IH21" s="61">
        <v>125</v>
      </c>
      <c r="II21" s="62">
        <v>1118</v>
      </c>
      <c r="IJ21" s="63">
        <v>1603</v>
      </c>
      <c r="IK21" s="60">
        <v>405</v>
      </c>
      <c r="IL21" s="61">
        <v>481</v>
      </c>
      <c r="IM21" s="62">
        <v>886</v>
      </c>
      <c r="IN21" s="443">
        <v>0</v>
      </c>
      <c r="IO21" s="61">
        <v>667</v>
      </c>
      <c r="IP21" s="61">
        <v>526</v>
      </c>
      <c r="IQ21" s="61">
        <v>351</v>
      </c>
      <c r="IR21" s="61">
        <v>301</v>
      </c>
      <c r="IS21" s="61">
        <v>211</v>
      </c>
      <c r="IT21" s="62">
        <v>2056</v>
      </c>
      <c r="IU21" s="63">
        <v>2942</v>
      </c>
      <c r="IV21" s="60">
        <v>301</v>
      </c>
      <c r="IW21" s="61">
        <v>444</v>
      </c>
      <c r="IX21" s="62">
        <v>745</v>
      </c>
      <c r="IY21" s="443">
        <v>0</v>
      </c>
      <c r="IZ21" s="61">
        <v>671</v>
      </c>
      <c r="JA21" s="61">
        <v>593</v>
      </c>
      <c r="JB21" s="61">
        <v>412</v>
      </c>
      <c r="JC21" s="61">
        <v>341</v>
      </c>
      <c r="JD21" s="61">
        <v>225</v>
      </c>
      <c r="JE21" s="62">
        <v>2242</v>
      </c>
      <c r="JF21" s="63">
        <v>2987</v>
      </c>
      <c r="JG21" s="60">
        <v>170</v>
      </c>
      <c r="JH21" s="61">
        <v>240</v>
      </c>
      <c r="JI21" s="62">
        <v>410</v>
      </c>
      <c r="JJ21" s="443">
        <v>0</v>
      </c>
      <c r="JK21" s="61">
        <v>482</v>
      </c>
      <c r="JL21" s="61">
        <v>458</v>
      </c>
      <c r="JM21" s="61">
        <v>404</v>
      </c>
      <c r="JN21" s="61">
        <v>452</v>
      </c>
      <c r="JO21" s="61">
        <v>246</v>
      </c>
      <c r="JP21" s="62">
        <v>2042</v>
      </c>
      <c r="JQ21" s="63">
        <v>2452</v>
      </c>
      <c r="JR21" s="60">
        <v>30</v>
      </c>
      <c r="JS21" s="61">
        <v>35</v>
      </c>
      <c r="JT21" s="62">
        <v>65</v>
      </c>
      <c r="JU21" s="443">
        <v>0</v>
      </c>
      <c r="JV21" s="61">
        <v>52</v>
      </c>
      <c r="JW21" s="61">
        <v>68</v>
      </c>
      <c r="JX21" s="61">
        <v>37</v>
      </c>
      <c r="JY21" s="61">
        <v>43</v>
      </c>
      <c r="JZ21" s="61">
        <v>41</v>
      </c>
      <c r="KA21" s="62">
        <v>241</v>
      </c>
      <c r="KB21" s="63">
        <v>306</v>
      </c>
      <c r="KC21" s="60">
        <v>1298</v>
      </c>
      <c r="KD21" s="61">
        <v>1658</v>
      </c>
      <c r="KE21" s="62">
        <v>2956</v>
      </c>
      <c r="KF21" s="443">
        <v>0</v>
      </c>
      <c r="KG21" s="61">
        <v>2508</v>
      </c>
      <c r="KH21" s="61">
        <v>2141</v>
      </c>
      <c r="KI21" s="61">
        <v>1543</v>
      </c>
      <c r="KJ21" s="61">
        <v>1456</v>
      </c>
      <c r="KK21" s="61">
        <v>951</v>
      </c>
      <c r="KL21" s="62">
        <v>8599</v>
      </c>
      <c r="KM21" s="63">
        <v>11555</v>
      </c>
    </row>
    <row r="22" spans="2:299" ht="21" customHeight="1" x14ac:dyDescent="0.2">
      <c r="B22" s="437" t="s">
        <v>19</v>
      </c>
      <c r="C22" s="287">
        <v>208</v>
      </c>
      <c r="D22" s="72">
        <v>178</v>
      </c>
      <c r="E22" s="73">
        <v>386</v>
      </c>
      <c r="F22" s="443">
        <v>0</v>
      </c>
      <c r="G22" s="72">
        <v>397</v>
      </c>
      <c r="H22" s="72">
        <v>326</v>
      </c>
      <c r="I22" s="72">
        <v>214</v>
      </c>
      <c r="J22" s="72">
        <v>145</v>
      </c>
      <c r="K22" s="72">
        <v>109</v>
      </c>
      <c r="L22" s="74">
        <v>1191</v>
      </c>
      <c r="M22" s="75">
        <v>1577</v>
      </c>
      <c r="N22" s="76">
        <v>4</v>
      </c>
      <c r="O22" s="61">
        <v>12</v>
      </c>
      <c r="P22" s="62">
        <v>16</v>
      </c>
      <c r="Q22" s="443">
        <v>0</v>
      </c>
      <c r="R22" s="61">
        <v>19</v>
      </c>
      <c r="S22" s="61">
        <v>12</v>
      </c>
      <c r="T22" s="61">
        <v>10</v>
      </c>
      <c r="U22" s="61">
        <v>6</v>
      </c>
      <c r="V22" s="61">
        <v>7</v>
      </c>
      <c r="W22" s="62">
        <v>54</v>
      </c>
      <c r="X22" s="63">
        <v>70</v>
      </c>
      <c r="Y22" s="60">
        <v>21</v>
      </c>
      <c r="Z22" s="61">
        <v>21</v>
      </c>
      <c r="AA22" s="62">
        <v>42</v>
      </c>
      <c r="AB22" s="443">
        <v>0</v>
      </c>
      <c r="AC22" s="61">
        <v>41</v>
      </c>
      <c r="AD22" s="61">
        <v>36</v>
      </c>
      <c r="AE22" s="61">
        <v>20</v>
      </c>
      <c r="AF22" s="61">
        <v>13</v>
      </c>
      <c r="AG22" s="61">
        <v>13</v>
      </c>
      <c r="AH22" s="62">
        <v>123</v>
      </c>
      <c r="AI22" s="63">
        <v>165</v>
      </c>
      <c r="AJ22" s="76">
        <v>32</v>
      </c>
      <c r="AK22" s="61">
        <v>26</v>
      </c>
      <c r="AL22" s="62">
        <v>58</v>
      </c>
      <c r="AM22" s="443">
        <v>0</v>
      </c>
      <c r="AN22" s="61">
        <v>64</v>
      </c>
      <c r="AO22" s="61">
        <v>62</v>
      </c>
      <c r="AP22" s="61">
        <v>36</v>
      </c>
      <c r="AQ22" s="61">
        <v>37</v>
      </c>
      <c r="AR22" s="61">
        <v>14</v>
      </c>
      <c r="AS22" s="62">
        <v>213</v>
      </c>
      <c r="AT22" s="63">
        <v>271</v>
      </c>
      <c r="AU22" s="60">
        <v>58</v>
      </c>
      <c r="AV22" s="61">
        <v>40</v>
      </c>
      <c r="AW22" s="62">
        <v>98</v>
      </c>
      <c r="AX22" s="443">
        <v>0</v>
      </c>
      <c r="AY22" s="61">
        <v>102</v>
      </c>
      <c r="AZ22" s="61">
        <v>81</v>
      </c>
      <c r="BA22" s="61">
        <v>60</v>
      </c>
      <c r="BB22" s="61">
        <v>35</v>
      </c>
      <c r="BC22" s="61">
        <v>26</v>
      </c>
      <c r="BD22" s="62">
        <v>304</v>
      </c>
      <c r="BE22" s="63">
        <v>402</v>
      </c>
      <c r="BF22" s="76">
        <v>58</v>
      </c>
      <c r="BG22" s="61">
        <v>36</v>
      </c>
      <c r="BH22" s="62">
        <v>94</v>
      </c>
      <c r="BI22" s="443">
        <v>0</v>
      </c>
      <c r="BJ22" s="61">
        <v>102</v>
      </c>
      <c r="BK22" s="61">
        <v>79</v>
      </c>
      <c r="BL22" s="61">
        <v>47</v>
      </c>
      <c r="BM22" s="61">
        <v>38</v>
      </c>
      <c r="BN22" s="61">
        <v>31</v>
      </c>
      <c r="BO22" s="62">
        <v>297</v>
      </c>
      <c r="BP22" s="63">
        <v>391</v>
      </c>
      <c r="BQ22" s="60">
        <v>35</v>
      </c>
      <c r="BR22" s="61">
        <v>43</v>
      </c>
      <c r="BS22" s="62">
        <v>78</v>
      </c>
      <c r="BT22" s="443">
        <v>0</v>
      </c>
      <c r="BU22" s="61">
        <v>69</v>
      </c>
      <c r="BV22" s="61">
        <v>56</v>
      </c>
      <c r="BW22" s="61">
        <v>41</v>
      </c>
      <c r="BX22" s="61">
        <v>16</v>
      </c>
      <c r="BY22" s="61">
        <v>18</v>
      </c>
      <c r="BZ22" s="62">
        <v>200</v>
      </c>
      <c r="CA22" s="63">
        <v>278</v>
      </c>
      <c r="CB22" s="60">
        <v>5</v>
      </c>
      <c r="CC22" s="61">
        <v>9</v>
      </c>
      <c r="CD22" s="62">
        <v>14</v>
      </c>
      <c r="CE22" s="443">
        <v>0</v>
      </c>
      <c r="CF22" s="61">
        <v>20</v>
      </c>
      <c r="CG22" s="61">
        <v>7</v>
      </c>
      <c r="CH22" s="61">
        <v>10</v>
      </c>
      <c r="CI22" s="61">
        <v>6</v>
      </c>
      <c r="CJ22" s="61">
        <v>4</v>
      </c>
      <c r="CK22" s="62">
        <v>47</v>
      </c>
      <c r="CL22" s="63">
        <v>61</v>
      </c>
      <c r="CM22" s="60">
        <v>213</v>
      </c>
      <c r="CN22" s="61">
        <v>187</v>
      </c>
      <c r="CO22" s="62">
        <v>400</v>
      </c>
      <c r="CP22" s="443">
        <v>0</v>
      </c>
      <c r="CQ22" s="61">
        <v>417</v>
      </c>
      <c r="CR22" s="61">
        <v>333</v>
      </c>
      <c r="CS22" s="61">
        <v>224</v>
      </c>
      <c r="CT22" s="61">
        <v>151</v>
      </c>
      <c r="CU22" s="61">
        <v>113</v>
      </c>
      <c r="CV22" s="62">
        <v>1238</v>
      </c>
      <c r="CW22" s="63">
        <v>1638</v>
      </c>
      <c r="CX22" s="113">
        <v>388</v>
      </c>
      <c r="CY22" s="72">
        <v>418</v>
      </c>
      <c r="CZ22" s="73">
        <v>806</v>
      </c>
      <c r="DA22" s="443">
        <v>0</v>
      </c>
      <c r="DB22" s="72">
        <v>681</v>
      </c>
      <c r="DC22" s="72">
        <v>504</v>
      </c>
      <c r="DD22" s="72">
        <v>414</v>
      </c>
      <c r="DE22" s="72">
        <v>340</v>
      </c>
      <c r="DF22" s="72">
        <v>240</v>
      </c>
      <c r="DG22" s="74">
        <v>2179</v>
      </c>
      <c r="DH22" s="75">
        <v>2985</v>
      </c>
      <c r="DI22" s="76">
        <v>8</v>
      </c>
      <c r="DJ22" s="61">
        <v>10</v>
      </c>
      <c r="DK22" s="62">
        <v>18</v>
      </c>
      <c r="DL22" s="443">
        <v>0</v>
      </c>
      <c r="DM22" s="61">
        <v>12</v>
      </c>
      <c r="DN22" s="61">
        <v>17</v>
      </c>
      <c r="DO22" s="61">
        <v>8</v>
      </c>
      <c r="DP22" s="61">
        <v>3</v>
      </c>
      <c r="DQ22" s="61">
        <v>1</v>
      </c>
      <c r="DR22" s="62">
        <v>41</v>
      </c>
      <c r="DS22" s="63">
        <v>59</v>
      </c>
      <c r="DT22" s="60">
        <v>30</v>
      </c>
      <c r="DU22" s="61">
        <v>34</v>
      </c>
      <c r="DV22" s="62">
        <v>64</v>
      </c>
      <c r="DW22" s="443">
        <v>0</v>
      </c>
      <c r="DX22" s="61">
        <v>38</v>
      </c>
      <c r="DY22" s="61">
        <v>21</v>
      </c>
      <c r="DZ22" s="61">
        <v>14</v>
      </c>
      <c r="EA22" s="61">
        <v>13</v>
      </c>
      <c r="EB22" s="61">
        <v>16</v>
      </c>
      <c r="EC22" s="62">
        <v>102</v>
      </c>
      <c r="ED22" s="63">
        <v>166</v>
      </c>
      <c r="EE22" s="76">
        <v>55</v>
      </c>
      <c r="EF22" s="61">
        <v>70</v>
      </c>
      <c r="EG22" s="62">
        <v>125</v>
      </c>
      <c r="EH22" s="443">
        <v>0</v>
      </c>
      <c r="EI22" s="61">
        <v>84</v>
      </c>
      <c r="EJ22" s="61">
        <v>54</v>
      </c>
      <c r="EK22" s="61">
        <v>40</v>
      </c>
      <c r="EL22" s="61">
        <v>35</v>
      </c>
      <c r="EM22" s="61">
        <v>23</v>
      </c>
      <c r="EN22" s="62">
        <v>236</v>
      </c>
      <c r="EO22" s="63">
        <v>361</v>
      </c>
      <c r="EP22" s="60">
        <v>120</v>
      </c>
      <c r="EQ22" s="61">
        <v>105</v>
      </c>
      <c r="ER22" s="62">
        <v>225</v>
      </c>
      <c r="ES22" s="443">
        <v>0</v>
      </c>
      <c r="ET22" s="61">
        <v>182</v>
      </c>
      <c r="EU22" s="61">
        <v>129</v>
      </c>
      <c r="EV22" s="61">
        <v>84</v>
      </c>
      <c r="EW22" s="61">
        <v>73</v>
      </c>
      <c r="EX22" s="61">
        <v>43</v>
      </c>
      <c r="EY22" s="62">
        <v>511</v>
      </c>
      <c r="EZ22" s="63">
        <v>736</v>
      </c>
      <c r="FA22" s="76">
        <v>122</v>
      </c>
      <c r="FB22" s="61">
        <v>117</v>
      </c>
      <c r="FC22" s="62">
        <v>239</v>
      </c>
      <c r="FD22" s="443">
        <v>0</v>
      </c>
      <c r="FE22" s="61">
        <v>194</v>
      </c>
      <c r="FF22" s="61">
        <v>144</v>
      </c>
      <c r="FG22" s="61">
        <v>115</v>
      </c>
      <c r="FH22" s="61">
        <v>81</v>
      </c>
      <c r="FI22" s="61">
        <v>58</v>
      </c>
      <c r="FJ22" s="62">
        <v>592</v>
      </c>
      <c r="FK22" s="63">
        <v>831</v>
      </c>
      <c r="FL22" s="60">
        <v>53</v>
      </c>
      <c r="FM22" s="61">
        <v>82</v>
      </c>
      <c r="FN22" s="62">
        <v>135</v>
      </c>
      <c r="FO22" s="443">
        <v>0</v>
      </c>
      <c r="FP22" s="61">
        <v>171</v>
      </c>
      <c r="FQ22" s="61">
        <v>139</v>
      </c>
      <c r="FR22" s="61">
        <v>153</v>
      </c>
      <c r="FS22" s="61">
        <v>135</v>
      </c>
      <c r="FT22" s="61">
        <v>99</v>
      </c>
      <c r="FU22" s="62">
        <v>697</v>
      </c>
      <c r="FV22" s="63">
        <v>832</v>
      </c>
      <c r="FW22" s="60">
        <v>4</v>
      </c>
      <c r="FX22" s="61">
        <v>6</v>
      </c>
      <c r="FY22" s="62">
        <v>10</v>
      </c>
      <c r="FZ22" s="443">
        <v>0</v>
      </c>
      <c r="GA22" s="61">
        <v>4</v>
      </c>
      <c r="GB22" s="61">
        <v>12</v>
      </c>
      <c r="GC22" s="61">
        <v>6</v>
      </c>
      <c r="GD22" s="61">
        <v>4</v>
      </c>
      <c r="GE22" s="61">
        <v>4</v>
      </c>
      <c r="GF22" s="62">
        <v>30</v>
      </c>
      <c r="GG22" s="63">
        <v>40</v>
      </c>
      <c r="GH22" s="60">
        <v>392</v>
      </c>
      <c r="GI22" s="61">
        <v>424</v>
      </c>
      <c r="GJ22" s="62">
        <v>816</v>
      </c>
      <c r="GK22" s="443">
        <v>0</v>
      </c>
      <c r="GL22" s="61">
        <v>685</v>
      </c>
      <c r="GM22" s="61">
        <v>516</v>
      </c>
      <c r="GN22" s="61">
        <v>420</v>
      </c>
      <c r="GO22" s="61">
        <v>344</v>
      </c>
      <c r="GP22" s="61">
        <v>244</v>
      </c>
      <c r="GQ22" s="62">
        <v>2209</v>
      </c>
      <c r="GR22" s="63">
        <v>3025</v>
      </c>
      <c r="GS22" s="113">
        <v>596</v>
      </c>
      <c r="GT22" s="72">
        <v>596</v>
      </c>
      <c r="GU22" s="73">
        <v>1192</v>
      </c>
      <c r="GV22" s="224">
        <v>0</v>
      </c>
      <c r="GW22" s="72">
        <v>1078</v>
      </c>
      <c r="GX22" s="72">
        <v>830</v>
      </c>
      <c r="GY22" s="72">
        <v>628</v>
      </c>
      <c r="GZ22" s="72">
        <v>485</v>
      </c>
      <c r="HA22" s="72">
        <v>349</v>
      </c>
      <c r="HB22" s="74">
        <v>3370</v>
      </c>
      <c r="HC22" s="75">
        <v>4562</v>
      </c>
      <c r="HD22" s="76">
        <v>12</v>
      </c>
      <c r="HE22" s="61">
        <v>22</v>
      </c>
      <c r="HF22" s="62">
        <v>34</v>
      </c>
      <c r="HG22" s="227">
        <v>0</v>
      </c>
      <c r="HH22" s="61">
        <v>31</v>
      </c>
      <c r="HI22" s="61">
        <v>29</v>
      </c>
      <c r="HJ22" s="61">
        <v>18</v>
      </c>
      <c r="HK22" s="61">
        <v>9</v>
      </c>
      <c r="HL22" s="61">
        <v>8</v>
      </c>
      <c r="HM22" s="62">
        <v>95</v>
      </c>
      <c r="HN22" s="63">
        <v>129</v>
      </c>
      <c r="HO22" s="60">
        <v>51</v>
      </c>
      <c r="HP22" s="61">
        <v>55</v>
      </c>
      <c r="HQ22" s="62">
        <v>106</v>
      </c>
      <c r="HR22" s="443">
        <v>0</v>
      </c>
      <c r="HS22" s="61">
        <v>79</v>
      </c>
      <c r="HT22" s="61">
        <v>57</v>
      </c>
      <c r="HU22" s="61">
        <v>34</v>
      </c>
      <c r="HV22" s="61">
        <v>26</v>
      </c>
      <c r="HW22" s="61">
        <v>29</v>
      </c>
      <c r="HX22" s="62">
        <v>225</v>
      </c>
      <c r="HY22" s="63">
        <v>331</v>
      </c>
      <c r="HZ22" s="76">
        <v>87</v>
      </c>
      <c r="IA22" s="61">
        <v>96</v>
      </c>
      <c r="IB22" s="62">
        <v>183</v>
      </c>
      <c r="IC22" s="443">
        <v>0</v>
      </c>
      <c r="ID22" s="61">
        <v>148</v>
      </c>
      <c r="IE22" s="61">
        <v>116</v>
      </c>
      <c r="IF22" s="61">
        <v>76</v>
      </c>
      <c r="IG22" s="61">
        <v>72</v>
      </c>
      <c r="IH22" s="61">
        <v>37</v>
      </c>
      <c r="II22" s="62">
        <v>449</v>
      </c>
      <c r="IJ22" s="63">
        <v>632</v>
      </c>
      <c r="IK22" s="60">
        <v>178</v>
      </c>
      <c r="IL22" s="61">
        <v>145</v>
      </c>
      <c r="IM22" s="62">
        <v>323</v>
      </c>
      <c r="IN22" s="443">
        <v>0</v>
      </c>
      <c r="IO22" s="61">
        <v>284</v>
      </c>
      <c r="IP22" s="61">
        <v>210</v>
      </c>
      <c r="IQ22" s="61">
        <v>144</v>
      </c>
      <c r="IR22" s="61">
        <v>108</v>
      </c>
      <c r="IS22" s="61">
        <v>69</v>
      </c>
      <c r="IT22" s="62">
        <v>815</v>
      </c>
      <c r="IU22" s="63">
        <v>1138</v>
      </c>
      <c r="IV22" s="76">
        <v>180</v>
      </c>
      <c r="IW22" s="61">
        <v>153</v>
      </c>
      <c r="IX22" s="62">
        <v>333</v>
      </c>
      <c r="IY22" s="443">
        <v>0</v>
      </c>
      <c r="IZ22" s="61">
        <v>296</v>
      </c>
      <c r="JA22" s="61">
        <v>223</v>
      </c>
      <c r="JB22" s="61">
        <v>162</v>
      </c>
      <c r="JC22" s="61">
        <v>119</v>
      </c>
      <c r="JD22" s="61">
        <v>89</v>
      </c>
      <c r="JE22" s="62">
        <v>889</v>
      </c>
      <c r="JF22" s="63">
        <v>1222</v>
      </c>
      <c r="JG22" s="60">
        <v>88</v>
      </c>
      <c r="JH22" s="61">
        <v>125</v>
      </c>
      <c r="JI22" s="62">
        <v>213</v>
      </c>
      <c r="JJ22" s="443">
        <v>0</v>
      </c>
      <c r="JK22" s="61">
        <v>240</v>
      </c>
      <c r="JL22" s="61">
        <v>195</v>
      </c>
      <c r="JM22" s="61">
        <v>194</v>
      </c>
      <c r="JN22" s="61">
        <v>151</v>
      </c>
      <c r="JO22" s="61">
        <v>117</v>
      </c>
      <c r="JP22" s="62">
        <v>897</v>
      </c>
      <c r="JQ22" s="63">
        <v>1110</v>
      </c>
      <c r="JR22" s="60">
        <v>9</v>
      </c>
      <c r="JS22" s="61">
        <v>15</v>
      </c>
      <c r="JT22" s="62">
        <v>24</v>
      </c>
      <c r="JU22" s="443">
        <v>0</v>
      </c>
      <c r="JV22" s="61">
        <v>24</v>
      </c>
      <c r="JW22" s="61">
        <v>19</v>
      </c>
      <c r="JX22" s="61">
        <v>16</v>
      </c>
      <c r="JY22" s="61">
        <v>10</v>
      </c>
      <c r="JZ22" s="61">
        <v>8</v>
      </c>
      <c r="KA22" s="62">
        <v>77</v>
      </c>
      <c r="KB22" s="63">
        <v>101</v>
      </c>
      <c r="KC22" s="60">
        <v>605</v>
      </c>
      <c r="KD22" s="61">
        <v>611</v>
      </c>
      <c r="KE22" s="62">
        <v>1216</v>
      </c>
      <c r="KF22" s="443">
        <v>0</v>
      </c>
      <c r="KG22" s="61">
        <v>1102</v>
      </c>
      <c r="KH22" s="61">
        <v>849</v>
      </c>
      <c r="KI22" s="61">
        <v>644</v>
      </c>
      <c r="KJ22" s="61">
        <v>495</v>
      </c>
      <c r="KK22" s="61">
        <v>357</v>
      </c>
      <c r="KL22" s="62">
        <v>3447</v>
      </c>
      <c r="KM22" s="63">
        <v>4663</v>
      </c>
    </row>
    <row r="23" spans="2:299" ht="21" customHeight="1" x14ac:dyDescent="0.2">
      <c r="B23" s="437" t="s">
        <v>20</v>
      </c>
      <c r="C23" s="287">
        <v>284</v>
      </c>
      <c r="D23" s="72">
        <v>307</v>
      </c>
      <c r="E23" s="73">
        <v>591</v>
      </c>
      <c r="F23" s="443">
        <v>0</v>
      </c>
      <c r="G23" s="72">
        <v>644</v>
      </c>
      <c r="H23" s="72">
        <v>373</v>
      </c>
      <c r="I23" s="72">
        <v>273</v>
      </c>
      <c r="J23" s="72">
        <v>223</v>
      </c>
      <c r="K23" s="72">
        <v>108</v>
      </c>
      <c r="L23" s="74">
        <v>1621</v>
      </c>
      <c r="M23" s="75">
        <v>2212</v>
      </c>
      <c r="N23" s="60">
        <v>6</v>
      </c>
      <c r="O23" s="61">
        <v>5</v>
      </c>
      <c r="P23" s="62">
        <v>11</v>
      </c>
      <c r="Q23" s="443">
        <v>0</v>
      </c>
      <c r="R23" s="61">
        <v>33</v>
      </c>
      <c r="S23" s="61">
        <v>21</v>
      </c>
      <c r="T23" s="61">
        <v>13</v>
      </c>
      <c r="U23" s="61">
        <v>13</v>
      </c>
      <c r="V23" s="61">
        <v>7</v>
      </c>
      <c r="W23" s="62">
        <v>87</v>
      </c>
      <c r="X23" s="63">
        <v>98</v>
      </c>
      <c r="Y23" s="60">
        <v>29</v>
      </c>
      <c r="Z23" s="61">
        <v>21</v>
      </c>
      <c r="AA23" s="62">
        <v>50</v>
      </c>
      <c r="AB23" s="443">
        <v>0</v>
      </c>
      <c r="AC23" s="61">
        <v>63</v>
      </c>
      <c r="AD23" s="61">
        <v>37</v>
      </c>
      <c r="AE23" s="61">
        <v>26</v>
      </c>
      <c r="AF23" s="61">
        <v>35</v>
      </c>
      <c r="AG23" s="61">
        <v>11</v>
      </c>
      <c r="AH23" s="62">
        <v>172</v>
      </c>
      <c r="AI23" s="63">
        <v>222</v>
      </c>
      <c r="AJ23" s="60">
        <v>51</v>
      </c>
      <c r="AK23" s="61">
        <v>55</v>
      </c>
      <c r="AL23" s="62">
        <v>106</v>
      </c>
      <c r="AM23" s="443">
        <v>0</v>
      </c>
      <c r="AN23" s="61">
        <v>94</v>
      </c>
      <c r="AO23" s="61">
        <v>65</v>
      </c>
      <c r="AP23" s="61">
        <v>49</v>
      </c>
      <c r="AQ23" s="61">
        <v>35</v>
      </c>
      <c r="AR23" s="61">
        <v>24</v>
      </c>
      <c r="AS23" s="62">
        <v>267</v>
      </c>
      <c r="AT23" s="63">
        <v>373</v>
      </c>
      <c r="AU23" s="60">
        <v>86</v>
      </c>
      <c r="AV23" s="61">
        <v>88</v>
      </c>
      <c r="AW23" s="62">
        <v>174</v>
      </c>
      <c r="AX23" s="443">
        <v>0</v>
      </c>
      <c r="AY23" s="61">
        <v>194</v>
      </c>
      <c r="AZ23" s="61">
        <v>96</v>
      </c>
      <c r="BA23" s="61">
        <v>82</v>
      </c>
      <c r="BB23" s="61">
        <v>60</v>
      </c>
      <c r="BC23" s="61">
        <v>24</v>
      </c>
      <c r="BD23" s="62">
        <v>456</v>
      </c>
      <c r="BE23" s="63">
        <v>630</v>
      </c>
      <c r="BF23" s="60">
        <v>76</v>
      </c>
      <c r="BG23" s="61">
        <v>93</v>
      </c>
      <c r="BH23" s="62">
        <v>169</v>
      </c>
      <c r="BI23" s="443">
        <v>0</v>
      </c>
      <c r="BJ23" s="61">
        <v>171</v>
      </c>
      <c r="BK23" s="61">
        <v>88</v>
      </c>
      <c r="BL23" s="61">
        <v>72</v>
      </c>
      <c r="BM23" s="61">
        <v>49</v>
      </c>
      <c r="BN23" s="61">
        <v>30</v>
      </c>
      <c r="BO23" s="62">
        <v>410</v>
      </c>
      <c r="BP23" s="63">
        <v>579</v>
      </c>
      <c r="BQ23" s="60">
        <v>36</v>
      </c>
      <c r="BR23" s="61">
        <v>45</v>
      </c>
      <c r="BS23" s="62">
        <v>81</v>
      </c>
      <c r="BT23" s="443">
        <v>0</v>
      </c>
      <c r="BU23" s="61">
        <v>89</v>
      </c>
      <c r="BV23" s="61">
        <v>66</v>
      </c>
      <c r="BW23" s="61">
        <v>31</v>
      </c>
      <c r="BX23" s="61">
        <v>31</v>
      </c>
      <c r="BY23" s="61">
        <v>12</v>
      </c>
      <c r="BZ23" s="62">
        <v>229</v>
      </c>
      <c r="CA23" s="63">
        <v>310</v>
      </c>
      <c r="CB23" s="60">
        <v>8</v>
      </c>
      <c r="CC23" s="61">
        <v>10</v>
      </c>
      <c r="CD23" s="62">
        <v>18</v>
      </c>
      <c r="CE23" s="443">
        <v>0</v>
      </c>
      <c r="CF23" s="61">
        <v>17</v>
      </c>
      <c r="CG23" s="61">
        <v>14</v>
      </c>
      <c r="CH23" s="61">
        <v>14</v>
      </c>
      <c r="CI23" s="61">
        <v>7</v>
      </c>
      <c r="CJ23" s="61">
        <v>9</v>
      </c>
      <c r="CK23" s="62">
        <v>61</v>
      </c>
      <c r="CL23" s="63">
        <v>79</v>
      </c>
      <c r="CM23" s="60">
        <v>292</v>
      </c>
      <c r="CN23" s="61">
        <v>317</v>
      </c>
      <c r="CO23" s="62">
        <v>609</v>
      </c>
      <c r="CP23" s="443">
        <v>0</v>
      </c>
      <c r="CQ23" s="61">
        <v>661</v>
      </c>
      <c r="CR23" s="61">
        <v>387</v>
      </c>
      <c r="CS23" s="61">
        <v>287</v>
      </c>
      <c r="CT23" s="61">
        <v>230</v>
      </c>
      <c r="CU23" s="61">
        <v>117</v>
      </c>
      <c r="CV23" s="62">
        <v>1682</v>
      </c>
      <c r="CW23" s="63">
        <v>2291</v>
      </c>
      <c r="CX23" s="113">
        <v>498</v>
      </c>
      <c r="CY23" s="72">
        <v>638</v>
      </c>
      <c r="CZ23" s="73">
        <v>1136</v>
      </c>
      <c r="DA23" s="443">
        <v>0</v>
      </c>
      <c r="DB23" s="72">
        <v>913</v>
      </c>
      <c r="DC23" s="72">
        <v>579</v>
      </c>
      <c r="DD23" s="72">
        <v>479</v>
      </c>
      <c r="DE23" s="72">
        <v>444</v>
      </c>
      <c r="DF23" s="72">
        <v>274</v>
      </c>
      <c r="DG23" s="74">
        <v>2689</v>
      </c>
      <c r="DH23" s="75">
        <v>3825</v>
      </c>
      <c r="DI23" s="60">
        <v>9</v>
      </c>
      <c r="DJ23" s="61">
        <v>12</v>
      </c>
      <c r="DK23" s="62">
        <v>21</v>
      </c>
      <c r="DL23" s="443">
        <v>0</v>
      </c>
      <c r="DM23" s="61">
        <v>24</v>
      </c>
      <c r="DN23" s="61">
        <v>17</v>
      </c>
      <c r="DO23" s="61">
        <v>6</v>
      </c>
      <c r="DP23" s="61">
        <v>11</v>
      </c>
      <c r="DQ23" s="61">
        <v>6</v>
      </c>
      <c r="DR23" s="62">
        <v>64</v>
      </c>
      <c r="DS23" s="63">
        <v>85</v>
      </c>
      <c r="DT23" s="60">
        <v>36</v>
      </c>
      <c r="DU23" s="61">
        <v>41</v>
      </c>
      <c r="DV23" s="62">
        <v>77</v>
      </c>
      <c r="DW23" s="443">
        <v>0</v>
      </c>
      <c r="DX23" s="61">
        <v>59</v>
      </c>
      <c r="DY23" s="61">
        <v>32</v>
      </c>
      <c r="DZ23" s="61">
        <v>21</v>
      </c>
      <c r="EA23" s="61">
        <v>23</v>
      </c>
      <c r="EB23" s="61">
        <v>22</v>
      </c>
      <c r="EC23" s="62">
        <v>157</v>
      </c>
      <c r="ED23" s="63">
        <v>234</v>
      </c>
      <c r="EE23" s="60">
        <v>74</v>
      </c>
      <c r="EF23" s="61">
        <v>106</v>
      </c>
      <c r="EG23" s="62">
        <v>180</v>
      </c>
      <c r="EH23" s="443">
        <v>0</v>
      </c>
      <c r="EI23" s="61">
        <v>156</v>
      </c>
      <c r="EJ23" s="61">
        <v>72</v>
      </c>
      <c r="EK23" s="61">
        <v>49</v>
      </c>
      <c r="EL23" s="61">
        <v>40</v>
      </c>
      <c r="EM23" s="61">
        <v>33</v>
      </c>
      <c r="EN23" s="62">
        <v>350</v>
      </c>
      <c r="EO23" s="63">
        <v>530</v>
      </c>
      <c r="EP23" s="60">
        <v>178</v>
      </c>
      <c r="EQ23" s="61">
        <v>187</v>
      </c>
      <c r="ER23" s="62">
        <v>365</v>
      </c>
      <c r="ES23" s="443">
        <v>0</v>
      </c>
      <c r="ET23" s="61">
        <v>221</v>
      </c>
      <c r="EU23" s="61">
        <v>139</v>
      </c>
      <c r="EV23" s="61">
        <v>108</v>
      </c>
      <c r="EW23" s="61">
        <v>75</v>
      </c>
      <c r="EX23" s="61">
        <v>58</v>
      </c>
      <c r="EY23" s="62">
        <v>601</v>
      </c>
      <c r="EZ23" s="63">
        <v>966</v>
      </c>
      <c r="FA23" s="60">
        <v>141</v>
      </c>
      <c r="FB23" s="61">
        <v>178</v>
      </c>
      <c r="FC23" s="62">
        <v>319</v>
      </c>
      <c r="FD23" s="443">
        <v>0</v>
      </c>
      <c r="FE23" s="61">
        <v>250</v>
      </c>
      <c r="FF23" s="61">
        <v>149</v>
      </c>
      <c r="FG23" s="61">
        <v>121</v>
      </c>
      <c r="FH23" s="61">
        <v>123</v>
      </c>
      <c r="FI23" s="61">
        <v>67</v>
      </c>
      <c r="FJ23" s="62">
        <v>710</v>
      </c>
      <c r="FK23" s="63">
        <v>1029</v>
      </c>
      <c r="FL23" s="60">
        <v>60</v>
      </c>
      <c r="FM23" s="61">
        <v>114</v>
      </c>
      <c r="FN23" s="62">
        <v>174</v>
      </c>
      <c r="FO23" s="443">
        <v>0</v>
      </c>
      <c r="FP23" s="61">
        <v>203</v>
      </c>
      <c r="FQ23" s="61">
        <v>170</v>
      </c>
      <c r="FR23" s="61">
        <v>174</v>
      </c>
      <c r="FS23" s="61">
        <v>172</v>
      </c>
      <c r="FT23" s="61">
        <v>88</v>
      </c>
      <c r="FU23" s="62">
        <v>807</v>
      </c>
      <c r="FV23" s="63">
        <v>981</v>
      </c>
      <c r="FW23" s="60">
        <v>6</v>
      </c>
      <c r="FX23" s="61">
        <v>15</v>
      </c>
      <c r="FY23" s="62">
        <v>21</v>
      </c>
      <c r="FZ23" s="443">
        <v>0</v>
      </c>
      <c r="GA23" s="61">
        <v>16</v>
      </c>
      <c r="GB23" s="61">
        <v>10</v>
      </c>
      <c r="GC23" s="61">
        <v>6</v>
      </c>
      <c r="GD23" s="61">
        <v>9</v>
      </c>
      <c r="GE23" s="61">
        <v>7</v>
      </c>
      <c r="GF23" s="62">
        <v>48</v>
      </c>
      <c r="GG23" s="63">
        <v>69</v>
      </c>
      <c r="GH23" s="60">
        <v>504</v>
      </c>
      <c r="GI23" s="61">
        <v>653</v>
      </c>
      <c r="GJ23" s="62">
        <v>1157</v>
      </c>
      <c r="GK23" s="443">
        <v>0</v>
      </c>
      <c r="GL23" s="61">
        <v>929</v>
      </c>
      <c r="GM23" s="61">
        <v>589</v>
      </c>
      <c r="GN23" s="61">
        <v>485</v>
      </c>
      <c r="GO23" s="61">
        <v>453</v>
      </c>
      <c r="GP23" s="61">
        <v>281</v>
      </c>
      <c r="GQ23" s="62">
        <v>2737</v>
      </c>
      <c r="GR23" s="63">
        <v>3894</v>
      </c>
      <c r="GS23" s="113">
        <v>782</v>
      </c>
      <c r="GT23" s="72">
        <v>945</v>
      </c>
      <c r="GU23" s="73">
        <v>1727</v>
      </c>
      <c r="GV23" s="224">
        <v>0</v>
      </c>
      <c r="GW23" s="72">
        <v>1557</v>
      </c>
      <c r="GX23" s="72">
        <v>952</v>
      </c>
      <c r="GY23" s="72">
        <v>752</v>
      </c>
      <c r="GZ23" s="72">
        <v>667</v>
      </c>
      <c r="HA23" s="72">
        <v>382</v>
      </c>
      <c r="HB23" s="74">
        <v>4310</v>
      </c>
      <c r="HC23" s="75">
        <v>6037</v>
      </c>
      <c r="HD23" s="60">
        <v>15</v>
      </c>
      <c r="HE23" s="61">
        <v>17</v>
      </c>
      <c r="HF23" s="62">
        <v>32</v>
      </c>
      <c r="HG23" s="227">
        <v>0</v>
      </c>
      <c r="HH23" s="61">
        <v>57</v>
      </c>
      <c r="HI23" s="61">
        <v>38</v>
      </c>
      <c r="HJ23" s="61">
        <v>19</v>
      </c>
      <c r="HK23" s="61">
        <v>24</v>
      </c>
      <c r="HL23" s="61">
        <v>13</v>
      </c>
      <c r="HM23" s="62">
        <v>151</v>
      </c>
      <c r="HN23" s="63">
        <v>183</v>
      </c>
      <c r="HO23" s="60">
        <v>65</v>
      </c>
      <c r="HP23" s="61">
        <v>62</v>
      </c>
      <c r="HQ23" s="62">
        <v>127</v>
      </c>
      <c r="HR23" s="443">
        <v>0</v>
      </c>
      <c r="HS23" s="61">
        <v>122</v>
      </c>
      <c r="HT23" s="61">
        <v>69</v>
      </c>
      <c r="HU23" s="61">
        <v>47</v>
      </c>
      <c r="HV23" s="61">
        <v>58</v>
      </c>
      <c r="HW23" s="61">
        <v>33</v>
      </c>
      <c r="HX23" s="62">
        <v>329</v>
      </c>
      <c r="HY23" s="63">
        <v>456</v>
      </c>
      <c r="HZ23" s="60">
        <v>125</v>
      </c>
      <c r="IA23" s="61">
        <v>161</v>
      </c>
      <c r="IB23" s="62">
        <v>286</v>
      </c>
      <c r="IC23" s="443">
        <v>0</v>
      </c>
      <c r="ID23" s="61">
        <v>250</v>
      </c>
      <c r="IE23" s="61">
        <v>137</v>
      </c>
      <c r="IF23" s="61">
        <v>98</v>
      </c>
      <c r="IG23" s="61">
        <v>75</v>
      </c>
      <c r="IH23" s="61">
        <v>57</v>
      </c>
      <c r="II23" s="62">
        <v>617</v>
      </c>
      <c r="IJ23" s="63">
        <v>903</v>
      </c>
      <c r="IK23" s="60">
        <v>264</v>
      </c>
      <c r="IL23" s="61">
        <v>275</v>
      </c>
      <c r="IM23" s="62">
        <v>539</v>
      </c>
      <c r="IN23" s="443">
        <v>0</v>
      </c>
      <c r="IO23" s="61">
        <v>415</v>
      </c>
      <c r="IP23" s="61">
        <v>235</v>
      </c>
      <c r="IQ23" s="61">
        <v>190</v>
      </c>
      <c r="IR23" s="61">
        <v>135</v>
      </c>
      <c r="IS23" s="61">
        <v>82</v>
      </c>
      <c r="IT23" s="62">
        <v>1057</v>
      </c>
      <c r="IU23" s="63">
        <v>1596</v>
      </c>
      <c r="IV23" s="60">
        <v>217</v>
      </c>
      <c r="IW23" s="61">
        <v>271</v>
      </c>
      <c r="IX23" s="62">
        <v>488</v>
      </c>
      <c r="IY23" s="443">
        <v>0</v>
      </c>
      <c r="IZ23" s="61">
        <v>421</v>
      </c>
      <c r="JA23" s="61">
        <v>237</v>
      </c>
      <c r="JB23" s="61">
        <v>193</v>
      </c>
      <c r="JC23" s="61">
        <v>172</v>
      </c>
      <c r="JD23" s="61">
        <v>97</v>
      </c>
      <c r="JE23" s="62">
        <v>1120</v>
      </c>
      <c r="JF23" s="63">
        <v>1608</v>
      </c>
      <c r="JG23" s="60">
        <v>96</v>
      </c>
      <c r="JH23" s="61">
        <v>159</v>
      </c>
      <c r="JI23" s="62">
        <v>255</v>
      </c>
      <c r="JJ23" s="443">
        <v>0</v>
      </c>
      <c r="JK23" s="61">
        <v>292</v>
      </c>
      <c r="JL23" s="61">
        <v>236</v>
      </c>
      <c r="JM23" s="61">
        <v>205</v>
      </c>
      <c r="JN23" s="61">
        <v>203</v>
      </c>
      <c r="JO23" s="61">
        <v>100</v>
      </c>
      <c r="JP23" s="62">
        <v>1036</v>
      </c>
      <c r="JQ23" s="63">
        <v>1291</v>
      </c>
      <c r="JR23" s="60">
        <v>14</v>
      </c>
      <c r="JS23" s="61">
        <v>25</v>
      </c>
      <c r="JT23" s="62">
        <v>39</v>
      </c>
      <c r="JU23" s="443">
        <v>0</v>
      </c>
      <c r="JV23" s="61">
        <v>33</v>
      </c>
      <c r="JW23" s="61">
        <v>24</v>
      </c>
      <c r="JX23" s="61">
        <v>20</v>
      </c>
      <c r="JY23" s="61">
        <v>16</v>
      </c>
      <c r="JZ23" s="61">
        <v>16</v>
      </c>
      <c r="KA23" s="62">
        <v>109</v>
      </c>
      <c r="KB23" s="63">
        <v>148</v>
      </c>
      <c r="KC23" s="60">
        <v>796</v>
      </c>
      <c r="KD23" s="61">
        <v>970</v>
      </c>
      <c r="KE23" s="62">
        <v>1766</v>
      </c>
      <c r="KF23" s="443">
        <v>0</v>
      </c>
      <c r="KG23" s="61">
        <v>1590</v>
      </c>
      <c r="KH23" s="61">
        <v>976</v>
      </c>
      <c r="KI23" s="61">
        <v>772</v>
      </c>
      <c r="KJ23" s="61">
        <v>683</v>
      </c>
      <c r="KK23" s="61">
        <v>398</v>
      </c>
      <c r="KL23" s="62">
        <v>4419</v>
      </c>
      <c r="KM23" s="63">
        <v>6185</v>
      </c>
    </row>
    <row r="24" spans="2:299" ht="21" customHeight="1" x14ac:dyDescent="0.2">
      <c r="B24" s="437" t="s">
        <v>21</v>
      </c>
      <c r="C24" s="287">
        <v>310</v>
      </c>
      <c r="D24" s="72">
        <v>250</v>
      </c>
      <c r="E24" s="73">
        <v>560</v>
      </c>
      <c r="F24" s="443">
        <v>0</v>
      </c>
      <c r="G24" s="72">
        <v>457</v>
      </c>
      <c r="H24" s="72">
        <v>429</v>
      </c>
      <c r="I24" s="72">
        <v>286</v>
      </c>
      <c r="J24" s="72">
        <v>230</v>
      </c>
      <c r="K24" s="72">
        <v>138</v>
      </c>
      <c r="L24" s="74">
        <v>1540</v>
      </c>
      <c r="M24" s="75">
        <v>2100</v>
      </c>
      <c r="N24" s="60">
        <v>15</v>
      </c>
      <c r="O24" s="61">
        <v>13</v>
      </c>
      <c r="P24" s="62">
        <v>28</v>
      </c>
      <c r="Q24" s="443">
        <v>0</v>
      </c>
      <c r="R24" s="61">
        <v>21</v>
      </c>
      <c r="S24" s="61">
        <v>18</v>
      </c>
      <c r="T24" s="61">
        <v>17</v>
      </c>
      <c r="U24" s="61">
        <v>12</v>
      </c>
      <c r="V24" s="61">
        <v>16</v>
      </c>
      <c r="W24" s="62">
        <v>84</v>
      </c>
      <c r="X24" s="63">
        <v>112</v>
      </c>
      <c r="Y24" s="60">
        <v>25</v>
      </c>
      <c r="Z24" s="61">
        <v>27</v>
      </c>
      <c r="AA24" s="62">
        <v>52</v>
      </c>
      <c r="AB24" s="443">
        <v>0</v>
      </c>
      <c r="AC24" s="61">
        <v>38</v>
      </c>
      <c r="AD24" s="61">
        <v>51</v>
      </c>
      <c r="AE24" s="61">
        <v>30</v>
      </c>
      <c r="AF24" s="61">
        <v>29</v>
      </c>
      <c r="AG24" s="61">
        <v>20</v>
      </c>
      <c r="AH24" s="62">
        <v>168</v>
      </c>
      <c r="AI24" s="63">
        <v>220</v>
      </c>
      <c r="AJ24" s="60">
        <v>61</v>
      </c>
      <c r="AK24" s="61">
        <v>45</v>
      </c>
      <c r="AL24" s="62">
        <v>106</v>
      </c>
      <c r="AM24" s="443">
        <v>0</v>
      </c>
      <c r="AN24" s="61">
        <v>81</v>
      </c>
      <c r="AO24" s="61">
        <v>67</v>
      </c>
      <c r="AP24" s="61">
        <v>52</v>
      </c>
      <c r="AQ24" s="61">
        <v>51</v>
      </c>
      <c r="AR24" s="61">
        <v>24</v>
      </c>
      <c r="AS24" s="62">
        <v>275</v>
      </c>
      <c r="AT24" s="63">
        <v>381</v>
      </c>
      <c r="AU24" s="60">
        <v>85</v>
      </c>
      <c r="AV24" s="61">
        <v>58</v>
      </c>
      <c r="AW24" s="62">
        <v>143</v>
      </c>
      <c r="AX24" s="443">
        <v>0</v>
      </c>
      <c r="AY24" s="61">
        <v>135</v>
      </c>
      <c r="AZ24" s="61">
        <v>126</v>
      </c>
      <c r="BA24" s="61">
        <v>74</v>
      </c>
      <c r="BB24" s="61">
        <v>63</v>
      </c>
      <c r="BC24" s="61">
        <v>28</v>
      </c>
      <c r="BD24" s="62">
        <v>426</v>
      </c>
      <c r="BE24" s="63">
        <v>569</v>
      </c>
      <c r="BF24" s="60">
        <v>88</v>
      </c>
      <c r="BG24" s="61">
        <v>67</v>
      </c>
      <c r="BH24" s="62">
        <v>155</v>
      </c>
      <c r="BI24" s="443">
        <v>0</v>
      </c>
      <c r="BJ24" s="61">
        <v>132</v>
      </c>
      <c r="BK24" s="61">
        <v>101</v>
      </c>
      <c r="BL24" s="61">
        <v>58</v>
      </c>
      <c r="BM24" s="61">
        <v>42</v>
      </c>
      <c r="BN24" s="61">
        <v>30</v>
      </c>
      <c r="BO24" s="62">
        <v>363</v>
      </c>
      <c r="BP24" s="63">
        <v>518</v>
      </c>
      <c r="BQ24" s="60">
        <v>36</v>
      </c>
      <c r="BR24" s="61">
        <v>40</v>
      </c>
      <c r="BS24" s="62">
        <v>76</v>
      </c>
      <c r="BT24" s="443">
        <v>0</v>
      </c>
      <c r="BU24" s="61">
        <v>50</v>
      </c>
      <c r="BV24" s="61">
        <v>66</v>
      </c>
      <c r="BW24" s="61">
        <v>55</v>
      </c>
      <c r="BX24" s="61">
        <v>33</v>
      </c>
      <c r="BY24" s="61">
        <v>20</v>
      </c>
      <c r="BZ24" s="62">
        <v>224</v>
      </c>
      <c r="CA24" s="63">
        <v>300</v>
      </c>
      <c r="CB24" s="60">
        <v>13</v>
      </c>
      <c r="CC24" s="61">
        <v>12</v>
      </c>
      <c r="CD24" s="62">
        <v>25</v>
      </c>
      <c r="CE24" s="443">
        <v>0</v>
      </c>
      <c r="CF24" s="61">
        <v>10</v>
      </c>
      <c r="CG24" s="61">
        <v>21</v>
      </c>
      <c r="CH24" s="61">
        <v>10</v>
      </c>
      <c r="CI24" s="61">
        <v>9</v>
      </c>
      <c r="CJ24" s="61">
        <v>11</v>
      </c>
      <c r="CK24" s="62">
        <v>61</v>
      </c>
      <c r="CL24" s="63">
        <v>86</v>
      </c>
      <c r="CM24" s="60">
        <v>323</v>
      </c>
      <c r="CN24" s="61">
        <v>262</v>
      </c>
      <c r="CO24" s="62">
        <v>585</v>
      </c>
      <c r="CP24" s="443">
        <v>0</v>
      </c>
      <c r="CQ24" s="61">
        <v>467</v>
      </c>
      <c r="CR24" s="61">
        <v>450</v>
      </c>
      <c r="CS24" s="61">
        <v>296</v>
      </c>
      <c r="CT24" s="61">
        <v>239</v>
      </c>
      <c r="CU24" s="61">
        <v>149</v>
      </c>
      <c r="CV24" s="62">
        <v>1601</v>
      </c>
      <c r="CW24" s="63">
        <v>2186</v>
      </c>
      <c r="CX24" s="113">
        <v>598</v>
      </c>
      <c r="CY24" s="72">
        <v>587</v>
      </c>
      <c r="CZ24" s="73">
        <v>1185</v>
      </c>
      <c r="DA24" s="443">
        <v>0</v>
      </c>
      <c r="DB24" s="72">
        <v>783</v>
      </c>
      <c r="DC24" s="72">
        <v>712</v>
      </c>
      <c r="DD24" s="72">
        <v>603</v>
      </c>
      <c r="DE24" s="72">
        <v>462</v>
      </c>
      <c r="DF24" s="72">
        <v>338</v>
      </c>
      <c r="DG24" s="74">
        <v>2898</v>
      </c>
      <c r="DH24" s="75">
        <v>4083</v>
      </c>
      <c r="DI24" s="60">
        <v>14</v>
      </c>
      <c r="DJ24" s="61">
        <v>17</v>
      </c>
      <c r="DK24" s="62">
        <v>31</v>
      </c>
      <c r="DL24" s="443">
        <v>0</v>
      </c>
      <c r="DM24" s="61">
        <v>18</v>
      </c>
      <c r="DN24" s="61">
        <v>21</v>
      </c>
      <c r="DO24" s="61">
        <v>9</v>
      </c>
      <c r="DP24" s="61">
        <v>8</v>
      </c>
      <c r="DQ24" s="61">
        <v>15</v>
      </c>
      <c r="DR24" s="62">
        <v>71</v>
      </c>
      <c r="DS24" s="63">
        <v>102</v>
      </c>
      <c r="DT24" s="60">
        <v>40</v>
      </c>
      <c r="DU24" s="61">
        <v>35</v>
      </c>
      <c r="DV24" s="62">
        <v>75</v>
      </c>
      <c r="DW24" s="443">
        <v>0</v>
      </c>
      <c r="DX24" s="61">
        <v>45</v>
      </c>
      <c r="DY24" s="61">
        <v>35</v>
      </c>
      <c r="DZ24" s="61">
        <v>27</v>
      </c>
      <c r="EA24" s="61">
        <v>22</v>
      </c>
      <c r="EB24" s="61">
        <v>27</v>
      </c>
      <c r="EC24" s="62">
        <v>156</v>
      </c>
      <c r="ED24" s="63">
        <v>231</v>
      </c>
      <c r="EE24" s="60">
        <v>91</v>
      </c>
      <c r="EF24" s="61">
        <v>95</v>
      </c>
      <c r="EG24" s="62">
        <v>186</v>
      </c>
      <c r="EH24" s="443">
        <v>0</v>
      </c>
      <c r="EI24" s="61">
        <v>102</v>
      </c>
      <c r="EJ24" s="61">
        <v>77</v>
      </c>
      <c r="EK24" s="61">
        <v>66</v>
      </c>
      <c r="EL24" s="61">
        <v>46</v>
      </c>
      <c r="EM24" s="61">
        <v>35</v>
      </c>
      <c r="EN24" s="62">
        <v>326</v>
      </c>
      <c r="EO24" s="63">
        <v>512</v>
      </c>
      <c r="EP24" s="60">
        <v>191</v>
      </c>
      <c r="EQ24" s="61">
        <v>186</v>
      </c>
      <c r="ER24" s="62">
        <v>377</v>
      </c>
      <c r="ES24" s="443">
        <v>0</v>
      </c>
      <c r="ET24" s="61">
        <v>217</v>
      </c>
      <c r="EU24" s="61">
        <v>157</v>
      </c>
      <c r="EV24" s="61">
        <v>126</v>
      </c>
      <c r="EW24" s="61">
        <v>103</v>
      </c>
      <c r="EX24" s="61">
        <v>73</v>
      </c>
      <c r="EY24" s="62">
        <v>676</v>
      </c>
      <c r="EZ24" s="63">
        <v>1053</v>
      </c>
      <c r="FA24" s="60">
        <v>170</v>
      </c>
      <c r="FB24" s="61">
        <v>175</v>
      </c>
      <c r="FC24" s="62">
        <v>345</v>
      </c>
      <c r="FD24" s="443">
        <v>0</v>
      </c>
      <c r="FE24" s="61">
        <v>212</v>
      </c>
      <c r="FF24" s="61">
        <v>219</v>
      </c>
      <c r="FG24" s="61">
        <v>171</v>
      </c>
      <c r="FH24" s="61">
        <v>107</v>
      </c>
      <c r="FI24" s="61">
        <v>87</v>
      </c>
      <c r="FJ24" s="62">
        <v>796</v>
      </c>
      <c r="FK24" s="63">
        <v>1141</v>
      </c>
      <c r="FL24" s="60">
        <v>92</v>
      </c>
      <c r="FM24" s="61">
        <v>79</v>
      </c>
      <c r="FN24" s="62">
        <v>171</v>
      </c>
      <c r="FO24" s="443">
        <v>0</v>
      </c>
      <c r="FP24" s="61">
        <v>189</v>
      </c>
      <c r="FQ24" s="61">
        <v>203</v>
      </c>
      <c r="FR24" s="61">
        <v>204</v>
      </c>
      <c r="FS24" s="61">
        <v>176</v>
      </c>
      <c r="FT24" s="61">
        <v>101</v>
      </c>
      <c r="FU24" s="62">
        <v>873</v>
      </c>
      <c r="FV24" s="63">
        <v>1044</v>
      </c>
      <c r="FW24" s="60">
        <v>5</v>
      </c>
      <c r="FX24" s="61">
        <v>13</v>
      </c>
      <c r="FY24" s="62">
        <v>18</v>
      </c>
      <c r="FZ24" s="443">
        <v>0</v>
      </c>
      <c r="GA24" s="61">
        <v>4</v>
      </c>
      <c r="GB24" s="61">
        <v>19</v>
      </c>
      <c r="GC24" s="61">
        <v>15</v>
      </c>
      <c r="GD24" s="61">
        <v>7</v>
      </c>
      <c r="GE24" s="61">
        <v>8</v>
      </c>
      <c r="GF24" s="62">
        <v>53</v>
      </c>
      <c r="GG24" s="63">
        <v>71</v>
      </c>
      <c r="GH24" s="60">
        <v>603</v>
      </c>
      <c r="GI24" s="61">
        <v>600</v>
      </c>
      <c r="GJ24" s="62">
        <v>1203</v>
      </c>
      <c r="GK24" s="443">
        <v>0</v>
      </c>
      <c r="GL24" s="61">
        <v>787</v>
      </c>
      <c r="GM24" s="61">
        <v>731</v>
      </c>
      <c r="GN24" s="61">
        <v>618</v>
      </c>
      <c r="GO24" s="61">
        <v>469</v>
      </c>
      <c r="GP24" s="61">
        <v>346</v>
      </c>
      <c r="GQ24" s="62">
        <v>2951</v>
      </c>
      <c r="GR24" s="63">
        <v>4154</v>
      </c>
      <c r="GS24" s="113">
        <v>908</v>
      </c>
      <c r="GT24" s="72">
        <v>837</v>
      </c>
      <c r="GU24" s="73">
        <v>1745</v>
      </c>
      <c r="GV24" s="224">
        <v>0</v>
      </c>
      <c r="GW24" s="72">
        <v>1240</v>
      </c>
      <c r="GX24" s="72">
        <v>1141</v>
      </c>
      <c r="GY24" s="72">
        <v>889</v>
      </c>
      <c r="GZ24" s="72">
        <v>692</v>
      </c>
      <c r="HA24" s="72">
        <v>476</v>
      </c>
      <c r="HB24" s="74">
        <v>4438</v>
      </c>
      <c r="HC24" s="75">
        <v>6183</v>
      </c>
      <c r="HD24" s="60">
        <v>29</v>
      </c>
      <c r="HE24" s="61">
        <v>30</v>
      </c>
      <c r="HF24" s="62">
        <v>59</v>
      </c>
      <c r="HG24" s="227">
        <v>0</v>
      </c>
      <c r="HH24" s="61">
        <v>39</v>
      </c>
      <c r="HI24" s="61">
        <v>39</v>
      </c>
      <c r="HJ24" s="61">
        <v>26</v>
      </c>
      <c r="HK24" s="61">
        <v>20</v>
      </c>
      <c r="HL24" s="61">
        <v>31</v>
      </c>
      <c r="HM24" s="62">
        <v>155</v>
      </c>
      <c r="HN24" s="63">
        <v>214</v>
      </c>
      <c r="HO24" s="60">
        <v>65</v>
      </c>
      <c r="HP24" s="61">
        <v>62</v>
      </c>
      <c r="HQ24" s="62">
        <v>127</v>
      </c>
      <c r="HR24" s="443">
        <v>0</v>
      </c>
      <c r="HS24" s="61">
        <v>83</v>
      </c>
      <c r="HT24" s="61">
        <v>86</v>
      </c>
      <c r="HU24" s="61">
        <v>57</v>
      </c>
      <c r="HV24" s="61">
        <v>51</v>
      </c>
      <c r="HW24" s="61">
        <v>47</v>
      </c>
      <c r="HX24" s="62">
        <v>324</v>
      </c>
      <c r="HY24" s="63">
        <v>451</v>
      </c>
      <c r="HZ24" s="60">
        <v>152</v>
      </c>
      <c r="IA24" s="61">
        <v>140</v>
      </c>
      <c r="IB24" s="62">
        <v>292</v>
      </c>
      <c r="IC24" s="443">
        <v>0</v>
      </c>
      <c r="ID24" s="61">
        <v>183</v>
      </c>
      <c r="IE24" s="61">
        <v>144</v>
      </c>
      <c r="IF24" s="61">
        <v>118</v>
      </c>
      <c r="IG24" s="61">
        <v>97</v>
      </c>
      <c r="IH24" s="61">
        <v>59</v>
      </c>
      <c r="II24" s="62">
        <v>601</v>
      </c>
      <c r="IJ24" s="63">
        <v>893</v>
      </c>
      <c r="IK24" s="60">
        <v>276</v>
      </c>
      <c r="IL24" s="61">
        <v>244</v>
      </c>
      <c r="IM24" s="62">
        <v>520</v>
      </c>
      <c r="IN24" s="443">
        <v>0</v>
      </c>
      <c r="IO24" s="61">
        <v>352</v>
      </c>
      <c r="IP24" s="61">
        <v>283</v>
      </c>
      <c r="IQ24" s="61">
        <v>200</v>
      </c>
      <c r="IR24" s="61">
        <v>166</v>
      </c>
      <c r="IS24" s="61">
        <v>101</v>
      </c>
      <c r="IT24" s="62">
        <v>1102</v>
      </c>
      <c r="IU24" s="63">
        <v>1622</v>
      </c>
      <c r="IV24" s="60">
        <v>258</v>
      </c>
      <c r="IW24" s="61">
        <v>242</v>
      </c>
      <c r="IX24" s="62">
        <v>500</v>
      </c>
      <c r="IY24" s="443">
        <v>0</v>
      </c>
      <c r="IZ24" s="61">
        <v>344</v>
      </c>
      <c r="JA24" s="61">
        <v>320</v>
      </c>
      <c r="JB24" s="61">
        <v>229</v>
      </c>
      <c r="JC24" s="61">
        <v>149</v>
      </c>
      <c r="JD24" s="61">
        <v>117</v>
      </c>
      <c r="JE24" s="62">
        <v>1159</v>
      </c>
      <c r="JF24" s="63">
        <v>1659</v>
      </c>
      <c r="JG24" s="60">
        <v>128</v>
      </c>
      <c r="JH24" s="61">
        <v>119</v>
      </c>
      <c r="JI24" s="62">
        <v>247</v>
      </c>
      <c r="JJ24" s="443">
        <v>0</v>
      </c>
      <c r="JK24" s="61">
        <v>239</v>
      </c>
      <c r="JL24" s="61">
        <v>269</v>
      </c>
      <c r="JM24" s="61">
        <v>259</v>
      </c>
      <c r="JN24" s="61">
        <v>209</v>
      </c>
      <c r="JO24" s="61">
        <v>121</v>
      </c>
      <c r="JP24" s="62">
        <v>1097</v>
      </c>
      <c r="JQ24" s="63">
        <v>1344</v>
      </c>
      <c r="JR24" s="60">
        <v>18</v>
      </c>
      <c r="JS24" s="61">
        <v>25</v>
      </c>
      <c r="JT24" s="62">
        <v>43</v>
      </c>
      <c r="JU24" s="443">
        <v>0</v>
      </c>
      <c r="JV24" s="61">
        <v>14</v>
      </c>
      <c r="JW24" s="61">
        <v>40</v>
      </c>
      <c r="JX24" s="61">
        <v>25</v>
      </c>
      <c r="JY24" s="61">
        <v>16</v>
      </c>
      <c r="JZ24" s="61">
        <v>19</v>
      </c>
      <c r="KA24" s="62">
        <v>114</v>
      </c>
      <c r="KB24" s="63">
        <v>157</v>
      </c>
      <c r="KC24" s="60">
        <v>926</v>
      </c>
      <c r="KD24" s="61">
        <v>862</v>
      </c>
      <c r="KE24" s="62">
        <v>1788</v>
      </c>
      <c r="KF24" s="443">
        <v>0</v>
      </c>
      <c r="KG24" s="61">
        <v>1254</v>
      </c>
      <c r="KH24" s="61">
        <v>1181</v>
      </c>
      <c r="KI24" s="61">
        <v>914</v>
      </c>
      <c r="KJ24" s="61">
        <v>708</v>
      </c>
      <c r="KK24" s="61">
        <v>495</v>
      </c>
      <c r="KL24" s="62">
        <v>4552</v>
      </c>
      <c r="KM24" s="63">
        <v>6340</v>
      </c>
    </row>
    <row r="25" spans="2:299" ht="21" customHeight="1" x14ac:dyDescent="0.2">
      <c r="B25" s="437" t="s">
        <v>22</v>
      </c>
      <c r="C25" s="287">
        <v>81</v>
      </c>
      <c r="D25" s="72">
        <v>83</v>
      </c>
      <c r="E25" s="73">
        <v>164</v>
      </c>
      <c r="F25" s="443">
        <v>0</v>
      </c>
      <c r="G25" s="72">
        <v>185</v>
      </c>
      <c r="H25" s="72">
        <v>169</v>
      </c>
      <c r="I25" s="72">
        <v>98</v>
      </c>
      <c r="J25" s="72">
        <v>84</v>
      </c>
      <c r="K25" s="72">
        <v>51</v>
      </c>
      <c r="L25" s="74">
        <v>587</v>
      </c>
      <c r="M25" s="75">
        <v>751</v>
      </c>
      <c r="N25" s="60">
        <v>4</v>
      </c>
      <c r="O25" s="61">
        <v>4</v>
      </c>
      <c r="P25" s="62">
        <v>8</v>
      </c>
      <c r="Q25" s="443">
        <v>0</v>
      </c>
      <c r="R25" s="61">
        <v>4</v>
      </c>
      <c r="S25" s="61">
        <v>5</v>
      </c>
      <c r="T25" s="61">
        <v>4</v>
      </c>
      <c r="U25" s="61">
        <v>1</v>
      </c>
      <c r="V25" s="61">
        <v>3</v>
      </c>
      <c r="W25" s="62">
        <v>17</v>
      </c>
      <c r="X25" s="63">
        <v>25</v>
      </c>
      <c r="Y25" s="60">
        <v>4</v>
      </c>
      <c r="Z25" s="61">
        <v>5</v>
      </c>
      <c r="AA25" s="62">
        <v>9</v>
      </c>
      <c r="AB25" s="443">
        <v>0</v>
      </c>
      <c r="AC25" s="61">
        <v>9</v>
      </c>
      <c r="AD25" s="61">
        <v>13</v>
      </c>
      <c r="AE25" s="61">
        <v>7</v>
      </c>
      <c r="AF25" s="61">
        <v>7</v>
      </c>
      <c r="AG25" s="61">
        <v>9</v>
      </c>
      <c r="AH25" s="62">
        <v>45</v>
      </c>
      <c r="AI25" s="63">
        <v>54</v>
      </c>
      <c r="AJ25" s="60">
        <v>8</v>
      </c>
      <c r="AK25" s="61">
        <v>15</v>
      </c>
      <c r="AL25" s="62">
        <v>23</v>
      </c>
      <c r="AM25" s="443">
        <v>0</v>
      </c>
      <c r="AN25" s="61">
        <v>34</v>
      </c>
      <c r="AO25" s="61">
        <v>21</v>
      </c>
      <c r="AP25" s="61">
        <v>20</v>
      </c>
      <c r="AQ25" s="61">
        <v>17</v>
      </c>
      <c r="AR25" s="61">
        <v>10</v>
      </c>
      <c r="AS25" s="62">
        <v>102</v>
      </c>
      <c r="AT25" s="63">
        <v>125</v>
      </c>
      <c r="AU25" s="60">
        <v>23</v>
      </c>
      <c r="AV25" s="61">
        <v>27</v>
      </c>
      <c r="AW25" s="62">
        <v>50</v>
      </c>
      <c r="AX25" s="443">
        <v>0</v>
      </c>
      <c r="AY25" s="61">
        <v>39</v>
      </c>
      <c r="AZ25" s="61">
        <v>47</v>
      </c>
      <c r="BA25" s="61">
        <v>20</v>
      </c>
      <c r="BB25" s="61">
        <v>20</v>
      </c>
      <c r="BC25" s="61">
        <v>12</v>
      </c>
      <c r="BD25" s="62">
        <v>138</v>
      </c>
      <c r="BE25" s="63">
        <v>188</v>
      </c>
      <c r="BF25" s="60">
        <v>28</v>
      </c>
      <c r="BG25" s="61">
        <v>20</v>
      </c>
      <c r="BH25" s="62">
        <v>48</v>
      </c>
      <c r="BI25" s="443">
        <v>0</v>
      </c>
      <c r="BJ25" s="61">
        <v>49</v>
      </c>
      <c r="BK25" s="61">
        <v>44</v>
      </c>
      <c r="BL25" s="61">
        <v>23</v>
      </c>
      <c r="BM25" s="61">
        <v>20</v>
      </c>
      <c r="BN25" s="61">
        <v>9</v>
      </c>
      <c r="BO25" s="62">
        <v>145</v>
      </c>
      <c r="BP25" s="63">
        <v>193</v>
      </c>
      <c r="BQ25" s="60">
        <v>14</v>
      </c>
      <c r="BR25" s="61">
        <v>12</v>
      </c>
      <c r="BS25" s="62">
        <v>26</v>
      </c>
      <c r="BT25" s="443">
        <v>0</v>
      </c>
      <c r="BU25" s="61">
        <v>50</v>
      </c>
      <c r="BV25" s="61">
        <v>39</v>
      </c>
      <c r="BW25" s="61">
        <v>24</v>
      </c>
      <c r="BX25" s="61">
        <v>19</v>
      </c>
      <c r="BY25" s="61">
        <v>8</v>
      </c>
      <c r="BZ25" s="62">
        <v>140</v>
      </c>
      <c r="CA25" s="63">
        <v>166</v>
      </c>
      <c r="CB25" s="60">
        <v>2</v>
      </c>
      <c r="CC25" s="61">
        <v>4</v>
      </c>
      <c r="CD25" s="62">
        <v>6</v>
      </c>
      <c r="CE25" s="443">
        <v>0</v>
      </c>
      <c r="CF25" s="61">
        <v>9</v>
      </c>
      <c r="CG25" s="61">
        <v>4</v>
      </c>
      <c r="CH25" s="61">
        <v>2</v>
      </c>
      <c r="CI25" s="61">
        <v>1</v>
      </c>
      <c r="CJ25" s="61">
        <v>5</v>
      </c>
      <c r="CK25" s="62">
        <v>21</v>
      </c>
      <c r="CL25" s="63">
        <v>27</v>
      </c>
      <c r="CM25" s="60">
        <v>83</v>
      </c>
      <c r="CN25" s="61">
        <v>87</v>
      </c>
      <c r="CO25" s="62">
        <v>170</v>
      </c>
      <c r="CP25" s="443">
        <v>0</v>
      </c>
      <c r="CQ25" s="61">
        <v>194</v>
      </c>
      <c r="CR25" s="61">
        <v>173</v>
      </c>
      <c r="CS25" s="61">
        <v>100</v>
      </c>
      <c r="CT25" s="61">
        <v>85</v>
      </c>
      <c r="CU25" s="61">
        <v>56</v>
      </c>
      <c r="CV25" s="62">
        <v>608</v>
      </c>
      <c r="CW25" s="63">
        <v>778</v>
      </c>
      <c r="CX25" s="113">
        <v>139</v>
      </c>
      <c r="CY25" s="72">
        <v>263</v>
      </c>
      <c r="CZ25" s="73">
        <v>402</v>
      </c>
      <c r="DA25" s="443">
        <v>0</v>
      </c>
      <c r="DB25" s="72">
        <v>329</v>
      </c>
      <c r="DC25" s="72">
        <v>307</v>
      </c>
      <c r="DD25" s="72">
        <v>210</v>
      </c>
      <c r="DE25" s="72">
        <v>207</v>
      </c>
      <c r="DF25" s="72">
        <v>107</v>
      </c>
      <c r="DG25" s="74">
        <v>1160</v>
      </c>
      <c r="DH25" s="75">
        <v>1562</v>
      </c>
      <c r="DI25" s="60">
        <v>4</v>
      </c>
      <c r="DJ25" s="61">
        <v>6</v>
      </c>
      <c r="DK25" s="62">
        <v>10</v>
      </c>
      <c r="DL25" s="443">
        <v>0</v>
      </c>
      <c r="DM25" s="61">
        <v>6</v>
      </c>
      <c r="DN25" s="61">
        <v>5</v>
      </c>
      <c r="DO25" s="61">
        <v>6</v>
      </c>
      <c r="DP25" s="61">
        <v>2</v>
      </c>
      <c r="DQ25" s="61">
        <v>4</v>
      </c>
      <c r="DR25" s="62">
        <v>23</v>
      </c>
      <c r="DS25" s="63">
        <v>33</v>
      </c>
      <c r="DT25" s="60">
        <v>10</v>
      </c>
      <c r="DU25" s="61">
        <v>13</v>
      </c>
      <c r="DV25" s="62">
        <v>23</v>
      </c>
      <c r="DW25" s="443">
        <v>0</v>
      </c>
      <c r="DX25" s="61">
        <v>12</v>
      </c>
      <c r="DY25" s="61">
        <v>14</v>
      </c>
      <c r="DZ25" s="61">
        <v>4</v>
      </c>
      <c r="EA25" s="61">
        <v>5</v>
      </c>
      <c r="EB25" s="61">
        <v>2</v>
      </c>
      <c r="EC25" s="62">
        <v>37</v>
      </c>
      <c r="ED25" s="63">
        <v>60</v>
      </c>
      <c r="EE25" s="60">
        <v>28</v>
      </c>
      <c r="EF25" s="61">
        <v>38</v>
      </c>
      <c r="EG25" s="62">
        <v>66</v>
      </c>
      <c r="EH25" s="443">
        <v>0</v>
      </c>
      <c r="EI25" s="61">
        <v>33</v>
      </c>
      <c r="EJ25" s="61">
        <v>39</v>
      </c>
      <c r="EK25" s="61">
        <v>19</v>
      </c>
      <c r="EL25" s="61">
        <v>11</v>
      </c>
      <c r="EM25" s="61">
        <v>16</v>
      </c>
      <c r="EN25" s="62">
        <v>118</v>
      </c>
      <c r="EO25" s="63">
        <v>184</v>
      </c>
      <c r="EP25" s="60">
        <v>41</v>
      </c>
      <c r="EQ25" s="61">
        <v>80</v>
      </c>
      <c r="ER25" s="62">
        <v>121</v>
      </c>
      <c r="ES25" s="443">
        <v>0</v>
      </c>
      <c r="ET25" s="61">
        <v>73</v>
      </c>
      <c r="EU25" s="61">
        <v>52</v>
      </c>
      <c r="EV25" s="61">
        <v>42</v>
      </c>
      <c r="EW25" s="61">
        <v>38</v>
      </c>
      <c r="EX25" s="61">
        <v>18</v>
      </c>
      <c r="EY25" s="62">
        <v>223</v>
      </c>
      <c r="EZ25" s="63">
        <v>344</v>
      </c>
      <c r="FA25" s="60">
        <v>39</v>
      </c>
      <c r="FB25" s="61">
        <v>79</v>
      </c>
      <c r="FC25" s="62">
        <v>118</v>
      </c>
      <c r="FD25" s="443">
        <v>0</v>
      </c>
      <c r="FE25" s="61">
        <v>109</v>
      </c>
      <c r="FF25" s="61">
        <v>95</v>
      </c>
      <c r="FG25" s="61">
        <v>55</v>
      </c>
      <c r="FH25" s="61">
        <v>55</v>
      </c>
      <c r="FI25" s="61">
        <v>27</v>
      </c>
      <c r="FJ25" s="62">
        <v>341</v>
      </c>
      <c r="FK25" s="63">
        <v>459</v>
      </c>
      <c r="FL25" s="60">
        <v>17</v>
      </c>
      <c r="FM25" s="61">
        <v>47</v>
      </c>
      <c r="FN25" s="62">
        <v>64</v>
      </c>
      <c r="FO25" s="443">
        <v>0</v>
      </c>
      <c r="FP25" s="61">
        <v>96</v>
      </c>
      <c r="FQ25" s="61">
        <v>102</v>
      </c>
      <c r="FR25" s="61">
        <v>84</v>
      </c>
      <c r="FS25" s="61">
        <v>96</v>
      </c>
      <c r="FT25" s="61">
        <v>40</v>
      </c>
      <c r="FU25" s="62">
        <v>418</v>
      </c>
      <c r="FV25" s="63">
        <v>482</v>
      </c>
      <c r="FW25" s="60">
        <v>1</v>
      </c>
      <c r="FX25" s="61">
        <v>2</v>
      </c>
      <c r="FY25" s="62">
        <v>3</v>
      </c>
      <c r="FZ25" s="443">
        <v>0</v>
      </c>
      <c r="GA25" s="61">
        <v>4</v>
      </c>
      <c r="GB25" s="61">
        <v>8</v>
      </c>
      <c r="GC25" s="61">
        <v>2</v>
      </c>
      <c r="GD25" s="61">
        <v>1</v>
      </c>
      <c r="GE25" s="61">
        <v>2</v>
      </c>
      <c r="GF25" s="62">
        <v>17</v>
      </c>
      <c r="GG25" s="63">
        <v>20</v>
      </c>
      <c r="GH25" s="60">
        <v>140</v>
      </c>
      <c r="GI25" s="61">
        <v>265</v>
      </c>
      <c r="GJ25" s="62">
        <v>405</v>
      </c>
      <c r="GK25" s="443">
        <v>0</v>
      </c>
      <c r="GL25" s="61">
        <v>333</v>
      </c>
      <c r="GM25" s="61">
        <v>315</v>
      </c>
      <c r="GN25" s="61">
        <v>212</v>
      </c>
      <c r="GO25" s="61">
        <v>208</v>
      </c>
      <c r="GP25" s="61">
        <v>109</v>
      </c>
      <c r="GQ25" s="62">
        <v>1177</v>
      </c>
      <c r="GR25" s="63">
        <v>1582</v>
      </c>
      <c r="GS25" s="113">
        <v>220</v>
      </c>
      <c r="GT25" s="72">
        <v>346</v>
      </c>
      <c r="GU25" s="73">
        <v>566</v>
      </c>
      <c r="GV25" s="224">
        <v>0</v>
      </c>
      <c r="GW25" s="72">
        <v>514</v>
      </c>
      <c r="GX25" s="72">
        <v>476</v>
      </c>
      <c r="GY25" s="72">
        <v>308</v>
      </c>
      <c r="GZ25" s="72">
        <v>291</v>
      </c>
      <c r="HA25" s="72">
        <v>158</v>
      </c>
      <c r="HB25" s="74">
        <v>1747</v>
      </c>
      <c r="HC25" s="75">
        <v>2313</v>
      </c>
      <c r="HD25" s="60">
        <v>8</v>
      </c>
      <c r="HE25" s="61">
        <v>10</v>
      </c>
      <c r="HF25" s="62">
        <v>18</v>
      </c>
      <c r="HG25" s="227">
        <v>0</v>
      </c>
      <c r="HH25" s="61">
        <v>10</v>
      </c>
      <c r="HI25" s="61">
        <v>10</v>
      </c>
      <c r="HJ25" s="61">
        <v>10</v>
      </c>
      <c r="HK25" s="61">
        <v>3</v>
      </c>
      <c r="HL25" s="61">
        <v>7</v>
      </c>
      <c r="HM25" s="62">
        <v>40</v>
      </c>
      <c r="HN25" s="63">
        <v>58</v>
      </c>
      <c r="HO25" s="60">
        <v>14</v>
      </c>
      <c r="HP25" s="61">
        <v>18</v>
      </c>
      <c r="HQ25" s="62">
        <v>32</v>
      </c>
      <c r="HR25" s="443">
        <v>0</v>
      </c>
      <c r="HS25" s="61">
        <v>21</v>
      </c>
      <c r="HT25" s="61">
        <v>27</v>
      </c>
      <c r="HU25" s="61">
        <v>11</v>
      </c>
      <c r="HV25" s="61">
        <v>12</v>
      </c>
      <c r="HW25" s="61">
        <v>11</v>
      </c>
      <c r="HX25" s="62">
        <v>82</v>
      </c>
      <c r="HY25" s="63">
        <v>114</v>
      </c>
      <c r="HZ25" s="60">
        <v>36</v>
      </c>
      <c r="IA25" s="61">
        <v>53</v>
      </c>
      <c r="IB25" s="62">
        <v>89</v>
      </c>
      <c r="IC25" s="443">
        <v>0</v>
      </c>
      <c r="ID25" s="61">
        <v>67</v>
      </c>
      <c r="IE25" s="61">
        <v>60</v>
      </c>
      <c r="IF25" s="61">
        <v>39</v>
      </c>
      <c r="IG25" s="61">
        <v>28</v>
      </c>
      <c r="IH25" s="61">
        <v>26</v>
      </c>
      <c r="II25" s="62">
        <v>220</v>
      </c>
      <c r="IJ25" s="63">
        <v>309</v>
      </c>
      <c r="IK25" s="60">
        <v>64</v>
      </c>
      <c r="IL25" s="61">
        <v>107</v>
      </c>
      <c r="IM25" s="62">
        <v>171</v>
      </c>
      <c r="IN25" s="443">
        <v>0</v>
      </c>
      <c r="IO25" s="61">
        <v>112</v>
      </c>
      <c r="IP25" s="61">
        <v>99</v>
      </c>
      <c r="IQ25" s="61">
        <v>62</v>
      </c>
      <c r="IR25" s="61">
        <v>58</v>
      </c>
      <c r="IS25" s="61">
        <v>30</v>
      </c>
      <c r="IT25" s="62">
        <v>361</v>
      </c>
      <c r="IU25" s="63">
        <v>532</v>
      </c>
      <c r="IV25" s="60">
        <v>67</v>
      </c>
      <c r="IW25" s="61">
        <v>99</v>
      </c>
      <c r="IX25" s="62">
        <v>166</v>
      </c>
      <c r="IY25" s="443">
        <v>0</v>
      </c>
      <c r="IZ25" s="61">
        <v>158</v>
      </c>
      <c r="JA25" s="61">
        <v>139</v>
      </c>
      <c r="JB25" s="61">
        <v>78</v>
      </c>
      <c r="JC25" s="61">
        <v>75</v>
      </c>
      <c r="JD25" s="61">
        <v>36</v>
      </c>
      <c r="JE25" s="62">
        <v>486</v>
      </c>
      <c r="JF25" s="63">
        <v>652</v>
      </c>
      <c r="JG25" s="60">
        <v>31</v>
      </c>
      <c r="JH25" s="61">
        <v>59</v>
      </c>
      <c r="JI25" s="62">
        <v>90</v>
      </c>
      <c r="JJ25" s="443">
        <v>0</v>
      </c>
      <c r="JK25" s="61">
        <v>146</v>
      </c>
      <c r="JL25" s="61">
        <v>141</v>
      </c>
      <c r="JM25" s="61">
        <v>108</v>
      </c>
      <c r="JN25" s="61">
        <v>115</v>
      </c>
      <c r="JO25" s="61">
        <v>48</v>
      </c>
      <c r="JP25" s="62">
        <v>558</v>
      </c>
      <c r="JQ25" s="63">
        <v>648</v>
      </c>
      <c r="JR25" s="60">
        <v>3</v>
      </c>
      <c r="JS25" s="61">
        <v>6</v>
      </c>
      <c r="JT25" s="62">
        <v>9</v>
      </c>
      <c r="JU25" s="443">
        <v>0</v>
      </c>
      <c r="JV25" s="61">
        <v>13</v>
      </c>
      <c r="JW25" s="61">
        <v>12</v>
      </c>
      <c r="JX25" s="61">
        <v>4</v>
      </c>
      <c r="JY25" s="61">
        <v>2</v>
      </c>
      <c r="JZ25" s="61">
        <v>7</v>
      </c>
      <c r="KA25" s="62">
        <v>38</v>
      </c>
      <c r="KB25" s="63">
        <v>47</v>
      </c>
      <c r="KC25" s="60">
        <v>223</v>
      </c>
      <c r="KD25" s="61">
        <v>352</v>
      </c>
      <c r="KE25" s="62">
        <v>575</v>
      </c>
      <c r="KF25" s="443">
        <v>0</v>
      </c>
      <c r="KG25" s="61">
        <v>527</v>
      </c>
      <c r="KH25" s="61">
        <v>488</v>
      </c>
      <c r="KI25" s="61">
        <v>312</v>
      </c>
      <c r="KJ25" s="61">
        <v>293</v>
      </c>
      <c r="KK25" s="61">
        <v>165</v>
      </c>
      <c r="KL25" s="62">
        <v>1785</v>
      </c>
      <c r="KM25" s="63">
        <v>2360</v>
      </c>
    </row>
    <row r="26" spans="2:299" ht="21" customHeight="1" x14ac:dyDescent="0.2">
      <c r="B26" s="437" t="s">
        <v>23</v>
      </c>
      <c r="C26" s="287">
        <v>212</v>
      </c>
      <c r="D26" s="72">
        <v>203</v>
      </c>
      <c r="E26" s="73">
        <v>415</v>
      </c>
      <c r="F26" s="443">
        <v>0</v>
      </c>
      <c r="G26" s="72">
        <v>306</v>
      </c>
      <c r="H26" s="72">
        <v>272</v>
      </c>
      <c r="I26" s="72">
        <v>182</v>
      </c>
      <c r="J26" s="72">
        <v>146</v>
      </c>
      <c r="K26" s="72">
        <v>88</v>
      </c>
      <c r="L26" s="74">
        <v>994</v>
      </c>
      <c r="M26" s="75">
        <v>1409</v>
      </c>
      <c r="N26" s="60">
        <v>4</v>
      </c>
      <c r="O26" s="61">
        <v>9</v>
      </c>
      <c r="P26" s="62">
        <v>13</v>
      </c>
      <c r="Q26" s="443">
        <v>0</v>
      </c>
      <c r="R26" s="61">
        <v>9</v>
      </c>
      <c r="S26" s="61">
        <v>11</v>
      </c>
      <c r="T26" s="61">
        <v>1</v>
      </c>
      <c r="U26" s="61">
        <v>8</v>
      </c>
      <c r="V26" s="61">
        <v>3</v>
      </c>
      <c r="W26" s="62">
        <v>32</v>
      </c>
      <c r="X26" s="63">
        <v>45</v>
      </c>
      <c r="Y26" s="60">
        <v>18</v>
      </c>
      <c r="Z26" s="61">
        <v>25</v>
      </c>
      <c r="AA26" s="62">
        <v>43</v>
      </c>
      <c r="AB26" s="443">
        <v>0</v>
      </c>
      <c r="AC26" s="61">
        <v>19</v>
      </c>
      <c r="AD26" s="61">
        <v>31</v>
      </c>
      <c r="AE26" s="61">
        <v>20</v>
      </c>
      <c r="AF26" s="61">
        <v>17</v>
      </c>
      <c r="AG26" s="61">
        <v>10</v>
      </c>
      <c r="AH26" s="62">
        <v>97</v>
      </c>
      <c r="AI26" s="63">
        <v>140</v>
      </c>
      <c r="AJ26" s="60">
        <v>46</v>
      </c>
      <c r="AK26" s="61">
        <v>30</v>
      </c>
      <c r="AL26" s="62">
        <v>76</v>
      </c>
      <c r="AM26" s="443">
        <v>0</v>
      </c>
      <c r="AN26" s="61">
        <v>54</v>
      </c>
      <c r="AO26" s="61">
        <v>38</v>
      </c>
      <c r="AP26" s="61">
        <v>26</v>
      </c>
      <c r="AQ26" s="61">
        <v>18</v>
      </c>
      <c r="AR26" s="61">
        <v>20</v>
      </c>
      <c r="AS26" s="62">
        <v>156</v>
      </c>
      <c r="AT26" s="63">
        <v>232</v>
      </c>
      <c r="AU26" s="60">
        <v>55</v>
      </c>
      <c r="AV26" s="61">
        <v>60</v>
      </c>
      <c r="AW26" s="62">
        <v>115</v>
      </c>
      <c r="AX26" s="443">
        <v>0</v>
      </c>
      <c r="AY26" s="61">
        <v>95</v>
      </c>
      <c r="AZ26" s="61">
        <v>78</v>
      </c>
      <c r="BA26" s="61">
        <v>51</v>
      </c>
      <c r="BB26" s="61">
        <v>43</v>
      </c>
      <c r="BC26" s="61">
        <v>22</v>
      </c>
      <c r="BD26" s="62">
        <v>289</v>
      </c>
      <c r="BE26" s="63">
        <v>404</v>
      </c>
      <c r="BF26" s="60">
        <v>67</v>
      </c>
      <c r="BG26" s="61">
        <v>58</v>
      </c>
      <c r="BH26" s="62">
        <v>125</v>
      </c>
      <c r="BI26" s="443">
        <v>0</v>
      </c>
      <c r="BJ26" s="61">
        <v>97</v>
      </c>
      <c r="BK26" s="61">
        <v>69</v>
      </c>
      <c r="BL26" s="61">
        <v>56</v>
      </c>
      <c r="BM26" s="61">
        <v>33</v>
      </c>
      <c r="BN26" s="61">
        <v>23</v>
      </c>
      <c r="BO26" s="62">
        <v>278</v>
      </c>
      <c r="BP26" s="63">
        <v>403</v>
      </c>
      <c r="BQ26" s="60">
        <v>22</v>
      </c>
      <c r="BR26" s="61">
        <v>21</v>
      </c>
      <c r="BS26" s="62">
        <v>43</v>
      </c>
      <c r="BT26" s="443">
        <v>0</v>
      </c>
      <c r="BU26" s="61">
        <v>32</v>
      </c>
      <c r="BV26" s="61">
        <v>45</v>
      </c>
      <c r="BW26" s="61">
        <v>28</v>
      </c>
      <c r="BX26" s="61">
        <v>27</v>
      </c>
      <c r="BY26" s="61">
        <v>10</v>
      </c>
      <c r="BZ26" s="62">
        <v>142</v>
      </c>
      <c r="CA26" s="63">
        <v>185</v>
      </c>
      <c r="CB26" s="60">
        <v>6</v>
      </c>
      <c r="CC26" s="61">
        <v>10</v>
      </c>
      <c r="CD26" s="62">
        <v>16</v>
      </c>
      <c r="CE26" s="443">
        <v>0</v>
      </c>
      <c r="CF26" s="61">
        <v>5</v>
      </c>
      <c r="CG26" s="61">
        <v>14</v>
      </c>
      <c r="CH26" s="61">
        <v>9</v>
      </c>
      <c r="CI26" s="61">
        <v>10</v>
      </c>
      <c r="CJ26" s="61">
        <v>2</v>
      </c>
      <c r="CK26" s="62">
        <v>40</v>
      </c>
      <c r="CL26" s="63">
        <v>56</v>
      </c>
      <c r="CM26" s="60">
        <v>218</v>
      </c>
      <c r="CN26" s="61">
        <v>213</v>
      </c>
      <c r="CO26" s="62">
        <v>431</v>
      </c>
      <c r="CP26" s="443">
        <v>0</v>
      </c>
      <c r="CQ26" s="61">
        <v>311</v>
      </c>
      <c r="CR26" s="61">
        <v>286</v>
      </c>
      <c r="CS26" s="61">
        <v>191</v>
      </c>
      <c r="CT26" s="61">
        <v>156</v>
      </c>
      <c r="CU26" s="61">
        <v>90</v>
      </c>
      <c r="CV26" s="62">
        <v>1034</v>
      </c>
      <c r="CW26" s="63">
        <v>1465</v>
      </c>
      <c r="CX26" s="113">
        <v>335</v>
      </c>
      <c r="CY26" s="72">
        <v>453</v>
      </c>
      <c r="CZ26" s="73">
        <v>788</v>
      </c>
      <c r="DA26" s="443">
        <v>0</v>
      </c>
      <c r="DB26" s="72">
        <v>537</v>
      </c>
      <c r="DC26" s="72">
        <v>447</v>
      </c>
      <c r="DD26" s="72">
        <v>319</v>
      </c>
      <c r="DE26" s="72">
        <v>359</v>
      </c>
      <c r="DF26" s="72">
        <v>217</v>
      </c>
      <c r="DG26" s="74">
        <v>1879</v>
      </c>
      <c r="DH26" s="75">
        <v>2667</v>
      </c>
      <c r="DI26" s="60">
        <v>9</v>
      </c>
      <c r="DJ26" s="61">
        <v>14</v>
      </c>
      <c r="DK26" s="62">
        <v>23</v>
      </c>
      <c r="DL26" s="443">
        <v>0</v>
      </c>
      <c r="DM26" s="61">
        <v>10</v>
      </c>
      <c r="DN26" s="61">
        <v>7</v>
      </c>
      <c r="DO26" s="61">
        <v>7</v>
      </c>
      <c r="DP26" s="61">
        <v>6</v>
      </c>
      <c r="DQ26" s="61">
        <v>5</v>
      </c>
      <c r="DR26" s="62">
        <v>35</v>
      </c>
      <c r="DS26" s="63">
        <v>58</v>
      </c>
      <c r="DT26" s="60">
        <v>25</v>
      </c>
      <c r="DU26" s="61">
        <v>36</v>
      </c>
      <c r="DV26" s="62">
        <v>61</v>
      </c>
      <c r="DW26" s="443">
        <v>0</v>
      </c>
      <c r="DX26" s="61">
        <v>22</v>
      </c>
      <c r="DY26" s="61">
        <v>26</v>
      </c>
      <c r="DZ26" s="61">
        <v>19</v>
      </c>
      <c r="EA26" s="61">
        <v>21</v>
      </c>
      <c r="EB26" s="61">
        <v>10</v>
      </c>
      <c r="EC26" s="62">
        <v>98</v>
      </c>
      <c r="ED26" s="63">
        <v>159</v>
      </c>
      <c r="EE26" s="60">
        <v>68</v>
      </c>
      <c r="EF26" s="61">
        <v>81</v>
      </c>
      <c r="EG26" s="62">
        <v>149</v>
      </c>
      <c r="EH26" s="443">
        <v>0</v>
      </c>
      <c r="EI26" s="61">
        <v>82</v>
      </c>
      <c r="EJ26" s="61">
        <v>51</v>
      </c>
      <c r="EK26" s="61">
        <v>39</v>
      </c>
      <c r="EL26" s="61">
        <v>51</v>
      </c>
      <c r="EM26" s="61">
        <v>26</v>
      </c>
      <c r="EN26" s="62">
        <v>249</v>
      </c>
      <c r="EO26" s="63">
        <v>398</v>
      </c>
      <c r="EP26" s="60">
        <v>135</v>
      </c>
      <c r="EQ26" s="61">
        <v>146</v>
      </c>
      <c r="ER26" s="62">
        <v>281</v>
      </c>
      <c r="ES26" s="443">
        <v>0</v>
      </c>
      <c r="ET26" s="61">
        <v>136</v>
      </c>
      <c r="EU26" s="61">
        <v>117</v>
      </c>
      <c r="EV26" s="61">
        <v>75</v>
      </c>
      <c r="EW26" s="61">
        <v>67</v>
      </c>
      <c r="EX26" s="61">
        <v>52</v>
      </c>
      <c r="EY26" s="62">
        <v>447</v>
      </c>
      <c r="EZ26" s="63">
        <v>728</v>
      </c>
      <c r="FA26" s="60">
        <v>67</v>
      </c>
      <c r="FB26" s="61">
        <v>115</v>
      </c>
      <c r="FC26" s="62">
        <v>182</v>
      </c>
      <c r="FD26" s="443">
        <v>0</v>
      </c>
      <c r="FE26" s="61">
        <v>175</v>
      </c>
      <c r="FF26" s="61">
        <v>123</v>
      </c>
      <c r="FG26" s="61">
        <v>97</v>
      </c>
      <c r="FH26" s="61">
        <v>97</v>
      </c>
      <c r="FI26" s="61">
        <v>59</v>
      </c>
      <c r="FJ26" s="62">
        <v>551</v>
      </c>
      <c r="FK26" s="63">
        <v>733</v>
      </c>
      <c r="FL26" s="60">
        <v>31</v>
      </c>
      <c r="FM26" s="61">
        <v>61</v>
      </c>
      <c r="FN26" s="62">
        <v>92</v>
      </c>
      <c r="FO26" s="443">
        <v>0</v>
      </c>
      <c r="FP26" s="61">
        <v>112</v>
      </c>
      <c r="FQ26" s="61">
        <v>123</v>
      </c>
      <c r="FR26" s="61">
        <v>82</v>
      </c>
      <c r="FS26" s="61">
        <v>117</v>
      </c>
      <c r="FT26" s="61">
        <v>65</v>
      </c>
      <c r="FU26" s="62">
        <v>499</v>
      </c>
      <c r="FV26" s="63">
        <v>591</v>
      </c>
      <c r="FW26" s="60">
        <v>5</v>
      </c>
      <c r="FX26" s="61">
        <v>8</v>
      </c>
      <c r="FY26" s="62">
        <v>13</v>
      </c>
      <c r="FZ26" s="443">
        <v>0</v>
      </c>
      <c r="GA26" s="61">
        <v>7</v>
      </c>
      <c r="GB26" s="61">
        <v>8</v>
      </c>
      <c r="GC26" s="61">
        <v>4</v>
      </c>
      <c r="GD26" s="61">
        <v>2</v>
      </c>
      <c r="GE26" s="61">
        <v>4</v>
      </c>
      <c r="GF26" s="62">
        <v>25</v>
      </c>
      <c r="GG26" s="63">
        <v>38</v>
      </c>
      <c r="GH26" s="60">
        <v>340</v>
      </c>
      <c r="GI26" s="61">
        <v>461</v>
      </c>
      <c r="GJ26" s="62">
        <v>801</v>
      </c>
      <c r="GK26" s="443">
        <v>0</v>
      </c>
      <c r="GL26" s="61">
        <v>544</v>
      </c>
      <c r="GM26" s="61">
        <v>455</v>
      </c>
      <c r="GN26" s="61">
        <v>323</v>
      </c>
      <c r="GO26" s="61">
        <v>361</v>
      </c>
      <c r="GP26" s="61">
        <v>221</v>
      </c>
      <c r="GQ26" s="62">
        <v>1904</v>
      </c>
      <c r="GR26" s="63">
        <v>2705</v>
      </c>
      <c r="GS26" s="113">
        <v>547</v>
      </c>
      <c r="GT26" s="72">
        <v>656</v>
      </c>
      <c r="GU26" s="73">
        <v>1203</v>
      </c>
      <c r="GV26" s="224">
        <v>0</v>
      </c>
      <c r="GW26" s="72">
        <v>843</v>
      </c>
      <c r="GX26" s="72">
        <v>719</v>
      </c>
      <c r="GY26" s="72">
        <v>501</v>
      </c>
      <c r="GZ26" s="72">
        <v>505</v>
      </c>
      <c r="HA26" s="72">
        <v>305</v>
      </c>
      <c r="HB26" s="74">
        <v>2873</v>
      </c>
      <c r="HC26" s="75">
        <v>4076</v>
      </c>
      <c r="HD26" s="60">
        <v>13</v>
      </c>
      <c r="HE26" s="61">
        <v>23</v>
      </c>
      <c r="HF26" s="62">
        <v>36</v>
      </c>
      <c r="HG26" s="227">
        <v>0</v>
      </c>
      <c r="HH26" s="61">
        <v>19</v>
      </c>
      <c r="HI26" s="61">
        <v>18</v>
      </c>
      <c r="HJ26" s="61">
        <v>8</v>
      </c>
      <c r="HK26" s="61">
        <v>14</v>
      </c>
      <c r="HL26" s="61">
        <v>8</v>
      </c>
      <c r="HM26" s="62">
        <v>67</v>
      </c>
      <c r="HN26" s="63">
        <v>103</v>
      </c>
      <c r="HO26" s="60">
        <v>43</v>
      </c>
      <c r="HP26" s="61">
        <v>61</v>
      </c>
      <c r="HQ26" s="62">
        <v>104</v>
      </c>
      <c r="HR26" s="443">
        <v>0</v>
      </c>
      <c r="HS26" s="61">
        <v>41</v>
      </c>
      <c r="HT26" s="61">
        <v>57</v>
      </c>
      <c r="HU26" s="61">
        <v>39</v>
      </c>
      <c r="HV26" s="61">
        <v>38</v>
      </c>
      <c r="HW26" s="61">
        <v>20</v>
      </c>
      <c r="HX26" s="62">
        <v>195</v>
      </c>
      <c r="HY26" s="63">
        <v>299</v>
      </c>
      <c r="HZ26" s="60">
        <v>114</v>
      </c>
      <c r="IA26" s="61">
        <v>111</v>
      </c>
      <c r="IB26" s="62">
        <v>225</v>
      </c>
      <c r="IC26" s="443">
        <v>0</v>
      </c>
      <c r="ID26" s="61">
        <v>136</v>
      </c>
      <c r="IE26" s="61">
        <v>89</v>
      </c>
      <c r="IF26" s="61">
        <v>65</v>
      </c>
      <c r="IG26" s="61">
        <v>69</v>
      </c>
      <c r="IH26" s="61">
        <v>46</v>
      </c>
      <c r="II26" s="62">
        <v>405</v>
      </c>
      <c r="IJ26" s="63">
        <v>630</v>
      </c>
      <c r="IK26" s="60">
        <v>190</v>
      </c>
      <c r="IL26" s="61">
        <v>206</v>
      </c>
      <c r="IM26" s="62">
        <v>396</v>
      </c>
      <c r="IN26" s="443">
        <v>0</v>
      </c>
      <c r="IO26" s="61">
        <v>231</v>
      </c>
      <c r="IP26" s="61">
        <v>195</v>
      </c>
      <c r="IQ26" s="61">
        <v>126</v>
      </c>
      <c r="IR26" s="61">
        <v>110</v>
      </c>
      <c r="IS26" s="61">
        <v>74</v>
      </c>
      <c r="IT26" s="62">
        <v>736</v>
      </c>
      <c r="IU26" s="63">
        <v>1132</v>
      </c>
      <c r="IV26" s="60">
        <v>134</v>
      </c>
      <c r="IW26" s="61">
        <v>173</v>
      </c>
      <c r="IX26" s="62">
        <v>307</v>
      </c>
      <c r="IY26" s="443">
        <v>0</v>
      </c>
      <c r="IZ26" s="61">
        <v>272</v>
      </c>
      <c r="JA26" s="61">
        <v>192</v>
      </c>
      <c r="JB26" s="61">
        <v>153</v>
      </c>
      <c r="JC26" s="61">
        <v>130</v>
      </c>
      <c r="JD26" s="61">
        <v>82</v>
      </c>
      <c r="JE26" s="62">
        <v>829</v>
      </c>
      <c r="JF26" s="63">
        <v>1136</v>
      </c>
      <c r="JG26" s="60">
        <v>53</v>
      </c>
      <c r="JH26" s="61">
        <v>82</v>
      </c>
      <c r="JI26" s="62">
        <v>135</v>
      </c>
      <c r="JJ26" s="443">
        <v>0</v>
      </c>
      <c r="JK26" s="61">
        <v>144</v>
      </c>
      <c r="JL26" s="61">
        <v>168</v>
      </c>
      <c r="JM26" s="61">
        <v>110</v>
      </c>
      <c r="JN26" s="61">
        <v>144</v>
      </c>
      <c r="JO26" s="61">
        <v>75</v>
      </c>
      <c r="JP26" s="62">
        <v>641</v>
      </c>
      <c r="JQ26" s="63">
        <v>776</v>
      </c>
      <c r="JR26" s="60">
        <v>11</v>
      </c>
      <c r="JS26" s="61">
        <v>18</v>
      </c>
      <c r="JT26" s="62">
        <v>29</v>
      </c>
      <c r="JU26" s="443">
        <v>0</v>
      </c>
      <c r="JV26" s="61">
        <v>12</v>
      </c>
      <c r="JW26" s="61">
        <v>22</v>
      </c>
      <c r="JX26" s="61">
        <v>13</v>
      </c>
      <c r="JY26" s="61">
        <v>12</v>
      </c>
      <c r="JZ26" s="61">
        <v>6</v>
      </c>
      <c r="KA26" s="62">
        <v>65</v>
      </c>
      <c r="KB26" s="63">
        <v>94</v>
      </c>
      <c r="KC26" s="60">
        <v>558</v>
      </c>
      <c r="KD26" s="61">
        <v>674</v>
      </c>
      <c r="KE26" s="62">
        <v>1232</v>
      </c>
      <c r="KF26" s="443">
        <v>0</v>
      </c>
      <c r="KG26" s="61">
        <v>855</v>
      </c>
      <c r="KH26" s="61">
        <v>741</v>
      </c>
      <c r="KI26" s="61">
        <v>514</v>
      </c>
      <c r="KJ26" s="61">
        <v>517</v>
      </c>
      <c r="KK26" s="61">
        <v>311</v>
      </c>
      <c r="KL26" s="62">
        <v>2938</v>
      </c>
      <c r="KM26" s="63">
        <v>4170</v>
      </c>
    </row>
    <row r="27" spans="2:299" ht="21" customHeight="1" x14ac:dyDescent="0.2">
      <c r="B27" s="437" t="s">
        <v>24</v>
      </c>
      <c r="C27" s="287">
        <v>110</v>
      </c>
      <c r="D27" s="72">
        <v>90</v>
      </c>
      <c r="E27" s="73">
        <v>200</v>
      </c>
      <c r="F27" s="443">
        <v>0</v>
      </c>
      <c r="G27" s="72">
        <v>156</v>
      </c>
      <c r="H27" s="72">
        <v>108</v>
      </c>
      <c r="I27" s="72">
        <v>73</v>
      </c>
      <c r="J27" s="72">
        <v>60</v>
      </c>
      <c r="K27" s="72">
        <v>43</v>
      </c>
      <c r="L27" s="74">
        <v>440</v>
      </c>
      <c r="M27" s="75">
        <v>640</v>
      </c>
      <c r="N27" s="60">
        <v>3</v>
      </c>
      <c r="O27" s="61">
        <v>2</v>
      </c>
      <c r="P27" s="62">
        <v>5</v>
      </c>
      <c r="Q27" s="443">
        <v>0</v>
      </c>
      <c r="R27" s="61">
        <v>4</v>
      </c>
      <c r="S27" s="61">
        <v>3</v>
      </c>
      <c r="T27" s="61">
        <v>2</v>
      </c>
      <c r="U27" s="61">
        <v>0</v>
      </c>
      <c r="V27" s="61">
        <v>5</v>
      </c>
      <c r="W27" s="62">
        <v>14</v>
      </c>
      <c r="X27" s="63">
        <v>19</v>
      </c>
      <c r="Y27" s="60">
        <v>9</v>
      </c>
      <c r="Z27" s="61">
        <v>8</v>
      </c>
      <c r="AA27" s="62">
        <v>17</v>
      </c>
      <c r="AB27" s="443">
        <v>0</v>
      </c>
      <c r="AC27" s="61">
        <v>13</v>
      </c>
      <c r="AD27" s="61">
        <v>8</v>
      </c>
      <c r="AE27" s="61">
        <v>5</v>
      </c>
      <c r="AF27" s="61">
        <v>4</v>
      </c>
      <c r="AG27" s="61">
        <v>9</v>
      </c>
      <c r="AH27" s="62">
        <v>39</v>
      </c>
      <c r="AI27" s="63">
        <v>56</v>
      </c>
      <c r="AJ27" s="60">
        <v>12</v>
      </c>
      <c r="AK27" s="61">
        <v>10</v>
      </c>
      <c r="AL27" s="62">
        <v>22</v>
      </c>
      <c r="AM27" s="443">
        <v>0</v>
      </c>
      <c r="AN27" s="61">
        <v>24</v>
      </c>
      <c r="AO27" s="61">
        <v>17</v>
      </c>
      <c r="AP27" s="61">
        <v>10</v>
      </c>
      <c r="AQ27" s="61">
        <v>13</v>
      </c>
      <c r="AR27" s="61">
        <v>0</v>
      </c>
      <c r="AS27" s="62">
        <v>64</v>
      </c>
      <c r="AT27" s="63">
        <v>86</v>
      </c>
      <c r="AU27" s="60">
        <v>21</v>
      </c>
      <c r="AV27" s="61">
        <v>20</v>
      </c>
      <c r="AW27" s="62">
        <v>41</v>
      </c>
      <c r="AX27" s="443">
        <v>0</v>
      </c>
      <c r="AY27" s="61">
        <v>40</v>
      </c>
      <c r="AZ27" s="61">
        <v>20</v>
      </c>
      <c r="BA27" s="61">
        <v>19</v>
      </c>
      <c r="BB27" s="61">
        <v>15</v>
      </c>
      <c r="BC27" s="61">
        <v>12</v>
      </c>
      <c r="BD27" s="62">
        <v>106</v>
      </c>
      <c r="BE27" s="63">
        <v>147</v>
      </c>
      <c r="BF27" s="60">
        <v>34</v>
      </c>
      <c r="BG27" s="61">
        <v>29</v>
      </c>
      <c r="BH27" s="62">
        <v>63</v>
      </c>
      <c r="BI27" s="443">
        <v>0</v>
      </c>
      <c r="BJ27" s="61">
        <v>43</v>
      </c>
      <c r="BK27" s="61">
        <v>32</v>
      </c>
      <c r="BL27" s="61">
        <v>18</v>
      </c>
      <c r="BM27" s="61">
        <v>15</v>
      </c>
      <c r="BN27" s="61">
        <v>5</v>
      </c>
      <c r="BO27" s="62">
        <v>113</v>
      </c>
      <c r="BP27" s="63">
        <v>176</v>
      </c>
      <c r="BQ27" s="60">
        <v>31</v>
      </c>
      <c r="BR27" s="61">
        <v>21</v>
      </c>
      <c r="BS27" s="62">
        <v>52</v>
      </c>
      <c r="BT27" s="443">
        <v>0</v>
      </c>
      <c r="BU27" s="61">
        <v>32</v>
      </c>
      <c r="BV27" s="61">
        <v>28</v>
      </c>
      <c r="BW27" s="61">
        <v>19</v>
      </c>
      <c r="BX27" s="61">
        <v>13</v>
      </c>
      <c r="BY27" s="61">
        <v>12</v>
      </c>
      <c r="BZ27" s="62">
        <v>104</v>
      </c>
      <c r="CA27" s="63">
        <v>156</v>
      </c>
      <c r="CB27" s="60">
        <v>3</v>
      </c>
      <c r="CC27" s="61">
        <v>2</v>
      </c>
      <c r="CD27" s="62">
        <v>5</v>
      </c>
      <c r="CE27" s="443">
        <v>0</v>
      </c>
      <c r="CF27" s="61">
        <v>3</v>
      </c>
      <c r="CG27" s="61">
        <v>5</v>
      </c>
      <c r="CH27" s="61">
        <v>3</v>
      </c>
      <c r="CI27" s="61">
        <v>4</v>
      </c>
      <c r="CJ27" s="61">
        <v>1</v>
      </c>
      <c r="CK27" s="62">
        <v>16</v>
      </c>
      <c r="CL27" s="63">
        <v>21</v>
      </c>
      <c r="CM27" s="60">
        <v>113</v>
      </c>
      <c r="CN27" s="61">
        <v>92</v>
      </c>
      <c r="CO27" s="62">
        <v>205</v>
      </c>
      <c r="CP27" s="443">
        <v>0</v>
      </c>
      <c r="CQ27" s="61">
        <v>159</v>
      </c>
      <c r="CR27" s="61">
        <v>113</v>
      </c>
      <c r="CS27" s="61">
        <v>76</v>
      </c>
      <c r="CT27" s="61">
        <v>64</v>
      </c>
      <c r="CU27" s="61">
        <v>44</v>
      </c>
      <c r="CV27" s="62">
        <v>456</v>
      </c>
      <c r="CW27" s="63">
        <v>661</v>
      </c>
      <c r="CX27" s="113">
        <v>235</v>
      </c>
      <c r="CY27" s="72">
        <v>165</v>
      </c>
      <c r="CZ27" s="73">
        <v>400</v>
      </c>
      <c r="DA27" s="443">
        <v>0</v>
      </c>
      <c r="DB27" s="72">
        <v>273</v>
      </c>
      <c r="DC27" s="72">
        <v>189</v>
      </c>
      <c r="DD27" s="72">
        <v>135</v>
      </c>
      <c r="DE27" s="72">
        <v>206</v>
      </c>
      <c r="DF27" s="72">
        <v>107</v>
      </c>
      <c r="DG27" s="74">
        <v>910</v>
      </c>
      <c r="DH27" s="75">
        <v>1310</v>
      </c>
      <c r="DI27" s="60">
        <v>2</v>
      </c>
      <c r="DJ27" s="61">
        <v>5</v>
      </c>
      <c r="DK27" s="62">
        <v>7</v>
      </c>
      <c r="DL27" s="443">
        <v>0</v>
      </c>
      <c r="DM27" s="61">
        <v>3</v>
      </c>
      <c r="DN27" s="61">
        <v>2</v>
      </c>
      <c r="DO27" s="61">
        <v>2</v>
      </c>
      <c r="DP27" s="61">
        <v>4</v>
      </c>
      <c r="DQ27" s="61">
        <v>2</v>
      </c>
      <c r="DR27" s="62">
        <v>13</v>
      </c>
      <c r="DS27" s="63">
        <v>20</v>
      </c>
      <c r="DT27" s="60">
        <v>11</v>
      </c>
      <c r="DU27" s="61">
        <v>7</v>
      </c>
      <c r="DV27" s="62">
        <v>18</v>
      </c>
      <c r="DW27" s="443">
        <v>0</v>
      </c>
      <c r="DX27" s="61">
        <v>6</v>
      </c>
      <c r="DY27" s="61">
        <v>7</v>
      </c>
      <c r="DZ27" s="61">
        <v>4</v>
      </c>
      <c r="EA27" s="61">
        <v>7</v>
      </c>
      <c r="EB27" s="61">
        <v>3</v>
      </c>
      <c r="EC27" s="62">
        <v>27</v>
      </c>
      <c r="ED27" s="63">
        <v>45</v>
      </c>
      <c r="EE27" s="60">
        <v>31</v>
      </c>
      <c r="EF27" s="61">
        <v>16</v>
      </c>
      <c r="EG27" s="62">
        <v>47</v>
      </c>
      <c r="EH27" s="443">
        <v>0</v>
      </c>
      <c r="EI27" s="61">
        <v>22</v>
      </c>
      <c r="EJ27" s="61">
        <v>16</v>
      </c>
      <c r="EK27" s="61">
        <v>9</v>
      </c>
      <c r="EL27" s="61">
        <v>12</v>
      </c>
      <c r="EM27" s="61">
        <v>7</v>
      </c>
      <c r="EN27" s="62">
        <v>66</v>
      </c>
      <c r="EO27" s="63">
        <v>113</v>
      </c>
      <c r="EP27" s="60">
        <v>61</v>
      </c>
      <c r="EQ27" s="61">
        <v>37</v>
      </c>
      <c r="ER27" s="62">
        <v>98</v>
      </c>
      <c r="ES27" s="443">
        <v>0</v>
      </c>
      <c r="ET27" s="61">
        <v>69</v>
      </c>
      <c r="EU27" s="61">
        <v>29</v>
      </c>
      <c r="EV27" s="61">
        <v>24</v>
      </c>
      <c r="EW27" s="61">
        <v>33</v>
      </c>
      <c r="EX27" s="61">
        <v>20</v>
      </c>
      <c r="EY27" s="62">
        <v>175</v>
      </c>
      <c r="EZ27" s="63">
        <v>273</v>
      </c>
      <c r="FA27" s="60">
        <v>83</v>
      </c>
      <c r="FB27" s="61">
        <v>55</v>
      </c>
      <c r="FC27" s="62">
        <v>138</v>
      </c>
      <c r="FD27" s="443">
        <v>0</v>
      </c>
      <c r="FE27" s="61">
        <v>98</v>
      </c>
      <c r="FF27" s="61">
        <v>61</v>
      </c>
      <c r="FG27" s="61">
        <v>30</v>
      </c>
      <c r="FH27" s="61">
        <v>43</v>
      </c>
      <c r="FI27" s="61">
        <v>25</v>
      </c>
      <c r="FJ27" s="62">
        <v>257</v>
      </c>
      <c r="FK27" s="63">
        <v>395</v>
      </c>
      <c r="FL27" s="60">
        <v>47</v>
      </c>
      <c r="FM27" s="61">
        <v>45</v>
      </c>
      <c r="FN27" s="62">
        <v>92</v>
      </c>
      <c r="FO27" s="443">
        <v>0</v>
      </c>
      <c r="FP27" s="61">
        <v>75</v>
      </c>
      <c r="FQ27" s="61">
        <v>74</v>
      </c>
      <c r="FR27" s="61">
        <v>66</v>
      </c>
      <c r="FS27" s="61">
        <v>107</v>
      </c>
      <c r="FT27" s="61">
        <v>50</v>
      </c>
      <c r="FU27" s="62">
        <v>372</v>
      </c>
      <c r="FV27" s="63">
        <v>464</v>
      </c>
      <c r="FW27" s="60">
        <v>3</v>
      </c>
      <c r="FX27" s="61">
        <v>2</v>
      </c>
      <c r="FY27" s="62">
        <v>5</v>
      </c>
      <c r="FZ27" s="443">
        <v>0</v>
      </c>
      <c r="GA27" s="61">
        <v>1</v>
      </c>
      <c r="GB27" s="61">
        <v>3</v>
      </c>
      <c r="GC27" s="61">
        <v>2</v>
      </c>
      <c r="GD27" s="61">
        <v>2</v>
      </c>
      <c r="GE27" s="61">
        <v>3</v>
      </c>
      <c r="GF27" s="62">
        <v>11</v>
      </c>
      <c r="GG27" s="63">
        <v>16</v>
      </c>
      <c r="GH27" s="60">
        <v>238</v>
      </c>
      <c r="GI27" s="61">
        <v>167</v>
      </c>
      <c r="GJ27" s="62">
        <v>405</v>
      </c>
      <c r="GK27" s="443">
        <v>0</v>
      </c>
      <c r="GL27" s="61">
        <v>274</v>
      </c>
      <c r="GM27" s="61">
        <v>192</v>
      </c>
      <c r="GN27" s="61">
        <v>137</v>
      </c>
      <c r="GO27" s="61">
        <v>208</v>
      </c>
      <c r="GP27" s="61">
        <v>110</v>
      </c>
      <c r="GQ27" s="62">
        <v>921</v>
      </c>
      <c r="GR27" s="63">
        <v>1326</v>
      </c>
      <c r="GS27" s="113">
        <v>345</v>
      </c>
      <c r="GT27" s="72">
        <v>255</v>
      </c>
      <c r="GU27" s="73">
        <v>600</v>
      </c>
      <c r="GV27" s="224">
        <v>0</v>
      </c>
      <c r="GW27" s="72">
        <v>429</v>
      </c>
      <c r="GX27" s="72">
        <v>297</v>
      </c>
      <c r="GY27" s="72">
        <v>208</v>
      </c>
      <c r="GZ27" s="72">
        <v>266</v>
      </c>
      <c r="HA27" s="72">
        <v>150</v>
      </c>
      <c r="HB27" s="74">
        <v>1350</v>
      </c>
      <c r="HC27" s="75">
        <v>1950</v>
      </c>
      <c r="HD27" s="60">
        <v>5</v>
      </c>
      <c r="HE27" s="61">
        <v>7</v>
      </c>
      <c r="HF27" s="62">
        <v>12</v>
      </c>
      <c r="HG27" s="227">
        <v>0</v>
      </c>
      <c r="HH27" s="61">
        <v>7</v>
      </c>
      <c r="HI27" s="61">
        <v>5</v>
      </c>
      <c r="HJ27" s="61">
        <v>4</v>
      </c>
      <c r="HK27" s="61">
        <v>4</v>
      </c>
      <c r="HL27" s="61">
        <v>7</v>
      </c>
      <c r="HM27" s="62">
        <v>27</v>
      </c>
      <c r="HN27" s="63">
        <v>39</v>
      </c>
      <c r="HO27" s="60">
        <v>20</v>
      </c>
      <c r="HP27" s="61">
        <v>15</v>
      </c>
      <c r="HQ27" s="62">
        <v>35</v>
      </c>
      <c r="HR27" s="443">
        <v>0</v>
      </c>
      <c r="HS27" s="61">
        <v>19</v>
      </c>
      <c r="HT27" s="61">
        <v>15</v>
      </c>
      <c r="HU27" s="61">
        <v>9</v>
      </c>
      <c r="HV27" s="61">
        <v>11</v>
      </c>
      <c r="HW27" s="61">
        <v>12</v>
      </c>
      <c r="HX27" s="62">
        <v>66</v>
      </c>
      <c r="HY27" s="63">
        <v>101</v>
      </c>
      <c r="HZ27" s="60">
        <v>43</v>
      </c>
      <c r="IA27" s="61">
        <v>26</v>
      </c>
      <c r="IB27" s="62">
        <v>69</v>
      </c>
      <c r="IC27" s="443">
        <v>0</v>
      </c>
      <c r="ID27" s="61">
        <v>46</v>
      </c>
      <c r="IE27" s="61">
        <v>33</v>
      </c>
      <c r="IF27" s="61">
        <v>19</v>
      </c>
      <c r="IG27" s="61">
        <v>25</v>
      </c>
      <c r="IH27" s="61">
        <v>7</v>
      </c>
      <c r="II27" s="62">
        <v>130</v>
      </c>
      <c r="IJ27" s="63">
        <v>199</v>
      </c>
      <c r="IK27" s="60">
        <v>82</v>
      </c>
      <c r="IL27" s="61">
        <v>57</v>
      </c>
      <c r="IM27" s="62">
        <v>139</v>
      </c>
      <c r="IN27" s="443">
        <v>0</v>
      </c>
      <c r="IO27" s="61">
        <v>109</v>
      </c>
      <c r="IP27" s="61">
        <v>49</v>
      </c>
      <c r="IQ27" s="61">
        <v>43</v>
      </c>
      <c r="IR27" s="61">
        <v>48</v>
      </c>
      <c r="IS27" s="61">
        <v>32</v>
      </c>
      <c r="IT27" s="62">
        <v>281</v>
      </c>
      <c r="IU27" s="63">
        <v>420</v>
      </c>
      <c r="IV27" s="60">
        <v>117</v>
      </c>
      <c r="IW27" s="61">
        <v>84</v>
      </c>
      <c r="IX27" s="62">
        <v>201</v>
      </c>
      <c r="IY27" s="443">
        <v>0</v>
      </c>
      <c r="IZ27" s="61">
        <v>141</v>
      </c>
      <c r="JA27" s="61">
        <v>93</v>
      </c>
      <c r="JB27" s="61">
        <v>48</v>
      </c>
      <c r="JC27" s="61">
        <v>58</v>
      </c>
      <c r="JD27" s="61">
        <v>30</v>
      </c>
      <c r="JE27" s="62">
        <v>370</v>
      </c>
      <c r="JF27" s="63">
        <v>571</v>
      </c>
      <c r="JG27" s="60">
        <v>78</v>
      </c>
      <c r="JH27" s="61">
        <v>66</v>
      </c>
      <c r="JI27" s="62">
        <v>144</v>
      </c>
      <c r="JJ27" s="443">
        <v>0</v>
      </c>
      <c r="JK27" s="61">
        <v>107</v>
      </c>
      <c r="JL27" s="61">
        <v>102</v>
      </c>
      <c r="JM27" s="61">
        <v>85</v>
      </c>
      <c r="JN27" s="61">
        <v>120</v>
      </c>
      <c r="JO27" s="61">
        <v>62</v>
      </c>
      <c r="JP27" s="62">
        <v>476</v>
      </c>
      <c r="JQ27" s="63">
        <v>620</v>
      </c>
      <c r="JR27" s="60">
        <v>6</v>
      </c>
      <c r="JS27" s="61">
        <v>4</v>
      </c>
      <c r="JT27" s="62">
        <v>10</v>
      </c>
      <c r="JU27" s="443">
        <v>0</v>
      </c>
      <c r="JV27" s="61">
        <v>4</v>
      </c>
      <c r="JW27" s="61">
        <v>8</v>
      </c>
      <c r="JX27" s="61">
        <v>5</v>
      </c>
      <c r="JY27" s="61">
        <v>6</v>
      </c>
      <c r="JZ27" s="61">
        <v>4</v>
      </c>
      <c r="KA27" s="62">
        <v>27</v>
      </c>
      <c r="KB27" s="63">
        <v>37</v>
      </c>
      <c r="KC27" s="60">
        <v>351</v>
      </c>
      <c r="KD27" s="61">
        <v>259</v>
      </c>
      <c r="KE27" s="62">
        <v>610</v>
      </c>
      <c r="KF27" s="443">
        <v>0</v>
      </c>
      <c r="KG27" s="61">
        <v>433</v>
      </c>
      <c r="KH27" s="61">
        <v>305</v>
      </c>
      <c r="KI27" s="61">
        <v>213</v>
      </c>
      <c r="KJ27" s="61">
        <v>272</v>
      </c>
      <c r="KK27" s="61">
        <v>154</v>
      </c>
      <c r="KL27" s="62">
        <v>1377</v>
      </c>
      <c r="KM27" s="63">
        <v>1987</v>
      </c>
    </row>
    <row r="28" spans="2:299" ht="21" customHeight="1" x14ac:dyDescent="0.2">
      <c r="B28" s="437" t="s">
        <v>25</v>
      </c>
      <c r="C28" s="287">
        <v>128</v>
      </c>
      <c r="D28" s="72">
        <v>123</v>
      </c>
      <c r="E28" s="73">
        <v>251</v>
      </c>
      <c r="F28" s="443">
        <v>0</v>
      </c>
      <c r="G28" s="72">
        <v>197</v>
      </c>
      <c r="H28" s="72">
        <v>145</v>
      </c>
      <c r="I28" s="72">
        <v>101</v>
      </c>
      <c r="J28" s="72">
        <v>105</v>
      </c>
      <c r="K28" s="72">
        <v>61</v>
      </c>
      <c r="L28" s="74">
        <v>609</v>
      </c>
      <c r="M28" s="75">
        <v>860</v>
      </c>
      <c r="N28" s="60">
        <v>3</v>
      </c>
      <c r="O28" s="61">
        <v>5</v>
      </c>
      <c r="P28" s="62">
        <v>8</v>
      </c>
      <c r="Q28" s="443">
        <v>0</v>
      </c>
      <c r="R28" s="61">
        <v>8</v>
      </c>
      <c r="S28" s="61">
        <v>8</v>
      </c>
      <c r="T28" s="61">
        <v>2</v>
      </c>
      <c r="U28" s="61">
        <v>3</v>
      </c>
      <c r="V28" s="61">
        <v>0</v>
      </c>
      <c r="W28" s="62">
        <v>21</v>
      </c>
      <c r="X28" s="63">
        <v>29</v>
      </c>
      <c r="Y28" s="60">
        <v>22</v>
      </c>
      <c r="Z28" s="61">
        <v>13</v>
      </c>
      <c r="AA28" s="62">
        <v>35</v>
      </c>
      <c r="AB28" s="443">
        <v>0</v>
      </c>
      <c r="AC28" s="61">
        <v>16</v>
      </c>
      <c r="AD28" s="61">
        <v>19</v>
      </c>
      <c r="AE28" s="61">
        <v>10</v>
      </c>
      <c r="AF28" s="61">
        <v>17</v>
      </c>
      <c r="AG28" s="61">
        <v>8</v>
      </c>
      <c r="AH28" s="62">
        <v>70</v>
      </c>
      <c r="AI28" s="63">
        <v>105</v>
      </c>
      <c r="AJ28" s="60">
        <v>16</v>
      </c>
      <c r="AK28" s="61">
        <v>16</v>
      </c>
      <c r="AL28" s="62">
        <v>32</v>
      </c>
      <c r="AM28" s="443">
        <v>0</v>
      </c>
      <c r="AN28" s="61">
        <v>36</v>
      </c>
      <c r="AO28" s="61">
        <v>25</v>
      </c>
      <c r="AP28" s="61">
        <v>20</v>
      </c>
      <c r="AQ28" s="61">
        <v>27</v>
      </c>
      <c r="AR28" s="61">
        <v>10</v>
      </c>
      <c r="AS28" s="62">
        <v>118</v>
      </c>
      <c r="AT28" s="63">
        <v>150</v>
      </c>
      <c r="AU28" s="60">
        <v>45</v>
      </c>
      <c r="AV28" s="61">
        <v>34</v>
      </c>
      <c r="AW28" s="62">
        <v>79</v>
      </c>
      <c r="AX28" s="443">
        <v>0</v>
      </c>
      <c r="AY28" s="61">
        <v>59</v>
      </c>
      <c r="AZ28" s="61">
        <v>36</v>
      </c>
      <c r="BA28" s="61">
        <v>33</v>
      </c>
      <c r="BB28" s="61">
        <v>22</v>
      </c>
      <c r="BC28" s="61">
        <v>18</v>
      </c>
      <c r="BD28" s="62">
        <v>168</v>
      </c>
      <c r="BE28" s="63">
        <v>247</v>
      </c>
      <c r="BF28" s="60">
        <v>27</v>
      </c>
      <c r="BG28" s="61">
        <v>38</v>
      </c>
      <c r="BH28" s="62">
        <v>65</v>
      </c>
      <c r="BI28" s="443">
        <v>0</v>
      </c>
      <c r="BJ28" s="61">
        <v>55</v>
      </c>
      <c r="BK28" s="61">
        <v>27</v>
      </c>
      <c r="BL28" s="61">
        <v>28</v>
      </c>
      <c r="BM28" s="61">
        <v>19</v>
      </c>
      <c r="BN28" s="61">
        <v>17</v>
      </c>
      <c r="BO28" s="62">
        <v>146</v>
      </c>
      <c r="BP28" s="63">
        <v>211</v>
      </c>
      <c r="BQ28" s="60">
        <v>15</v>
      </c>
      <c r="BR28" s="61">
        <v>17</v>
      </c>
      <c r="BS28" s="62">
        <v>32</v>
      </c>
      <c r="BT28" s="443">
        <v>0</v>
      </c>
      <c r="BU28" s="61">
        <v>23</v>
      </c>
      <c r="BV28" s="61">
        <v>30</v>
      </c>
      <c r="BW28" s="61">
        <v>8</v>
      </c>
      <c r="BX28" s="61">
        <v>17</v>
      </c>
      <c r="BY28" s="61">
        <v>8</v>
      </c>
      <c r="BZ28" s="62">
        <v>86</v>
      </c>
      <c r="CA28" s="63">
        <v>118</v>
      </c>
      <c r="CB28" s="60">
        <v>2</v>
      </c>
      <c r="CC28" s="61">
        <v>1</v>
      </c>
      <c r="CD28" s="62">
        <v>3</v>
      </c>
      <c r="CE28" s="443">
        <v>0</v>
      </c>
      <c r="CF28" s="61">
        <v>3</v>
      </c>
      <c r="CG28" s="61">
        <v>10</v>
      </c>
      <c r="CH28" s="61">
        <v>3</v>
      </c>
      <c r="CI28" s="61">
        <v>4</v>
      </c>
      <c r="CJ28" s="61">
        <v>2</v>
      </c>
      <c r="CK28" s="62">
        <v>22</v>
      </c>
      <c r="CL28" s="63">
        <v>25</v>
      </c>
      <c r="CM28" s="60">
        <v>130</v>
      </c>
      <c r="CN28" s="61">
        <v>124</v>
      </c>
      <c r="CO28" s="62">
        <v>254</v>
      </c>
      <c r="CP28" s="443">
        <v>0</v>
      </c>
      <c r="CQ28" s="61">
        <v>200</v>
      </c>
      <c r="CR28" s="61">
        <v>155</v>
      </c>
      <c r="CS28" s="61">
        <v>104</v>
      </c>
      <c r="CT28" s="61">
        <v>109</v>
      </c>
      <c r="CU28" s="61">
        <v>63</v>
      </c>
      <c r="CV28" s="62">
        <v>631</v>
      </c>
      <c r="CW28" s="63">
        <v>885</v>
      </c>
      <c r="CX28" s="113">
        <v>211</v>
      </c>
      <c r="CY28" s="72">
        <v>241</v>
      </c>
      <c r="CZ28" s="73">
        <v>452</v>
      </c>
      <c r="DA28" s="443">
        <v>0</v>
      </c>
      <c r="DB28" s="72">
        <v>328</v>
      </c>
      <c r="DC28" s="72">
        <v>237</v>
      </c>
      <c r="DD28" s="72">
        <v>172</v>
      </c>
      <c r="DE28" s="72">
        <v>196</v>
      </c>
      <c r="DF28" s="72">
        <v>88</v>
      </c>
      <c r="DG28" s="74">
        <v>1021</v>
      </c>
      <c r="DH28" s="75">
        <v>1473</v>
      </c>
      <c r="DI28" s="60">
        <v>6</v>
      </c>
      <c r="DJ28" s="61">
        <v>4</v>
      </c>
      <c r="DK28" s="62">
        <v>10</v>
      </c>
      <c r="DL28" s="443">
        <v>0</v>
      </c>
      <c r="DM28" s="61">
        <v>10</v>
      </c>
      <c r="DN28" s="61">
        <v>7</v>
      </c>
      <c r="DO28" s="61">
        <v>3</v>
      </c>
      <c r="DP28" s="61">
        <v>1</v>
      </c>
      <c r="DQ28" s="61">
        <v>3</v>
      </c>
      <c r="DR28" s="62">
        <v>24</v>
      </c>
      <c r="DS28" s="63">
        <v>34</v>
      </c>
      <c r="DT28" s="60">
        <v>14</v>
      </c>
      <c r="DU28" s="61">
        <v>21</v>
      </c>
      <c r="DV28" s="62">
        <v>35</v>
      </c>
      <c r="DW28" s="443">
        <v>0</v>
      </c>
      <c r="DX28" s="61">
        <v>21</v>
      </c>
      <c r="DY28" s="61">
        <v>10</v>
      </c>
      <c r="DZ28" s="61">
        <v>12</v>
      </c>
      <c r="EA28" s="61">
        <v>10</v>
      </c>
      <c r="EB28" s="61">
        <v>9</v>
      </c>
      <c r="EC28" s="62">
        <v>62</v>
      </c>
      <c r="ED28" s="63">
        <v>97</v>
      </c>
      <c r="EE28" s="60">
        <v>35</v>
      </c>
      <c r="EF28" s="61">
        <v>28</v>
      </c>
      <c r="EG28" s="62">
        <v>63</v>
      </c>
      <c r="EH28" s="443">
        <v>0</v>
      </c>
      <c r="EI28" s="61">
        <v>48</v>
      </c>
      <c r="EJ28" s="61">
        <v>39</v>
      </c>
      <c r="EK28" s="61">
        <v>14</v>
      </c>
      <c r="EL28" s="61">
        <v>19</v>
      </c>
      <c r="EM28" s="61">
        <v>12</v>
      </c>
      <c r="EN28" s="62">
        <v>132</v>
      </c>
      <c r="EO28" s="63">
        <v>195</v>
      </c>
      <c r="EP28" s="60">
        <v>72</v>
      </c>
      <c r="EQ28" s="61">
        <v>71</v>
      </c>
      <c r="ER28" s="62">
        <v>143</v>
      </c>
      <c r="ES28" s="443">
        <v>0</v>
      </c>
      <c r="ET28" s="61">
        <v>89</v>
      </c>
      <c r="EU28" s="61">
        <v>55</v>
      </c>
      <c r="EV28" s="61">
        <v>41</v>
      </c>
      <c r="EW28" s="61">
        <v>44</v>
      </c>
      <c r="EX28" s="61">
        <v>13</v>
      </c>
      <c r="EY28" s="62">
        <v>242</v>
      </c>
      <c r="EZ28" s="63">
        <v>385</v>
      </c>
      <c r="FA28" s="60">
        <v>57</v>
      </c>
      <c r="FB28" s="61">
        <v>67</v>
      </c>
      <c r="FC28" s="62">
        <v>124</v>
      </c>
      <c r="FD28" s="443">
        <v>0</v>
      </c>
      <c r="FE28" s="61">
        <v>79</v>
      </c>
      <c r="FF28" s="61">
        <v>59</v>
      </c>
      <c r="FG28" s="61">
        <v>52</v>
      </c>
      <c r="FH28" s="61">
        <v>50</v>
      </c>
      <c r="FI28" s="61">
        <v>25</v>
      </c>
      <c r="FJ28" s="62">
        <v>265</v>
      </c>
      <c r="FK28" s="63">
        <v>389</v>
      </c>
      <c r="FL28" s="60">
        <v>27</v>
      </c>
      <c r="FM28" s="61">
        <v>50</v>
      </c>
      <c r="FN28" s="62">
        <v>77</v>
      </c>
      <c r="FO28" s="443">
        <v>0</v>
      </c>
      <c r="FP28" s="61">
        <v>81</v>
      </c>
      <c r="FQ28" s="61">
        <v>67</v>
      </c>
      <c r="FR28" s="61">
        <v>50</v>
      </c>
      <c r="FS28" s="61">
        <v>72</v>
      </c>
      <c r="FT28" s="61">
        <v>26</v>
      </c>
      <c r="FU28" s="62">
        <v>296</v>
      </c>
      <c r="FV28" s="63">
        <v>373</v>
      </c>
      <c r="FW28" s="60">
        <v>3</v>
      </c>
      <c r="FX28" s="61">
        <v>4</v>
      </c>
      <c r="FY28" s="62">
        <v>7</v>
      </c>
      <c r="FZ28" s="443">
        <v>0</v>
      </c>
      <c r="GA28" s="61">
        <v>3</v>
      </c>
      <c r="GB28" s="61">
        <v>4</v>
      </c>
      <c r="GC28" s="61">
        <v>2</v>
      </c>
      <c r="GD28" s="61">
        <v>1</v>
      </c>
      <c r="GE28" s="61">
        <v>6</v>
      </c>
      <c r="GF28" s="62">
        <v>16</v>
      </c>
      <c r="GG28" s="63">
        <v>23</v>
      </c>
      <c r="GH28" s="60">
        <v>214</v>
      </c>
      <c r="GI28" s="61">
        <v>245</v>
      </c>
      <c r="GJ28" s="62">
        <v>459</v>
      </c>
      <c r="GK28" s="443">
        <v>0</v>
      </c>
      <c r="GL28" s="61">
        <v>331</v>
      </c>
      <c r="GM28" s="61">
        <v>241</v>
      </c>
      <c r="GN28" s="61">
        <v>174</v>
      </c>
      <c r="GO28" s="61">
        <v>197</v>
      </c>
      <c r="GP28" s="61">
        <v>94</v>
      </c>
      <c r="GQ28" s="62">
        <v>1037</v>
      </c>
      <c r="GR28" s="63">
        <v>1496</v>
      </c>
      <c r="GS28" s="113">
        <v>339</v>
      </c>
      <c r="GT28" s="72">
        <v>364</v>
      </c>
      <c r="GU28" s="73">
        <v>703</v>
      </c>
      <c r="GV28" s="224">
        <v>0</v>
      </c>
      <c r="GW28" s="72">
        <v>525</v>
      </c>
      <c r="GX28" s="72">
        <v>382</v>
      </c>
      <c r="GY28" s="72">
        <v>273</v>
      </c>
      <c r="GZ28" s="72">
        <v>301</v>
      </c>
      <c r="HA28" s="72">
        <v>149</v>
      </c>
      <c r="HB28" s="74">
        <v>1630</v>
      </c>
      <c r="HC28" s="75">
        <v>2333</v>
      </c>
      <c r="HD28" s="60">
        <v>9</v>
      </c>
      <c r="HE28" s="61">
        <v>9</v>
      </c>
      <c r="HF28" s="62">
        <v>18</v>
      </c>
      <c r="HG28" s="227">
        <v>0</v>
      </c>
      <c r="HH28" s="61">
        <v>18</v>
      </c>
      <c r="HI28" s="61">
        <v>15</v>
      </c>
      <c r="HJ28" s="61">
        <v>5</v>
      </c>
      <c r="HK28" s="61">
        <v>4</v>
      </c>
      <c r="HL28" s="61">
        <v>3</v>
      </c>
      <c r="HM28" s="62">
        <v>45</v>
      </c>
      <c r="HN28" s="63">
        <v>63</v>
      </c>
      <c r="HO28" s="60">
        <v>36</v>
      </c>
      <c r="HP28" s="61">
        <v>34</v>
      </c>
      <c r="HQ28" s="62">
        <v>70</v>
      </c>
      <c r="HR28" s="443">
        <v>0</v>
      </c>
      <c r="HS28" s="61">
        <v>37</v>
      </c>
      <c r="HT28" s="61">
        <v>29</v>
      </c>
      <c r="HU28" s="61">
        <v>22</v>
      </c>
      <c r="HV28" s="61">
        <v>27</v>
      </c>
      <c r="HW28" s="61">
        <v>17</v>
      </c>
      <c r="HX28" s="62">
        <v>132</v>
      </c>
      <c r="HY28" s="63">
        <v>202</v>
      </c>
      <c r="HZ28" s="60">
        <v>51</v>
      </c>
      <c r="IA28" s="61">
        <v>44</v>
      </c>
      <c r="IB28" s="62">
        <v>95</v>
      </c>
      <c r="IC28" s="443">
        <v>0</v>
      </c>
      <c r="ID28" s="61">
        <v>84</v>
      </c>
      <c r="IE28" s="61">
        <v>64</v>
      </c>
      <c r="IF28" s="61">
        <v>34</v>
      </c>
      <c r="IG28" s="61">
        <v>46</v>
      </c>
      <c r="IH28" s="61">
        <v>22</v>
      </c>
      <c r="II28" s="62">
        <v>250</v>
      </c>
      <c r="IJ28" s="63">
        <v>345</v>
      </c>
      <c r="IK28" s="60">
        <v>117</v>
      </c>
      <c r="IL28" s="61">
        <v>105</v>
      </c>
      <c r="IM28" s="62">
        <v>222</v>
      </c>
      <c r="IN28" s="443">
        <v>0</v>
      </c>
      <c r="IO28" s="61">
        <v>148</v>
      </c>
      <c r="IP28" s="61">
        <v>91</v>
      </c>
      <c r="IQ28" s="61">
        <v>74</v>
      </c>
      <c r="IR28" s="61">
        <v>66</v>
      </c>
      <c r="IS28" s="61">
        <v>31</v>
      </c>
      <c r="IT28" s="62">
        <v>410</v>
      </c>
      <c r="IU28" s="63">
        <v>632</v>
      </c>
      <c r="IV28" s="60">
        <v>84</v>
      </c>
      <c r="IW28" s="61">
        <v>105</v>
      </c>
      <c r="IX28" s="62">
        <v>189</v>
      </c>
      <c r="IY28" s="443">
        <v>0</v>
      </c>
      <c r="IZ28" s="61">
        <v>134</v>
      </c>
      <c r="JA28" s="61">
        <v>86</v>
      </c>
      <c r="JB28" s="61">
        <v>80</v>
      </c>
      <c r="JC28" s="61">
        <v>69</v>
      </c>
      <c r="JD28" s="61">
        <v>42</v>
      </c>
      <c r="JE28" s="62">
        <v>411</v>
      </c>
      <c r="JF28" s="63">
        <v>600</v>
      </c>
      <c r="JG28" s="60">
        <v>42</v>
      </c>
      <c r="JH28" s="61">
        <v>67</v>
      </c>
      <c r="JI28" s="62">
        <v>109</v>
      </c>
      <c r="JJ28" s="443">
        <v>0</v>
      </c>
      <c r="JK28" s="61">
        <v>104</v>
      </c>
      <c r="JL28" s="61">
        <v>97</v>
      </c>
      <c r="JM28" s="61">
        <v>58</v>
      </c>
      <c r="JN28" s="61">
        <v>89</v>
      </c>
      <c r="JO28" s="61">
        <v>34</v>
      </c>
      <c r="JP28" s="62">
        <v>382</v>
      </c>
      <c r="JQ28" s="63">
        <v>491</v>
      </c>
      <c r="JR28" s="60">
        <v>5</v>
      </c>
      <c r="JS28" s="61">
        <v>5</v>
      </c>
      <c r="JT28" s="62">
        <v>10</v>
      </c>
      <c r="JU28" s="443">
        <v>0</v>
      </c>
      <c r="JV28" s="61">
        <v>6</v>
      </c>
      <c r="JW28" s="61">
        <v>14</v>
      </c>
      <c r="JX28" s="61">
        <v>5</v>
      </c>
      <c r="JY28" s="61">
        <v>5</v>
      </c>
      <c r="JZ28" s="61">
        <v>8</v>
      </c>
      <c r="KA28" s="62">
        <v>38</v>
      </c>
      <c r="KB28" s="63">
        <v>48</v>
      </c>
      <c r="KC28" s="60">
        <v>344</v>
      </c>
      <c r="KD28" s="61">
        <v>369</v>
      </c>
      <c r="KE28" s="62">
        <v>713</v>
      </c>
      <c r="KF28" s="443">
        <v>0</v>
      </c>
      <c r="KG28" s="61">
        <v>531</v>
      </c>
      <c r="KH28" s="61">
        <v>396</v>
      </c>
      <c r="KI28" s="61">
        <v>278</v>
      </c>
      <c r="KJ28" s="61">
        <v>306</v>
      </c>
      <c r="KK28" s="61">
        <v>157</v>
      </c>
      <c r="KL28" s="62">
        <v>1668</v>
      </c>
      <c r="KM28" s="63">
        <v>2381</v>
      </c>
    </row>
    <row r="29" spans="2:299" ht="21" customHeight="1" x14ac:dyDescent="0.2">
      <c r="B29" s="437" t="s">
        <v>26</v>
      </c>
      <c r="C29" s="287">
        <v>91</v>
      </c>
      <c r="D29" s="72">
        <v>70</v>
      </c>
      <c r="E29" s="73">
        <v>161</v>
      </c>
      <c r="F29" s="443">
        <v>0</v>
      </c>
      <c r="G29" s="72">
        <v>149</v>
      </c>
      <c r="H29" s="72">
        <v>114</v>
      </c>
      <c r="I29" s="72">
        <v>99</v>
      </c>
      <c r="J29" s="72">
        <v>68</v>
      </c>
      <c r="K29" s="72">
        <v>51</v>
      </c>
      <c r="L29" s="74">
        <v>481</v>
      </c>
      <c r="M29" s="75">
        <v>642</v>
      </c>
      <c r="N29" s="60">
        <v>4</v>
      </c>
      <c r="O29" s="61">
        <v>2</v>
      </c>
      <c r="P29" s="62">
        <v>6</v>
      </c>
      <c r="Q29" s="443">
        <v>0</v>
      </c>
      <c r="R29" s="61">
        <v>4</v>
      </c>
      <c r="S29" s="61">
        <v>2</v>
      </c>
      <c r="T29" s="61">
        <v>6</v>
      </c>
      <c r="U29" s="61">
        <v>3</v>
      </c>
      <c r="V29" s="61">
        <v>1</v>
      </c>
      <c r="W29" s="62">
        <v>16</v>
      </c>
      <c r="X29" s="63">
        <v>22</v>
      </c>
      <c r="Y29" s="60">
        <v>3</v>
      </c>
      <c r="Z29" s="61">
        <v>10</v>
      </c>
      <c r="AA29" s="62">
        <v>13</v>
      </c>
      <c r="AB29" s="443">
        <v>0</v>
      </c>
      <c r="AC29" s="61">
        <v>16</v>
      </c>
      <c r="AD29" s="61">
        <v>9</v>
      </c>
      <c r="AE29" s="61">
        <v>9</v>
      </c>
      <c r="AF29" s="61">
        <v>9</v>
      </c>
      <c r="AG29" s="61">
        <v>11</v>
      </c>
      <c r="AH29" s="62">
        <v>54</v>
      </c>
      <c r="AI29" s="63">
        <v>67</v>
      </c>
      <c r="AJ29" s="60">
        <v>10</v>
      </c>
      <c r="AK29" s="61">
        <v>11</v>
      </c>
      <c r="AL29" s="62">
        <v>21</v>
      </c>
      <c r="AM29" s="443">
        <v>0</v>
      </c>
      <c r="AN29" s="61">
        <v>18</v>
      </c>
      <c r="AO29" s="61">
        <v>16</v>
      </c>
      <c r="AP29" s="61">
        <v>13</v>
      </c>
      <c r="AQ29" s="61">
        <v>9</v>
      </c>
      <c r="AR29" s="61">
        <v>9</v>
      </c>
      <c r="AS29" s="62">
        <v>65</v>
      </c>
      <c r="AT29" s="63">
        <v>86</v>
      </c>
      <c r="AU29" s="60">
        <v>31</v>
      </c>
      <c r="AV29" s="61">
        <v>14</v>
      </c>
      <c r="AW29" s="62">
        <v>45</v>
      </c>
      <c r="AX29" s="443">
        <v>0</v>
      </c>
      <c r="AY29" s="61">
        <v>39</v>
      </c>
      <c r="AZ29" s="61">
        <v>30</v>
      </c>
      <c r="BA29" s="61">
        <v>23</v>
      </c>
      <c r="BB29" s="61">
        <v>20</v>
      </c>
      <c r="BC29" s="61">
        <v>9</v>
      </c>
      <c r="BD29" s="62">
        <v>121</v>
      </c>
      <c r="BE29" s="63">
        <v>166</v>
      </c>
      <c r="BF29" s="60">
        <v>21</v>
      </c>
      <c r="BG29" s="61">
        <v>20</v>
      </c>
      <c r="BH29" s="62">
        <v>41</v>
      </c>
      <c r="BI29" s="443">
        <v>0</v>
      </c>
      <c r="BJ29" s="61">
        <v>44</v>
      </c>
      <c r="BK29" s="61">
        <v>34</v>
      </c>
      <c r="BL29" s="61">
        <v>35</v>
      </c>
      <c r="BM29" s="61">
        <v>16</v>
      </c>
      <c r="BN29" s="61">
        <v>10</v>
      </c>
      <c r="BO29" s="62">
        <v>139</v>
      </c>
      <c r="BP29" s="63">
        <v>180</v>
      </c>
      <c r="BQ29" s="60">
        <v>22</v>
      </c>
      <c r="BR29" s="61">
        <v>13</v>
      </c>
      <c r="BS29" s="62">
        <v>35</v>
      </c>
      <c r="BT29" s="443">
        <v>0</v>
      </c>
      <c r="BU29" s="61">
        <v>28</v>
      </c>
      <c r="BV29" s="61">
        <v>23</v>
      </c>
      <c r="BW29" s="61">
        <v>13</v>
      </c>
      <c r="BX29" s="61">
        <v>11</v>
      </c>
      <c r="BY29" s="61">
        <v>11</v>
      </c>
      <c r="BZ29" s="62">
        <v>86</v>
      </c>
      <c r="CA29" s="63">
        <v>121</v>
      </c>
      <c r="CB29" s="60">
        <v>3</v>
      </c>
      <c r="CC29" s="61">
        <v>0</v>
      </c>
      <c r="CD29" s="62">
        <v>3</v>
      </c>
      <c r="CE29" s="443">
        <v>0</v>
      </c>
      <c r="CF29" s="61">
        <v>5</v>
      </c>
      <c r="CG29" s="61">
        <v>6</v>
      </c>
      <c r="CH29" s="61">
        <v>2</v>
      </c>
      <c r="CI29" s="61">
        <v>2</v>
      </c>
      <c r="CJ29" s="61">
        <v>1</v>
      </c>
      <c r="CK29" s="62">
        <v>16</v>
      </c>
      <c r="CL29" s="63">
        <v>19</v>
      </c>
      <c r="CM29" s="60">
        <v>94</v>
      </c>
      <c r="CN29" s="61">
        <v>70</v>
      </c>
      <c r="CO29" s="62">
        <v>164</v>
      </c>
      <c r="CP29" s="443">
        <v>0</v>
      </c>
      <c r="CQ29" s="61">
        <v>154</v>
      </c>
      <c r="CR29" s="61">
        <v>120</v>
      </c>
      <c r="CS29" s="61">
        <v>101</v>
      </c>
      <c r="CT29" s="61">
        <v>70</v>
      </c>
      <c r="CU29" s="61">
        <v>52</v>
      </c>
      <c r="CV29" s="62">
        <v>497</v>
      </c>
      <c r="CW29" s="63">
        <v>661</v>
      </c>
      <c r="CX29" s="113">
        <v>175</v>
      </c>
      <c r="CY29" s="72">
        <v>237</v>
      </c>
      <c r="CZ29" s="73">
        <v>412</v>
      </c>
      <c r="DA29" s="443">
        <v>0</v>
      </c>
      <c r="DB29" s="72">
        <v>260</v>
      </c>
      <c r="DC29" s="72">
        <v>239</v>
      </c>
      <c r="DD29" s="72">
        <v>164</v>
      </c>
      <c r="DE29" s="72">
        <v>140</v>
      </c>
      <c r="DF29" s="72">
        <v>115</v>
      </c>
      <c r="DG29" s="74">
        <v>918</v>
      </c>
      <c r="DH29" s="75">
        <v>1330</v>
      </c>
      <c r="DI29" s="60">
        <v>1</v>
      </c>
      <c r="DJ29" s="61">
        <v>3</v>
      </c>
      <c r="DK29" s="62">
        <v>4</v>
      </c>
      <c r="DL29" s="443">
        <v>0</v>
      </c>
      <c r="DM29" s="61">
        <v>5</v>
      </c>
      <c r="DN29" s="61">
        <v>7</v>
      </c>
      <c r="DO29" s="61">
        <v>1</v>
      </c>
      <c r="DP29" s="61">
        <v>1</v>
      </c>
      <c r="DQ29" s="61">
        <v>1</v>
      </c>
      <c r="DR29" s="62">
        <v>15</v>
      </c>
      <c r="DS29" s="63">
        <v>19</v>
      </c>
      <c r="DT29" s="60">
        <v>12</v>
      </c>
      <c r="DU29" s="61">
        <v>17</v>
      </c>
      <c r="DV29" s="62">
        <v>29</v>
      </c>
      <c r="DW29" s="443">
        <v>0</v>
      </c>
      <c r="DX29" s="61">
        <v>16</v>
      </c>
      <c r="DY29" s="61">
        <v>14</v>
      </c>
      <c r="DZ29" s="61">
        <v>3</v>
      </c>
      <c r="EA29" s="61">
        <v>5</v>
      </c>
      <c r="EB29" s="61">
        <v>5</v>
      </c>
      <c r="EC29" s="62">
        <v>43</v>
      </c>
      <c r="ED29" s="63">
        <v>72</v>
      </c>
      <c r="EE29" s="60">
        <v>22</v>
      </c>
      <c r="EF29" s="61">
        <v>33</v>
      </c>
      <c r="EG29" s="62">
        <v>55</v>
      </c>
      <c r="EH29" s="443">
        <v>0</v>
      </c>
      <c r="EI29" s="61">
        <v>34</v>
      </c>
      <c r="EJ29" s="61">
        <v>26</v>
      </c>
      <c r="EK29" s="61">
        <v>17</v>
      </c>
      <c r="EL29" s="61">
        <v>15</v>
      </c>
      <c r="EM29" s="61">
        <v>10</v>
      </c>
      <c r="EN29" s="62">
        <v>102</v>
      </c>
      <c r="EO29" s="63">
        <v>157</v>
      </c>
      <c r="EP29" s="60">
        <v>48</v>
      </c>
      <c r="EQ29" s="61">
        <v>68</v>
      </c>
      <c r="ER29" s="62">
        <v>116</v>
      </c>
      <c r="ES29" s="443">
        <v>0</v>
      </c>
      <c r="ET29" s="61">
        <v>62</v>
      </c>
      <c r="EU29" s="61">
        <v>47</v>
      </c>
      <c r="EV29" s="61">
        <v>26</v>
      </c>
      <c r="EW29" s="61">
        <v>22</v>
      </c>
      <c r="EX29" s="61">
        <v>13</v>
      </c>
      <c r="EY29" s="62">
        <v>170</v>
      </c>
      <c r="EZ29" s="63">
        <v>286</v>
      </c>
      <c r="FA29" s="60">
        <v>49</v>
      </c>
      <c r="FB29" s="61">
        <v>73</v>
      </c>
      <c r="FC29" s="62">
        <v>122</v>
      </c>
      <c r="FD29" s="443">
        <v>0</v>
      </c>
      <c r="FE29" s="61">
        <v>74</v>
      </c>
      <c r="FF29" s="61">
        <v>63</v>
      </c>
      <c r="FG29" s="61">
        <v>44</v>
      </c>
      <c r="FH29" s="61">
        <v>27</v>
      </c>
      <c r="FI29" s="61">
        <v>24</v>
      </c>
      <c r="FJ29" s="62">
        <v>232</v>
      </c>
      <c r="FK29" s="63">
        <v>354</v>
      </c>
      <c r="FL29" s="60">
        <v>43</v>
      </c>
      <c r="FM29" s="61">
        <v>43</v>
      </c>
      <c r="FN29" s="62">
        <v>86</v>
      </c>
      <c r="FO29" s="443">
        <v>0</v>
      </c>
      <c r="FP29" s="61">
        <v>69</v>
      </c>
      <c r="FQ29" s="61">
        <v>82</v>
      </c>
      <c r="FR29" s="61">
        <v>73</v>
      </c>
      <c r="FS29" s="61">
        <v>70</v>
      </c>
      <c r="FT29" s="61">
        <v>62</v>
      </c>
      <c r="FU29" s="62">
        <v>356</v>
      </c>
      <c r="FV29" s="63">
        <v>442</v>
      </c>
      <c r="FW29" s="60">
        <v>0</v>
      </c>
      <c r="FX29" s="61">
        <v>1</v>
      </c>
      <c r="FY29" s="62">
        <v>1</v>
      </c>
      <c r="FZ29" s="443">
        <v>0</v>
      </c>
      <c r="GA29" s="61">
        <v>3</v>
      </c>
      <c r="GB29" s="61">
        <v>0</v>
      </c>
      <c r="GC29" s="61">
        <v>3</v>
      </c>
      <c r="GD29" s="61">
        <v>6</v>
      </c>
      <c r="GE29" s="61">
        <v>3</v>
      </c>
      <c r="GF29" s="62">
        <v>15</v>
      </c>
      <c r="GG29" s="63">
        <v>16</v>
      </c>
      <c r="GH29" s="60">
        <v>175</v>
      </c>
      <c r="GI29" s="61">
        <v>238</v>
      </c>
      <c r="GJ29" s="62">
        <v>413</v>
      </c>
      <c r="GK29" s="443">
        <v>0</v>
      </c>
      <c r="GL29" s="61">
        <v>263</v>
      </c>
      <c r="GM29" s="61">
        <v>239</v>
      </c>
      <c r="GN29" s="61">
        <v>167</v>
      </c>
      <c r="GO29" s="61">
        <v>146</v>
      </c>
      <c r="GP29" s="61">
        <v>118</v>
      </c>
      <c r="GQ29" s="62">
        <v>933</v>
      </c>
      <c r="GR29" s="63">
        <v>1346</v>
      </c>
      <c r="GS29" s="113">
        <v>266</v>
      </c>
      <c r="GT29" s="72">
        <v>307</v>
      </c>
      <c r="GU29" s="73">
        <v>573</v>
      </c>
      <c r="GV29" s="224">
        <v>0</v>
      </c>
      <c r="GW29" s="72">
        <v>409</v>
      </c>
      <c r="GX29" s="72">
        <v>353</v>
      </c>
      <c r="GY29" s="72">
        <v>263</v>
      </c>
      <c r="GZ29" s="72">
        <v>208</v>
      </c>
      <c r="HA29" s="72">
        <v>166</v>
      </c>
      <c r="HB29" s="74">
        <v>1399</v>
      </c>
      <c r="HC29" s="75">
        <v>1972</v>
      </c>
      <c r="HD29" s="60">
        <v>5</v>
      </c>
      <c r="HE29" s="61">
        <v>5</v>
      </c>
      <c r="HF29" s="62">
        <v>10</v>
      </c>
      <c r="HG29" s="227">
        <v>0</v>
      </c>
      <c r="HH29" s="61">
        <v>9</v>
      </c>
      <c r="HI29" s="61">
        <v>9</v>
      </c>
      <c r="HJ29" s="61">
        <v>7</v>
      </c>
      <c r="HK29" s="61">
        <v>4</v>
      </c>
      <c r="HL29" s="61">
        <v>2</v>
      </c>
      <c r="HM29" s="62">
        <v>31</v>
      </c>
      <c r="HN29" s="63">
        <v>41</v>
      </c>
      <c r="HO29" s="60">
        <v>15</v>
      </c>
      <c r="HP29" s="61">
        <v>27</v>
      </c>
      <c r="HQ29" s="62">
        <v>42</v>
      </c>
      <c r="HR29" s="443">
        <v>0</v>
      </c>
      <c r="HS29" s="61">
        <v>32</v>
      </c>
      <c r="HT29" s="61">
        <v>23</v>
      </c>
      <c r="HU29" s="61">
        <v>12</v>
      </c>
      <c r="HV29" s="61">
        <v>14</v>
      </c>
      <c r="HW29" s="61">
        <v>16</v>
      </c>
      <c r="HX29" s="62">
        <v>97</v>
      </c>
      <c r="HY29" s="63">
        <v>139</v>
      </c>
      <c r="HZ29" s="60">
        <v>32</v>
      </c>
      <c r="IA29" s="61">
        <v>44</v>
      </c>
      <c r="IB29" s="62">
        <v>76</v>
      </c>
      <c r="IC29" s="443">
        <v>0</v>
      </c>
      <c r="ID29" s="61">
        <v>52</v>
      </c>
      <c r="IE29" s="61">
        <v>42</v>
      </c>
      <c r="IF29" s="61">
        <v>30</v>
      </c>
      <c r="IG29" s="61">
        <v>24</v>
      </c>
      <c r="IH29" s="61">
        <v>19</v>
      </c>
      <c r="II29" s="62">
        <v>167</v>
      </c>
      <c r="IJ29" s="63">
        <v>243</v>
      </c>
      <c r="IK29" s="60">
        <v>79</v>
      </c>
      <c r="IL29" s="61">
        <v>82</v>
      </c>
      <c r="IM29" s="62">
        <v>161</v>
      </c>
      <c r="IN29" s="443">
        <v>0</v>
      </c>
      <c r="IO29" s="61">
        <v>101</v>
      </c>
      <c r="IP29" s="61">
        <v>77</v>
      </c>
      <c r="IQ29" s="61">
        <v>49</v>
      </c>
      <c r="IR29" s="61">
        <v>42</v>
      </c>
      <c r="IS29" s="61">
        <v>22</v>
      </c>
      <c r="IT29" s="62">
        <v>291</v>
      </c>
      <c r="IU29" s="63">
        <v>452</v>
      </c>
      <c r="IV29" s="60">
        <v>70</v>
      </c>
      <c r="IW29" s="61">
        <v>93</v>
      </c>
      <c r="IX29" s="62">
        <v>163</v>
      </c>
      <c r="IY29" s="443">
        <v>0</v>
      </c>
      <c r="IZ29" s="61">
        <v>118</v>
      </c>
      <c r="JA29" s="61">
        <v>97</v>
      </c>
      <c r="JB29" s="61">
        <v>79</v>
      </c>
      <c r="JC29" s="61">
        <v>43</v>
      </c>
      <c r="JD29" s="61">
        <v>34</v>
      </c>
      <c r="JE29" s="62">
        <v>371</v>
      </c>
      <c r="JF29" s="63">
        <v>534</v>
      </c>
      <c r="JG29" s="60">
        <v>65</v>
      </c>
      <c r="JH29" s="61">
        <v>56</v>
      </c>
      <c r="JI29" s="62">
        <v>121</v>
      </c>
      <c r="JJ29" s="443">
        <v>0</v>
      </c>
      <c r="JK29" s="61">
        <v>97</v>
      </c>
      <c r="JL29" s="61">
        <v>105</v>
      </c>
      <c r="JM29" s="61">
        <v>86</v>
      </c>
      <c r="JN29" s="61">
        <v>81</v>
      </c>
      <c r="JO29" s="61">
        <v>73</v>
      </c>
      <c r="JP29" s="62">
        <v>442</v>
      </c>
      <c r="JQ29" s="63">
        <v>563</v>
      </c>
      <c r="JR29" s="60">
        <v>3</v>
      </c>
      <c r="JS29" s="61">
        <v>1</v>
      </c>
      <c r="JT29" s="62">
        <v>4</v>
      </c>
      <c r="JU29" s="443">
        <v>0</v>
      </c>
      <c r="JV29" s="61">
        <v>8</v>
      </c>
      <c r="JW29" s="61">
        <v>6</v>
      </c>
      <c r="JX29" s="61">
        <v>5</v>
      </c>
      <c r="JY29" s="61">
        <v>8</v>
      </c>
      <c r="JZ29" s="61">
        <v>4</v>
      </c>
      <c r="KA29" s="62">
        <v>31</v>
      </c>
      <c r="KB29" s="63">
        <v>35</v>
      </c>
      <c r="KC29" s="60">
        <v>269</v>
      </c>
      <c r="KD29" s="61">
        <v>308</v>
      </c>
      <c r="KE29" s="62">
        <v>577</v>
      </c>
      <c r="KF29" s="443">
        <v>0</v>
      </c>
      <c r="KG29" s="61">
        <v>417</v>
      </c>
      <c r="KH29" s="61">
        <v>359</v>
      </c>
      <c r="KI29" s="61">
        <v>268</v>
      </c>
      <c r="KJ29" s="61">
        <v>216</v>
      </c>
      <c r="KK29" s="61">
        <v>170</v>
      </c>
      <c r="KL29" s="62">
        <v>1430</v>
      </c>
      <c r="KM29" s="63">
        <v>2007</v>
      </c>
    </row>
    <row r="30" spans="2:299" ht="21" customHeight="1" x14ac:dyDescent="0.2">
      <c r="B30" s="437" t="s">
        <v>27</v>
      </c>
      <c r="C30" s="287">
        <v>103</v>
      </c>
      <c r="D30" s="72">
        <v>129</v>
      </c>
      <c r="E30" s="73">
        <v>232</v>
      </c>
      <c r="F30" s="443">
        <v>0</v>
      </c>
      <c r="G30" s="72">
        <v>106</v>
      </c>
      <c r="H30" s="72">
        <v>89</v>
      </c>
      <c r="I30" s="72">
        <v>66</v>
      </c>
      <c r="J30" s="72">
        <v>71</v>
      </c>
      <c r="K30" s="72">
        <v>37</v>
      </c>
      <c r="L30" s="74">
        <v>369</v>
      </c>
      <c r="M30" s="75">
        <v>601</v>
      </c>
      <c r="N30" s="60">
        <v>3</v>
      </c>
      <c r="O30" s="61">
        <v>6</v>
      </c>
      <c r="P30" s="62">
        <v>9</v>
      </c>
      <c r="Q30" s="443">
        <v>0</v>
      </c>
      <c r="R30" s="61">
        <v>3</v>
      </c>
      <c r="S30" s="61">
        <v>1</v>
      </c>
      <c r="T30" s="61">
        <v>1</v>
      </c>
      <c r="U30" s="61">
        <v>0</v>
      </c>
      <c r="V30" s="61">
        <v>2</v>
      </c>
      <c r="W30" s="62">
        <v>7</v>
      </c>
      <c r="X30" s="63">
        <v>16</v>
      </c>
      <c r="Y30" s="60">
        <v>7</v>
      </c>
      <c r="Z30" s="61">
        <v>13</v>
      </c>
      <c r="AA30" s="62">
        <v>20</v>
      </c>
      <c r="AB30" s="443">
        <v>0</v>
      </c>
      <c r="AC30" s="61">
        <v>15</v>
      </c>
      <c r="AD30" s="61">
        <v>15</v>
      </c>
      <c r="AE30" s="61">
        <v>4</v>
      </c>
      <c r="AF30" s="61">
        <v>5</v>
      </c>
      <c r="AG30" s="61">
        <v>1</v>
      </c>
      <c r="AH30" s="62">
        <v>40</v>
      </c>
      <c r="AI30" s="63">
        <v>60</v>
      </c>
      <c r="AJ30" s="60">
        <v>19</v>
      </c>
      <c r="AK30" s="61">
        <v>17</v>
      </c>
      <c r="AL30" s="62">
        <v>36</v>
      </c>
      <c r="AM30" s="443">
        <v>0</v>
      </c>
      <c r="AN30" s="61">
        <v>12</v>
      </c>
      <c r="AO30" s="61">
        <v>18</v>
      </c>
      <c r="AP30" s="61">
        <v>7</v>
      </c>
      <c r="AQ30" s="61">
        <v>9</v>
      </c>
      <c r="AR30" s="61">
        <v>9</v>
      </c>
      <c r="AS30" s="62">
        <v>55</v>
      </c>
      <c r="AT30" s="63">
        <v>91</v>
      </c>
      <c r="AU30" s="60">
        <v>23</v>
      </c>
      <c r="AV30" s="61">
        <v>34</v>
      </c>
      <c r="AW30" s="62">
        <v>57</v>
      </c>
      <c r="AX30" s="443">
        <v>0</v>
      </c>
      <c r="AY30" s="61">
        <v>24</v>
      </c>
      <c r="AZ30" s="61">
        <v>22</v>
      </c>
      <c r="BA30" s="61">
        <v>22</v>
      </c>
      <c r="BB30" s="61">
        <v>16</v>
      </c>
      <c r="BC30" s="61">
        <v>5</v>
      </c>
      <c r="BD30" s="62">
        <v>89</v>
      </c>
      <c r="BE30" s="63">
        <v>146</v>
      </c>
      <c r="BF30" s="60">
        <v>37</v>
      </c>
      <c r="BG30" s="61">
        <v>36</v>
      </c>
      <c r="BH30" s="62">
        <v>73</v>
      </c>
      <c r="BI30" s="443">
        <v>0</v>
      </c>
      <c r="BJ30" s="61">
        <v>25</v>
      </c>
      <c r="BK30" s="61">
        <v>11</v>
      </c>
      <c r="BL30" s="61">
        <v>17</v>
      </c>
      <c r="BM30" s="61">
        <v>24</v>
      </c>
      <c r="BN30" s="61">
        <v>13</v>
      </c>
      <c r="BO30" s="62">
        <v>90</v>
      </c>
      <c r="BP30" s="63">
        <v>163</v>
      </c>
      <c r="BQ30" s="60">
        <v>14</v>
      </c>
      <c r="BR30" s="61">
        <v>23</v>
      </c>
      <c r="BS30" s="62">
        <v>37</v>
      </c>
      <c r="BT30" s="443">
        <v>0</v>
      </c>
      <c r="BU30" s="61">
        <v>27</v>
      </c>
      <c r="BV30" s="61">
        <v>22</v>
      </c>
      <c r="BW30" s="61">
        <v>15</v>
      </c>
      <c r="BX30" s="61">
        <v>17</v>
      </c>
      <c r="BY30" s="61">
        <v>7</v>
      </c>
      <c r="BZ30" s="62">
        <v>88</v>
      </c>
      <c r="CA30" s="63">
        <v>125</v>
      </c>
      <c r="CB30" s="60">
        <v>8</v>
      </c>
      <c r="CC30" s="61">
        <v>4</v>
      </c>
      <c r="CD30" s="62">
        <v>12</v>
      </c>
      <c r="CE30" s="443">
        <v>0</v>
      </c>
      <c r="CF30" s="61">
        <v>2</v>
      </c>
      <c r="CG30" s="61">
        <v>3</v>
      </c>
      <c r="CH30" s="61">
        <v>6</v>
      </c>
      <c r="CI30" s="61">
        <v>2</v>
      </c>
      <c r="CJ30" s="61">
        <v>1</v>
      </c>
      <c r="CK30" s="62">
        <v>14</v>
      </c>
      <c r="CL30" s="63">
        <v>26</v>
      </c>
      <c r="CM30" s="60">
        <v>111</v>
      </c>
      <c r="CN30" s="61">
        <v>133</v>
      </c>
      <c r="CO30" s="62">
        <v>244</v>
      </c>
      <c r="CP30" s="443">
        <v>0</v>
      </c>
      <c r="CQ30" s="61">
        <v>108</v>
      </c>
      <c r="CR30" s="61">
        <v>92</v>
      </c>
      <c r="CS30" s="61">
        <v>72</v>
      </c>
      <c r="CT30" s="61">
        <v>73</v>
      </c>
      <c r="CU30" s="61">
        <v>38</v>
      </c>
      <c r="CV30" s="62">
        <v>383</v>
      </c>
      <c r="CW30" s="63">
        <v>627</v>
      </c>
      <c r="CX30" s="113">
        <v>268</v>
      </c>
      <c r="CY30" s="72">
        <v>197</v>
      </c>
      <c r="CZ30" s="73">
        <v>465</v>
      </c>
      <c r="DA30" s="443">
        <v>0</v>
      </c>
      <c r="DB30" s="72">
        <v>236</v>
      </c>
      <c r="DC30" s="72">
        <v>139</v>
      </c>
      <c r="DD30" s="72">
        <v>141</v>
      </c>
      <c r="DE30" s="72">
        <v>129</v>
      </c>
      <c r="DF30" s="72">
        <v>108</v>
      </c>
      <c r="DG30" s="74">
        <v>753</v>
      </c>
      <c r="DH30" s="75">
        <v>1218</v>
      </c>
      <c r="DI30" s="60">
        <v>4</v>
      </c>
      <c r="DJ30" s="61">
        <v>3</v>
      </c>
      <c r="DK30" s="62">
        <v>7</v>
      </c>
      <c r="DL30" s="443">
        <v>0</v>
      </c>
      <c r="DM30" s="61">
        <v>3</v>
      </c>
      <c r="DN30" s="61">
        <v>1</v>
      </c>
      <c r="DO30" s="61">
        <v>0</v>
      </c>
      <c r="DP30" s="61">
        <v>2</v>
      </c>
      <c r="DQ30" s="61">
        <v>2</v>
      </c>
      <c r="DR30" s="62">
        <v>8</v>
      </c>
      <c r="DS30" s="63">
        <v>15</v>
      </c>
      <c r="DT30" s="60">
        <v>17</v>
      </c>
      <c r="DU30" s="61">
        <v>12</v>
      </c>
      <c r="DV30" s="62">
        <v>29</v>
      </c>
      <c r="DW30" s="443">
        <v>0</v>
      </c>
      <c r="DX30" s="61">
        <v>12</v>
      </c>
      <c r="DY30" s="61">
        <v>9</v>
      </c>
      <c r="DZ30" s="61">
        <v>8</v>
      </c>
      <c r="EA30" s="61">
        <v>6</v>
      </c>
      <c r="EB30" s="61">
        <v>0</v>
      </c>
      <c r="EC30" s="62">
        <v>35</v>
      </c>
      <c r="ED30" s="63">
        <v>64</v>
      </c>
      <c r="EE30" s="60">
        <v>38</v>
      </c>
      <c r="EF30" s="61">
        <v>26</v>
      </c>
      <c r="EG30" s="62">
        <v>64</v>
      </c>
      <c r="EH30" s="443">
        <v>0</v>
      </c>
      <c r="EI30" s="61">
        <v>15</v>
      </c>
      <c r="EJ30" s="61">
        <v>17</v>
      </c>
      <c r="EK30" s="61">
        <v>9</v>
      </c>
      <c r="EL30" s="61">
        <v>9</v>
      </c>
      <c r="EM30" s="61">
        <v>9</v>
      </c>
      <c r="EN30" s="62">
        <v>59</v>
      </c>
      <c r="EO30" s="63">
        <v>123</v>
      </c>
      <c r="EP30" s="60">
        <v>70</v>
      </c>
      <c r="EQ30" s="61">
        <v>34</v>
      </c>
      <c r="ER30" s="62">
        <v>104</v>
      </c>
      <c r="ES30" s="443">
        <v>0</v>
      </c>
      <c r="ET30" s="61">
        <v>59</v>
      </c>
      <c r="EU30" s="61">
        <v>25</v>
      </c>
      <c r="EV30" s="61">
        <v>21</v>
      </c>
      <c r="EW30" s="61">
        <v>20</v>
      </c>
      <c r="EX30" s="61">
        <v>18</v>
      </c>
      <c r="EY30" s="62">
        <v>143</v>
      </c>
      <c r="EZ30" s="63">
        <v>247</v>
      </c>
      <c r="FA30" s="60">
        <v>77</v>
      </c>
      <c r="FB30" s="61">
        <v>71</v>
      </c>
      <c r="FC30" s="62">
        <v>148</v>
      </c>
      <c r="FD30" s="443">
        <v>0</v>
      </c>
      <c r="FE30" s="61">
        <v>71</v>
      </c>
      <c r="FF30" s="61">
        <v>38</v>
      </c>
      <c r="FG30" s="61">
        <v>41</v>
      </c>
      <c r="FH30" s="61">
        <v>23</v>
      </c>
      <c r="FI30" s="61">
        <v>29</v>
      </c>
      <c r="FJ30" s="62">
        <v>202</v>
      </c>
      <c r="FK30" s="63">
        <v>350</v>
      </c>
      <c r="FL30" s="60">
        <v>62</v>
      </c>
      <c r="FM30" s="61">
        <v>51</v>
      </c>
      <c r="FN30" s="62">
        <v>113</v>
      </c>
      <c r="FO30" s="443">
        <v>0</v>
      </c>
      <c r="FP30" s="61">
        <v>76</v>
      </c>
      <c r="FQ30" s="61">
        <v>49</v>
      </c>
      <c r="FR30" s="61">
        <v>62</v>
      </c>
      <c r="FS30" s="61">
        <v>69</v>
      </c>
      <c r="FT30" s="61">
        <v>50</v>
      </c>
      <c r="FU30" s="62">
        <v>306</v>
      </c>
      <c r="FV30" s="63">
        <v>419</v>
      </c>
      <c r="FW30" s="60">
        <v>1</v>
      </c>
      <c r="FX30" s="61">
        <v>2</v>
      </c>
      <c r="FY30" s="62">
        <v>3</v>
      </c>
      <c r="FZ30" s="443">
        <v>0</v>
      </c>
      <c r="GA30" s="61">
        <v>4</v>
      </c>
      <c r="GB30" s="61">
        <v>5</v>
      </c>
      <c r="GC30" s="61">
        <v>2</v>
      </c>
      <c r="GD30" s="61">
        <v>2</v>
      </c>
      <c r="GE30" s="61">
        <v>2</v>
      </c>
      <c r="GF30" s="62">
        <v>15</v>
      </c>
      <c r="GG30" s="63">
        <v>18</v>
      </c>
      <c r="GH30" s="60">
        <v>269</v>
      </c>
      <c r="GI30" s="61">
        <v>199</v>
      </c>
      <c r="GJ30" s="62">
        <v>468</v>
      </c>
      <c r="GK30" s="443">
        <v>0</v>
      </c>
      <c r="GL30" s="61">
        <v>240</v>
      </c>
      <c r="GM30" s="61">
        <v>144</v>
      </c>
      <c r="GN30" s="61">
        <v>143</v>
      </c>
      <c r="GO30" s="61">
        <v>131</v>
      </c>
      <c r="GP30" s="61">
        <v>110</v>
      </c>
      <c r="GQ30" s="62">
        <v>768</v>
      </c>
      <c r="GR30" s="63">
        <v>1236</v>
      </c>
      <c r="GS30" s="113">
        <v>371</v>
      </c>
      <c r="GT30" s="72">
        <v>326</v>
      </c>
      <c r="GU30" s="73">
        <v>697</v>
      </c>
      <c r="GV30" s="224">
        <v>0</v>
      </c>
      <c r="GW30" s="72">
        <v>342</v>
      </c>
      <c r="GX30" s="72">
        <v>228</v>
      </c>
      <c r="GY30" s="72">
        <v>207</v>
      </c>
      <c r="GZ30" s="72">
        <v>200</v>
      </c>
      <c r="HA30" s="72">
        <v>145</v>
      </c>
      <c r="HB30" s="74">
        <v>1122</v>
      </c>
      <c r="HC30" s="75">
        <v>1819</v>
      </c>
      <c r="HD30" s="60">
        <v>7</v>
      </c>
      <c r="HE30" s="61">
        <v>9</v>
      </c>
      <c r="HF30" s="62">
        <v>16</v>
      </c>
      <c r="HG30" s="227">
        <v>0</v>
      </c>
      <c r="HH30" s="61">
        <v>6</v>
      </c>
      <c r="HI30" s="61">
        <v>2</v>
      </c>
      <c r="HJ30" s="61">
        <v>1</v>
      </c>
      <c r="HK30" s="61">
        <v>2</v>
      </c>
      <c r="HL30" s="61">
        <v>4</v>
      </c>
      <c r="HM30" s="62">
        <v>15</v>
      </c>
      <c r="HN30" s="63">
        <v>31</v>
      </c>
      <c r="HO30" s="60">
        <v>24</v>
      </c>
      <c r="HP30" s="61">
        <v>25</v>
      </c>
      <c r="HQ30" s="62">
        <v>49</v>
      </c>
      <c r="HR30" s="443">
        <v>0</v>
      </c>
      <c r="HS30" s="61">
        <v>27</v>
      </c>
      <c r="HT30" s="61">
        <v>24</v>
      </c>
      <c r="HU30" s="61">
        <v>12</v>
      </c>
      <c r="HV30" s="61">
        <v>11</v>
      </c>
      <c r="HW30" s="61">
        <v>1</v>
      </c>
      <c r="HX30" s="62">
        <v>75</v>
      </c>
      <c r="HY30" s="63">
        <v>124</v>
      </c>
      <c r="HZ30" s="60">
        <v>57</v>
      </c>
      <c r="IA30" s="61">
        <v>43</v>
      </c>
      <c r="IB30" s="62">
        <v>100</v>
      </c>
      <c r="IC30" s="443">
        <v>0</v>
      </c>
      <c r="ID30" s="61">
        <v>27</v>
      </c>
      <c r="IE30" s="61">
        <v>35</v>
      </c>
      <c r="IF30" s="61">
        <v>16</v>
      </c>
      <c r="IG30" s="61">
        <v>18</v>
      </c>
      <c r="IH30" s="61">
        <v>18</v>
      </c>
      <c r="II30" s="62">
        <v>114</v>
      </c>
      <c r="IJ30" s="63">
        <v>214</v>
      </c>
      <c r="IK30" s="60">
        <v>93</v>
      </c>
      <c r="IL30" s="61">
        <v>68</v>
      </c>
      <c r="IM30" s="62">
        <v>161</v>
      </c>
      <c r="IN30" s="443">
        <v>0</v>
      </c>
      <c r="IO30" s="61">
        <v>83</v>
      </c>
      <c r="IP30" s="61">
        <v>47</v>
      </c>
      <c r="IQ30" s="61">
        <v>43</v>
      </c>
      <c r="IR30" s="61">
        <v>36</v>
      </c>
      <c r="IS30" s="61">
        <v>23</v>
      </c>
      <c r="IT30" s="62">
        <v>232</v>
      </c>
      <c r="IU30" s="63">
        <v>393</v>
      </c>
      <c r="IV30" s="60">
        <v>114</v>
      </c>
      <c r="IW30" s="61">
        <v>107</v>
      </c>
      <c r="IX30" s="62">
        <v>221</v>
      </c>
      <c r="IY30" s="443">
        <v>0</v>
      </c>
      <c r="IZ30" s="61">
        <v>96</v>
      </c>
      <c r="JA30" s="61">
        <v>49</v>
      </c>
      <c r="JB30" s="61">
        <v>58</v>
      </c>
      <c r="JC30" s="61">
        <v>47</v>
      </c>
      <c r="JD30" s="61">
        <v>42</v>
      </c>
      <c r="JE30" s="62">
        <v>292</v>
      </c>
      <c r="JF30" s="63">
        <v>513</v>
      </c>
      <c r="JG30" s="60">
        <v>76</v>
      </c>
      <c r="JH30" s="61">
        <v>74</v>
      </c>
      <c r="JI30" s="62">
        <v>150</v>
      </c>
      <c r="JJ30" s="443">
        <v>0</v>
      </c>
      <c r="JK30" s="61">
        <v>103</v>
      </c>
      <c r="JL30" s="61">
        <v>71</v>
      </c>
      <c r="JM30" s="61">
        <v>77</v>
      </c>
      <c r="JN30" s="61">
        <v>86</v>
      </c>
      <c r="JO30" s="61">
        <v>57</v>
      </c>
      <c r="JP30" s="62">
        <v>394</v>
      </c>
      <c r="JQ30" s="63">
        <v>544</v>
      </c>
      <c r="JR30" s="60">
        <v>9</v>
      </c>
      <c r="JS30" s="61">
        <v>6</v>
      </c>
      <c r="JT30" s="62">
        <v>15</v>
      </c>
      <c r="JU30" s="443">
        <v>0</v>
      </c>
      <c r="JV30" s="61">
        <v>6</v>
      </c>
      <c r="JW30" s="61">
        <v>8</v>
      </c>
      <c r="JX30" s="61">
        <v>8</v>
      </c>
      <c r="JY30" s="61">
        <v>4</v>
      </c>
      <c r="JZ30" s="61">
        <v>3</v>
      </c>
      <c r="KA30" s="62">
        <v>29</v>
      </c>
      <c r="KB30" s="63">
        <v>44</v>
      </c>
      <c r="KC30" s="60">
        <v>380</v>
      </c>
      <c r="KD30" s="61">
        <v>332</v>
      </c>
      <c r="KE30" s="62">
        <v>712</v>
      </c>
      <c r="KF30" s="443">
        <v>0</v>
      </c>
      <c r="KG30" s="61">
        <v>348</v>
      </c>
      <c r="KH30" s="61">
        <v>236</v>
      </c>
      <c r="KI30" s="61">
        <v>215</v>
      </c>
      <c r="KJ30" s="61">
        <v>204</v>
      </c>
      <c r="KK30" s="61">
        <v>148</v>
      </c>
      <c r="KL30" s="62">
        <v>1151</v>
      </c>
      <c r="KM30" s="63">
        <v>1863</v>
      </c>
    </row>
    <row r="31" spans="2:299" ht="21" customHeight="1" x14ac:dyDescent="0.2">
      <c r="B31" s="437" t="s">
        <v>28</v>
      </c>
      <c r="C31" s="287">
        <v>5</v>
      </c>
      <c r="D31" s="72">
        <v>18</v>
      </c>
      <c r="E31" s="73">
        <v>23</v>
      </c>
      <c r="F31" s="443">
        <v>0</v>
      </c>
      <c r="G31" s="72">
        <v>59</v>
      </c>
      <c r="H31" s="72">
        <v>46</v>
      </c>
      <c r="I31" s="72">
        <v>26</v>
      </c>
      <c r="J31" s="72">
        <v>20</v>
      </c>
      <c r="K31" s="72">
        <v>12</v>
      </c>
      <c r="L31" s="74">
        <v>163</v>
      </c>
      <c r="M31" s="75">
        <v>186</v>
      </c>
      <c r="N31" s="60">
        <v>0</v>
      </c>
      <c r="O31" s="61">
        <v>3</v>
      </c>
      <c r="P31" s="62">
        <v>3</v>
      </c>
      <c r="Q31" s="443">
        <v>0</v>
      </c>
      <c r="R31" s="61">
        <v>4</v>
      </c>
      <c r="S31" s="61">
        <v>0</v>
      </c>
      <c r="T31" s="61">
        <v>3</v>
      </c>
      <c r="U31" s="61">
        <v>2</v>
      </c>
      <c r="V31" s="61">
        <v>1</v>
      </c>
      <c r="W31" s="62">
        <v>10</v>
      </c>
      <c r="X31" s="63">
        <v>13</v>
      </c>
      <c r="Y31" s="60">
        <v>0</v>
      </c>
      <c r="Z31" s="61">
        <v>5</v>
      </c>
      <c r="AA31" s="62">
        <v>5</v>
      </c>
      <c r="AB31" s="443">
        <v>0</v>
      </c>
      <c r="AC31" s="61">
        <v>9</v>
      </c>
      <c r="AD31" s="61">
        <v>7</v>
      </c>
      <c r="AE31" s="61">
        <v>1</v>
      </c>
      <c r="AF31" s="61">
        <v>2</v>
      </c>
      <c r="AG31" s="61">
        <v>1</v>
      </c>
      <c r="AH31" s="62">
        <v>20</v>
      </c>
      <c r="AI31" s="63">
        <v>25</v>
      </c>
      <c r="AJ31" s="60">
        <v>1</v>
      </c>
      <c r="AK31" s="61">
        <v>2</v>
      </c>
      <c r="AL31" s="62">
        <v>3</v>
      </c>
      <c r="AM31" s="443">
        <v>0</v>
      </c>
      <c r="AN31" s="61">
        <v>11</v>
      </c>
      <c r="AO31" s="61">
        <v>7</v>
      </c>
      <c r="AP31" s="61">
        <v>6</v>
      </c>
      <c r="AQ31" s="61">
        <v>2</v>
      </c>
      <c r="AR31" s="61">
        <v>3</v>
      </c>
      <c r="AS31" s="62">
        <v>29</v>
      </c>
      <c r="AT31" s="63">
        <v>32</v>
      </c>
      <c r="AU31" s="60">
        <v>2</v>
      </c>
      <c r="AV31" s="61">
        <v>2</v>
      </c>
      <c r="AW31" s="62">
        <v>4</v>
      </c>
      <c r="AX31" s="443">
        <v>0</v>
      </c>
      <c r="AY31" s="61">
        <v>17</v>
      </c>
      <c r="AZ31" s="61">
        <v>10</v>
      </c>
      <c r="BA31" s="61">
        <v>3</v>
      </c>
      <c r="BB31" s="61">
        <v>8</v>
      </c>
      <c r="BC31" s="61">
        <v>1</v>
      </c>
      <c r="BD31" s="62">
        <v>39</v>
      </c>
      <c r="BE31" s="63">
        <v>43</v>
      </c>
      <c r="BF31" s="60">
        <v>1</v>
      </c>
      <c r="BG31" s="61">
        <v>4</v>
      </c>
      <c r="BH31" s="62">
        <v>5</v>
      </c>
      <c r="BI31" s="443">
        <v>0</v>
      </c>
      <c r="BJ31" s="61">
        <v>11</v>
      </c>
      <c r="BK31" s="61">
        <v>11</v>
      </c>
      <c r="BL31" s="61">
        <v>7</v>
      </c>
      <c r="BM31" s="61">
        <v>0</v>
      </c>
      <c r="BN31" s="61">
        <v>2</v>
      </c>
      <c r="BO31" s="62">
        <v>31</v>
      </c>
      <c r="BP31" s="63">
        <v>36</v>
      </c>
      <c r="BQ31" s="60">
        <v>1</v>
      </c>
      <c r="BR31" s="61">
        <v>2</v>
      </c>
      <c r="BS31" s="62">
        <v>3</v>
      </c>
      <c r="BT31" s="443">
        <v>0</v>
      </c>
      <c r="BU31" s="61">
        <v>7</v>
      </c>
      <c r="BV31" s="61">
        <v>11</v>
      </c>
      <c r="BW31" s="61">
        <v>6</v>
      </c>
      <c r="BX31" s="61">
        <v>6</v>
      </c>
      <c r="BY31" s="61">
        <v>4</v>
      </c>
      <c r="BZ31" s="62">
        <v>34</v>
      </c>
      <c r="CA31" s="63">
        <v>37</v>
      </c>
      <c r="CB31" s="60">
        <v>0</v>
      </c>
      <c r="CC31" s="61">
        <v>1</v>
      </c>
      <c r="CD31" s="62">
        <v>1</v>
      </c>
      <c r="CE31" s="443">
        <v>0</v>
      </c>
      <c r="CF31" s="61">
        <v>0</v>
      </c>
      <c r="CG31" s="61">
        <v>1</v>
      </c>
      <c r="CH31" s="61">
        <v>1</v>
      </c>
      <c r="CI31" s="61">
        <v>0</v>
      </c>
      <c r="CJ31" s="61">
        <v>2</v>
      </c>
      <c r="CK31" s="62">
        <v>4</v>
      </c>
      <c r="CL31" s="63">
        <v>5</v>
      </c>
      <c r="CM31" s="60">
        <v>5</v>
      </c>
      <c r="CN31" s="61">
        <v>19</v>
      </c>
      <c r="CO31" s="62">
        <v>24</v>
      </c>
      <c r="CP31" s="443">
        <v>0</v>
      </c>
      <c r="CQ31" s="61">
        <v>59</v>
      </c>
      <c r="CR31" s="61">
        <v>47</v>
      </c>
      <c r="CS31" s="61">
        <v>27</v>
      </c>
      <c r="CT31" s="61">
        <v>20</v>
      </c>
      <c r="CU31" s="61">
        <v>14</v>
      </c>
      <c r="CV31" s="62">
        <v>167</v>
      </c>
      <c r="CW31" s="63">
        <v>191</v>
      </c>
      <c r="CX31" s="113">
        <v>18</v>
      </c>
      <c r="CY31" s="72">
        <v>37</v>
      </c>
      <c r="CZ31" s="73">
        <v>55</v>
      </c>
      <c r="DA31" s="443">
        <v>0</v>
      </c>
      <c r="DB31" s="72">
        <v>52</v>
      </c>
      <c r="DC31" s="72">
        <v>81</v>
      </c>
      <c r="DD31" s="72">
        <v>48</v>
      </c>
      <c r="DE31" s="72">
        <v>52</v>
      </c>
      <c r="DF31" s="72">
        <v>36</v>
      </c>
      <c r="DG31" s="74">
        <v>269</v>
      </c>
      <c r="DH31" s="75">
        <v>324</v>
      </c>
      <c r="DI31" s="60">
        <v>1</v>
      </c>
      <c r="DJ31" s="61">
        <v>0</v>
      </c>
      <c r="DK31" s="62">
        <v>1</v>
      </c>
      <c r="DL31" s="443">
        <v>0</v>
      </c>
      <c r="DM31" s="61">
        <v>2</v>
      </c>
      <c r="DN31" s="61">
        <v>3</v>
      </c>
      <c r="DO31" s="61">
        <v>0</v>
      </c>
      <c r="DP31" s="61">
        <v>0</v>
      </c>
      <c r="DQ31" s="61">
        <v>0</v>
      </c>
      <c r="DR31" s="62">
        <v>5</v>
      </c>
      <c r="DS31" s="63">
        <v>6</v>
      </c>
      <c r="DT31" s="60">
        <v>1</v>
      </c>
      <c r="DU31" s="61">
        <v>5</v>
      </c>
      <c r="DV31" s="62">
        <v>6</v>
      </c>
      <c r="DW31" s="443">
        <v>0</v>
      </c>
      <c r="DX31" s="61">
        <v>0</v>
      </c>
      <c r="DY31" s="61">
        <v>7</v>
      </c>
      <c r="DZ31" s="61">
        <v>3</v>
      </c>
      <c r="EA31" s="61">
        <v>2</v>
      </c>
      <c r="EB31" s="61">
        <v>1</v>
      </c>
      <c r="EC31" s="62">
        <v>13</v>
      </c>
      <c r="ED31" s="63">
        <v>19</v>
      </c>
      <c r="EE31" s="60">
        <v>3</v>
      </c>
      <c r="EF31" s="61">
        <v>8</v>
      </c>
      <c r="EG31" s="62">
        <v>11</v>
      </c>
      <c r="EH31" s="443">
        <v>0</v>
      </c>
      <c r="EI31" s="61">
        <v>6</v>
      </c>
      <c r="EJ31" s="61">
        <v>11</v>
      </c>
      <c r="EK31" s="61">
        <v>6</v>
      </c>
      <c r="EL31" s="61">
        <v>4</v>
      </c>
      <c r="EM31" s="61">
        <v>6</v>
      </c>
      <c r="EN31" s="62">
        <v>33</v>
      </c>
      <c r="EO31" s="63">
        <v>44</v>
      </c>
      <c r="EP31" s="60">
        <v>9</v>
      </c>
      <c r="EQ31" s="61">
        <v>11</v>
      </c>
      <c r="ER31" s="62">
        <v>20</v>
      </c>
      <c r="ES31" s="443">
        <v>0</v>
      </c>
      <c r="ET31" s="61">
        <v>13</v>
      </c>
      <c r="EU31" s="61">
        <v>13</v>
      </c>
      <c r="EV31" s="61">
        <v>16</v>
      </c>
      <c r="EW31" s="61">
        <v>8</v>
      </c>
      <c r="EX31" s="61">
        <v>7</v>
      </c>
      <c r="EY31" s="62">
        <v>57</v>
      </c>
      <c r="EZ31" s="63">
        <v>77</v>
      </c>
      <c r="FA31" s="60">
        <v>3</v>
      </c>
      <c r="FB31" s="61">
        <v>10</v>
      </c>
      <c r="FC31" s="62">
        <v>13</v>
      </c>
      <c r="FD31" s="443">
        <v>0</v>
      </c>
      <c r="FE31" s="61">
        <v>16</v>
      </c>
      <c r="FF31" s="61">
        <v>26</v>
      </c>
      <c r="FG31" s="61">
        <v>9</v>
      </c>
      <c r="FH31" s="61">
        <v>12</v>
      </c>
      <c r="FI31" s="61">
        <v>11</v>
      </c>
      <c r="FJ31" s="62">
        <v>74</v>
      </c>
      <c r="FK31" s="63">
        <v>87</v>
      </c>
      <c r="FL31" s="60">
        <v>1</v>
      </c>
      <c r="FM31" s="61">
        <v>3</v>
      </c>
      <c r="FN31" s="62">
        <v>4</v>
      </c>
      <c r="FO31" s="443">
        <v>0</v>
      </c>
      <c r="FP31" s="61">
        <v>15</v>
      </c>
      <c r="FQ31" s="61">
        <v>21</v>
      </c>
      <c r="FR31" s="61">
        <v>14</v>
      </c>
      <c r="FS31" s="61">
        <v>26</v>
      </c>
      <c r="FT31" s="61">
        <v>11</v>
      </c>
      <c r="FU31" s="62">
        <v>87</v>
      </c>
      <c r="FV31" s="63">
        <v>91</v>
      </c>
      <c r="FW31" s="60">
        <v>2</v>
      </c>
      <c r="FX31" s="61">
        <v>0</v>
      </c>
      <c r="FY31" s="62">
        <v>2</v>
      </c>
      <c r="FZ31" s="443">
        <v>0</v>
      </c>
      <c r="GA31" s="61">
        <v>1</v>
      </c>
      <c r="GB31" s="61">
        <v>2</v>
      </c>
      <c r="GC31" s="61">
        <v>0</v>
      </c>
      <c r="GD31" s="61">
        <v>0</v>
      </c>
      <c r="GE31" s="61">
        <v>2</v>
      </c>
      <c r="GF31" s="62">
        <v>5</v>
      </c>
      <c r="GG31" s="63">
        <v>7</v>
      </c>
      <c r="GH31" s="60">
        <v>20</v>
      </c>
      <c r="GI31" s="61">
        <v>37</v>
      </c>
      <c r="GJ31" s="62">
        <v>57</v>
      </c>
      <c r="GK31" s="443">
        <v>0</v>
      </c>
      <c r="GL31" s="61">
        <v>53</v>
      </c>
      <c r="GM31" s="61">
        <v>83</v>
      </c>
      <c r="GN31" s="61">
        <v>48</v>
      </c>
      <c r="GO31" s="61">
        <v>52</v>
      </c>
      <c r="GP31" s="61">
        <v>38</v>
      </c>
      <c r="GQ31" s="62">
        <v>274</v>
      </c>
      <c r="GR31" s="63">
        <v>331</v>
      </c>
      <c r="GS31" s="113">
        <v>23</v>
      </c>
      <c r="GT31" s="72">
        <v>55</v>
      </c>
      <c r="GU31" s="73">
        <v>78</v>
      </c>
      <c r="GV31" s="224">
        <v>0</v>
      </c>
      <c r="GW31" s="72">
        <v>111</v>
      </c>
      <c r="GX31" s="72">
        <v>127</v>
      </c>
      <c r="GY31" s="72">
        <v>74</v>
      </c>
      <c r="GZ31" s="72">
        <v>72</v>
      </c>
      <c r="HA31" s="72">
        <v>48</v>
      </c>
      <c r="HB31" s="74">
        <v>432</v>
      </c>
      <c r="HC31" s="75">
        <v>510</v>
      </c>
      <c r="HD31" s="60">
        <v>1</v>
      </c>
      <c r="HE31" s="61">
        <v>3</v>
      </c>
      <c r="HF31" s="62">
        <v>4</v>
      </c>
      <c r="HG31" s="227">
        <v>0</v>
      </c>
      <c r="HH31" s="61">
        <v>6</v>
      </c>
      <c r="HI31" s="61">
        <v>3</v>
      </c>
      <c r="HJ31" s="61">
        <v>3</v>
      </c>
      <c r="HK31" s="61">
        <v>2</v>
      </c>
      <c r="HL31" s="61">
        <v>1</v>
      </c>
      <c r="HM31" s="62">
        <v>15</v>
      </c>
      <c r="HN31" s="63">
        <v>19</v>
      </c>
      <c r="HO31" s="60">
        <v>1</v>
      </c>
      <c r="HP31" s="61">
        <v>10</v>
      </c>
      <c r="HQ31" s="62">
        <v>11</v>
      </c>
      <c r="HR31" s="443">
        <v>0</v>
      </c>
      <c r="HS31" s="61">
        <v>9</v>
      </c>
      <c r="HT31" s="61">
        <v>14</v>
      </c>
      <c r="HU31" s="61">
        <v>4</v>
      </c>
      <c r="HV31" s="61">
        <v>4</v>
      </c>
      <c r="HW31" s="61">
        <v>2</v>
      </c>
      <c r="HX31" s="62">
        <v>33</v>
      </c>
      <c r="HY31" s="63">
        <v>44</v>
      </c>
      <c r="HZ31" s="60">
        <v>4</v>
      </c>
      <c r="IA31" s="61">
        <v>10</v>
      </c>
      <c r="IB31" s="62">
        <v>14</v>
      </c>
      <c r="IC31" s="443">
        <v>0</v>
      </c>
      <c r="ID31" s="61">
        <v>17</v>
      </c>
      <c r="IE31" s="61">
        <v>18</v>
      </c>
      <c r="IF31" s="61">
        <v>12</v>
      </c>
      <c r="IG31" s="61">
        <v>6</v>
      </c>
      <c r="IH31" s="61">
        <v>9</v>
      </c>
      <c r="II31" s="62">
        <v>62</v>
      </c>
      <c r="IJ31" s="63">
        <v>76</v>
      </c>
      <c r="IK31" s="60">
        <v>11</v>
      </c>
      <c r="IL31" s="61">
        <v>13</v>
      </c>
      <c r="IM31" s="62">
        <v>24</v>
      </c>
      <c r="IN31" s="443">
        <v>0</v>
      </c>
      <c r="IO31" s="61">
        <v>30</v>
      </c>
      <c r="IP31" s="61">
        <v>23</v>
      </c>
      <c r="IQ31" s="61">
        <v>19</v>
      </c>
      <c r="IR31" s="61">
        <v>16</v>
      </c>
      <c r="IS31" s="61">
        <v>8</v>
      </c>
      <c r="IT31" s="62">
        <v>96</v>
      </c>
      <c r="IU31" s="63">
        <v>120</v>
      </c>
      <c r="IV31" s="60">
        <v>4</v>
      </c>
      <c r="IW31" s="61">
        <v>14</v>
      </c>
      <c r="IX31" s="62">
        <v>18</v>
      </c>
      <c r="IY31" s="443">
        <v>0</v>
      </c>
      <c r="IZ31" s="61">
        <v>27</v>
      </c>
      <c r="JA31" s="61">
        <v>37</v>
      </c>
      <c r="JB31" s="61">
        <v>16</v>
      </c>
      <c r="JC31" s="61">
        <v>12</v>
      </c>
      <c r="JD31" s="61">
        <v>13</v>
      </c>
      <c r="JE31" s="62">
        <v>105</v>
      </c>
      <c r="JF31" s="63">
        <v>123</v>
      </c>
      <c r="JG31" s="60">
        <v>2</v>
      </c>
      <c r="JH31" s="61">
        <v>5</v>
      </c>
      <c r="JI31" s="62">
        <v>7</v>
      </c>
      <c r="JJ31" s="443">
        <v>0</v>
      </c>
      <c r="JK31" s="61">
        <v>22</v>
      </c>
      <c r="JL31" s="61">
        <v>32</v>
      </c>
      <c r="JM31" s="61">
        <v>20</v>
      </c>
      <c r="JN31" s="61">
        <v>32</v>
      </c>
      <c r="JO31" s="61">
        <v>15</v>
      </c>
      <c r="JP31" s="62">
        <v>121</v>
      </c>
      <c r="JQ31" s="63">
        <v>128</v>
      </c>
      <c r="JR31" s="60">
        <v>2</v>
      </c>
      <c r="JS31" s="61">
        <v>1</v>
      </c>
      <c r="JT31" s="62">
        <v>3</v>
      </c>
      <c r="JU31" s="443">
        <v>0</v>
      </c>
      <c r="JV31" s="61">
        <v>1</v>
      </c>
      <c r="JW31" s="61">
        <v>3</v>
      </c>
      <c r="JX31" s="61">
        <v>1</v>
      </c>
      <c r="JY31" s="61">
        <v>0</v>
      </c>
      <c r="JZ31" s="61">
        <v>4</v>
      </c>
      <c r="KA31" s="62">
        <v>9</v>
      </c>
      <c r="KB31" s="63">
        <v>12</v>
      </c>
      <c r="KC31" s="60">
        <v>25</v>
      </c>
      <c r="KD31" s="61">
        <v>56</v>
      </c>
      <c r="KE31" s="62">
        <v>81</v>
      </c>
      <c r="KF31" s="443">
        <v>0</v>
      </c>
      <c r="KG31" s="61">
        <v>112</v>
      </c>
      <c r="KH31" s="61">
        <v>130</v>
      </c>
      <c r="KI31" s="61">
        <v>75</v>
      </c>
      <c r="KJ31" s="61">
        <v>72</v>
      </c>
      <c r="KK31" s="61">
        <v>52</v>
      </c>
      <c r="KL31" s="62">
        <v>441</v>
      </c>
      <c r="KM31" s="63">
        <v>522</v>
      </c>
    </row>
    <row r="32" spans="2:299" ht="21" customHeight="1" x14ac:dyDescent="0.2">
      <c r="B32" s="437" t="s">
        <v>29</v>
      </c>
      <c r="C32" s="287">
        <v>24</v>
      </c>
      <c r="D32" s="72">
        <v>21</v>
      </c>
      <c r="E32" s="73">
        <v>45</v>
      </c>
      <c r="F32" s="443">
        <v>0</v>
      </c>
      <c r="G32" s="72">
        <v>39</v>
      </c>
      <c r="H32" s="72">
        <v>45</v>
      </c>
      <c r="I32" s="72">
        <v>48</v>
      </c>
      <c r="J32" s="72">
        <v>27</v>
      </c>
      <c r="K32" s="72">
        <v>18</v>
      </c>
      <c r="L32" s="74">
        <v>177</v>
      </c>
      <c r="M32" s="75">
        <v>222</v>
      </c>
      <c r="N32" s="60">
        <v>3</v>
      </c>
      <c r="O32" s="61">
        <v>0</v>
      </c>
      <c r="P32" s="62">
        <v>3</v>
      </c>
      <c r="Q32" s="443">
        <v>0</v>
      </c>
      <c r="R32" s="61">
        <v>4</v>
      </c>
      <c r="S32" s="61">
        <v>2</v>
      </c>
      <c r="T32" s="61">
        <v>3</v>
      </c>
      <c r="U32" s="61">
        <v>2</v>
      </c>
      <c r="V32" s="61">
        <v>1</v>
      </c>
      <c r="W32" s="62">
        <v>12</v>
      </c>
      <c r="X32" s="63">
        <v>15</v>
      </c>
      <c r="Y32" s="60">
        <v>2</v>
      </c>
      <c r="Z32" s="61">
        <v>3</v>
      </c>
      <c r="AA32" s="62">
        <v>5</v>
      </c>
      <c r="AB32" s="443">
        <v>0</v>
      </c>
      <c r="AC32" s="61">
        <v>4</v>
      </c>
      <c r="AD32" s="61">
        <v>3</v>
      </c>
      <c r="AE32" s="61">
        <v>8</v>
      </c>
      <c r="AF32" s="61">
        <v>1</v>
      </c>
      <c r="AG32" s="61">
        <v>0</v>
      </c>
      <c r="AH32" s="62">
        <v>16</v>
      </c>
      <c r="AI32" s="63">
        <v>21</v>
      </c>
      <c r="AJ32" s="60">
        <v>1</v>
      </c>
      <c r="AK32" s="61">
        <v>2</v>
      </c>
      <c r="AL32" s="62">
        <v>3</v>
      </c>
      <c r="AM32" s="443">
        <v>0</v>
      </c>
      <c r="AN32" s="61">
        <v>11</v>
      </c>
      <c r="AO32" s="61">
        <v>7</v>
      </c>
      <c r="AP32" s="61">
        <v>7</v>
      </c>
      <c r="AQ32" s="61">
        <v>8</v>
      </c>
      <c r="AR32" s="61">
        <v>1</v>
      </c>
      <c r="AS32" s="62">
        <v>34</v>
      </c>
      <c r="AT32" s="63">
        <v>37</v>
      </c>
      <c r="AU32" s="60">
        <v>9</v>
      </c>
      <c r="AV32" s="61">
        <v>8</v>
      </c>
      <c r="AW32" s="62">
        <v>17</v>
      </c>
      <c r="AX32" s="443">
        <v>0</v>
      </c>
      <c r="AY32" s="61">
        <v>7</v>
      </c>
      <c r="AZ32" s="61">
        <v>9</v>
      </c>
      <c r="BA32" s="61">
        <v>9</v>
      </c>
      <c r="BB32" s="61">
        <v>7</v>
      </c>
      <c r="BC32" s="61">
        <v>4</v>
      </c>
      <c r="BD32" s="62">
        <v>36</v>
      </c>
      <c r="BE32" s="63">
        <v>53</v>
      </c>
      <c r="BF32" s="60">
        <v>8</v>
      </c>
      <c r="BG32" s="61">
        <v>4</v>
      </c>
      <c r="BH32" s="62">
        <v>12</v>
      </c>
      <c r="BI32" s="443">
        <v>0</v>
      </c>
      <c r="BJ32" s="61">
        <v>8</v>
      </c>
      <c r="BK32" s="61">
        <v>7</v>
      </c>
      <c r="BL32" s="61">
        <v>14</v>
      </c>
      <c r="BM32" s="61">
        <v>5</v>
      </c>
      <c r="BN32" s="61">
        <v>3</v>
      </c>
      <c r="BO32" s="62">
        <v>37</v>
      </c>
      <c r="BP32" s="63">
        <v>49</v>
      </c>
      <c r="BQ32" s="60">
        <v>1</v>
      </c>
      <c r="BR32" s="61">
        <v>4</v>
      </c>
      <c r="BS32" s="62">
        <v>5</v>
      </c>
      <c r="BT32" s="443">
        <v>0</v>
      </c>
      <c r="BU32" s="61">
        <v>5</v>
      </c>
      <c r="BV32" s="61">
        <v>17</v>
      </c>
      <c r="BW32" s="61">
        <v>7</v>
      </c>
      <c r="BX32" s="61">
        <v>4</v>
      </c>
      <c r="BY32" s="61">
        <v>9</v>
      </c>
      <c r="BZ32" s="62">
        <v>42</v>
      </c>
      <c r="CA32" s="63">
        <v>47</v>
      </c>
      <c r="CB32" s="60">
        <v>2</v>
      </c>
      <c r="CC32" s="61">
        <v>1</v>
      </c>
      <c r="CD32" s="62">
        <v>3</v>
      </c>
      <c r="CE32" s="443">
        <v>0</v>
      </c>
      <c r="CF32" s="61">
        <v>4</v>
      </c>
      <c r="CG32" s="61">
        <v>1</v>
      </c>
      <c r="CH32" s="61">
        <v>1</v>
      </c>
      <c r="CI32" s="61">
        <v>0</v>
      </c>
      <c r="CJ32" s="61">
        <v>3</v>
      </c>
      <c r="CK32" s="62">
        <v>9</v>
      </c>
      <c r="CL32" s="63">
        <v>12</v>
      </c>
      <c r="CM32" s="60">
        <v>26</v>
      </c>
      <c r="CN32" s="61">
        <v>22</v>
      </c>
      <c r="CO32" s="62">
        <v>48</v>
      </c>
      <c r="CP32" s="443">
        <v>0</v>
      </c>
      <c r="CQ32" s="61">
        <v>43</v>
      </c>
      <c r="CR32" s="61">
        <v>46</v>
      </c>
      <c r="CS32" s="61">
        <v>49</v>
      </c>
      <c r="CT32" s="61">
        <v>27</v>
      </c>
      <c r="CU32" s="61">
        <v>21</v>
      </c>
      <c r="CV32" s="62">
        <v>186</v>
      </c>
      <c r="CW32" s="63">
        <v>234</v>
      </c>
      <c r="CX32" s="113">
        <v>50</v>
      </c>
      <c r="CY32" s="72">
        <v>49</v>
      </c>
      <c r="CZ32" s="73">
        <v>99</v>
      </c>
      <c r="DA32" s="443">
        <v>0</v>
      </c>
      <c r="DB32" s="72">
        <v>92</v>
      </c>
      <c r="DC32" s="72">
        <v>90</v>
      </c>
      <c r="DD32" s="72">
        <v>74</v>
      </c>
      <c r="DE32" s="72">
        <v>83</v>
      </c>
      <c r="DF32" s="72">
        <v>54</v>
      </c>
      <c r="DG32" s="74">
        <v>393</v>
      </c>
      <c r="DH32" s="75">
        <v>492</v>
      </c>
      <c r="DI32" s="60">
        <v>2</v>
      </c>
      <c r="DJ32" s="61">
        <v>2</v>
      </c>
      <c r="DK32" s="62">
        <v>4</v>
      </c>
      <c r="DL32" s="443">
        <v>0</v>
      </c>
      <c r="DM32" s="61">
        <v>4</v>
      </c>
      <c r="DN32" s="61">
        <v>3</v>
      </c>
      <c r="DO32" s="61">
        <v>2</v>
      </c>
      <c r="DP32" s="61">
        <v>2</v>
      </c>
      <c r="DQ32" s="61">
        <v>3</v>
      </c>
      <c r="DR32" s="62">
        <v>14</v>
      </c>
      <c r="DS32" s="63">
        <v>18</v>
      </c>
      <c r="DT32" s="60">
        <v>3</v>
      </c>
      <c r="DU32" s="61">
        <v>4</v>
      </c>
      <c r="DV32" s="62">
        <v>7</v>
      </c>
      <c r="DW32" s="443">
        <v>0</v>
      </c>
      <c r="DX32" s="61">
        <v>6</v>
      </c>
      <c r="DY32" s="61">
        <v>8</v>
      </c>
      <c r="DZ32" s="61">
        <v>2</v>
      </c>
      <c r="EA32" s="61">
        <v>2</v>
      </c>
      <c r="EB32" s="61">
        <v>3</v>
      </c>
      <c r="EC32" s="62">
        <v>21</v>
      </c>
      <c r="ED32" s="63">
        <v>28</v>
      </c>
      <c r="EE32" s="60">
        <v>9</v>
      </c>
      <c r="EF32" s="61">
        <v>4</v>
      </c>
      <c r="EG32" s="62">
        <v>13</v>
      </c>
      <c r="EH32" s="443">
        <v>0</v>
      </c>
      <c r="EI32" s="61">
        <v>8</v>
      </c>
      <c r="EJ32" s="61">
        <v>9</v>
      </c>
      <c r="EK32" s="61">
        <v>6</v>
      </c>
      <c r="EL32" s="61">
        <v>7</v>
      </c>
      <c r="EM32" s="61">
        <v>4</v>
      </c>
      <c r="EN32" s="62">
        <v>34</v>
      </c>
      <c r="EO32" s="63">
        <v>47</v>
      </c>
      <c r="EP32" s="60">
        <v>18</v>
      </c>
      <c r="EQ32" s="61">
        <v>14</v>
      </c>
      <c r="ER32" s="62">
        <v>32</v>
      </c>
      <c r="ES32" s="443">
        <v>0</v>
      </c>
      <c r="ET32" s="61">
        <v>24</v>
      </c>
      <c r="EU32" s="61">
        <v>19</v>
      </c>
      <c r="EV32" s="61">
        <v>21</v>
      </c>
      <c r="EW32" s="61">
        <v>16</v>
      </c>
      <c r="EX32" s="61">
        <v>12</v>
      </c>
      <c r="EY32" s="62">
        <v>92</v>
      </c>
      <c r="EZ32" s="63">
        <v>124</v>
      </c>
      <c r="FA32" s="60">
        <v>15</v>
      </c>
      <c r="FB32" s="61">
        <v>11</v>
      </c>
      <c r="FC32" s="62">
        <v>26</v>
      </c>
      <c r="FD32" s="443">
        <v>0</v>
      </c>
      <c r="FE32" s="61">
        <v>26</v>
      </c>
      <c r="FF32" s="61">
        <v>28</v>
      </c>
      <c r="FG32" s="61">
        <v>18</v>
      </c>
      <c r="FH32" s="61">
        <v>21</v>
      </c>
      <c r="FI32" s="61">
        <v>14</v>
      </c>
      <c r="FJ32" s="62">
        <v>107</v>
      </c>
      <c r="FK32" s="63">
        <v>133</v>
      </c>
      <c r="FL32" s="60">
        <v>3</v>
      </c>
      <c r="FM32" s="61">
        <v>14</v>
      </c>
      <c r="FN32" s="62">
        <v>17</v>
      </c>
      <c r="FO32" s="443">
        <v>0</v>
      </c>
      <c r="FP32" s="61">
        <v>24</v>
      </c>
      <c r="FQ32" s="61">
        <v>23</v>
      </c>
      <c r="FR32" s="61">
        <v>25</v>
      </c>
      <c r="FS32" s="61">
        <v>35</v>
      </c>
      <c r="FT32" s="61">
        <v>18</v>
      </c>
      <c r="FU32" s="62">
        <v>125</v>
      </c>
      <c r="FV32" s="63">
        <v>142</v>
      </c>
      <c r="FW32" s="60">
        <v>0</v>
      </c>
      <c r="FX32" s="61">
        <v>3</v>
      </c>
      <c r="FY32" s="62">
        <v>3</v>
      </c>
      <c r="FZ32" s="443">
        <v>0</v>
      </c>
      <c r="GA32" s="61">
        <v>0</v>
      </c>
      <c r="GB32" s="61">
        <v>1</v>
      </c>
      <c r="GC32" s="61">
        <v>2</v>
      </c>
      <c r="GD32" s="61">
        <v>0</v>
      </c>
      <c r="GE32" s="61">
        <v>1</v>
      </c>
      <c r="GF32" s="62">
        <v>4</v>
      </c>
      <c r="GG32" s="63">
        <v>7</v>
      </c>
      <c r="GH32" s="60">
        <v>50</v>
      </c>
      <c r="GI32" s="61">
        <v>52</v>
      </c>
      <c r="GJ32" s="62">
        <v>102</v>
      </c>
      <c r="GK32" s="443">
        <v>0</v>
      </c>
      <c r="GL32" s="61">
        <v>92</v>
      </c>
      <c r="GM32" s="61">
        <v>91</v>
      </c>
      <c r="GN32" s="61">
        <v>76</v>
      </c>
      <c r="GO32" s="61">
        <v>83</v>
      </c>
      <c r="GP32" s="61">
        <v>55</v>
      </c>
      <c r="GQ32" s="62">
        <v>397</v>
      </c>
      <c r="GR32" s="63">
        <v>499</v>
      </c>
      <c r="GS32" s="113">
        <v>74</v>
      </c>
      <c r="GT32" s="72">
        <v>70</v>
      </c>
      <c r="GU32" s="73">
        <v>144</v>
      </c>
      <c r="GV32" s="224">
        <v>0</v>
      </c>
      <c r="GW32" s="72">
        <v>131</v>
      </c>
      <c r="GX32" s="72">
        <v>135</v>
      </c>
      <c r="GY32" s="72">
        <v>122</v>
      </c>
      <c r="GZ32" s="72">
        <v>110</v>
      </c>
      <c r="HA32" s="72">
        <v>72</v>
      </c>
      <c r="HB32" s="74">
        <v>570</v>
      </c>
      <c r="HC32" s="75">
        <v>714</v>
      </c>
      <c r="HD32" s="60">
        <v>5</v>
      </c>
      <c r="HE32" s="61">
        <v>2</v>
      </c>
      <c r="HF32" s="62">
        <v>7</v>
      </c>
      <c r="HG32" s="227">
        <v>0</v>
      </c>
      <c r="HH32" s="61">
        <v>8</v>
      </c>
      <c r="HI32" s="61">
        <v>5</v>
      </c>
      <c r="HJ32" s="61">
        <v>5</v>
      </c>
      <c r="HK32" s="61">
        <v>4</v>
      </c>
      <c r="HL32" s="61">
        <v>4</v>
      </c>
      <c r="HM32" s="62">
        <v>26</v>
      </c>
      <c r="HN32" s="63">
        <v>33</v>
      </c>
      <c r="HO32" s="60">
        <v>5</v>
      </c>
      <c r="HP32" s="61">
        <v>7</v>
      </c>
      <c r="HQ32" s="62">
        <v>12</v>
      </c>
      <c r="HR32" s="443">
        <v>0</v>
      </c>
      <c r="HS32" s="61">
        <v>10</v>
      </c>
      <c r="HT32" s="61">
        <v>11</v>
      </c>
      <c r="HU32" s="61">
        <v>10</v>
      </c>
      <c r="HV32" s="61">
        <v>3</v>
      </c>
      <c r="HW32" s="61">
        <v>3</v>
      </c>
      <c r="HX32" s="62">
        <v>37</v>
      </c>
      <c r="HY32" s="63">
        <v>49</v>
      </c>
      <c r="HZ32" s="60">
        <v>10</v>
      </c>
      <c r="IA32" s="61">
        <v>6</v>
      </c>
      <c r="IB32" s="62">
        <v>16</v>
      </c>
      <c r="IC32" s="443">
        <v>0</v>
      </c>
      <c r="ID32" s="61">
        <v>19</v>
      </c>
      <c r="IE32" s="61">
        <v>16</v>
      </c>
      <c r="IF32" s="61">
        <v>13</v>
      </c>
      <c r="IG32" s="61">
        <v>15</v>
      </c>
      <c r="IH32" s="61">
        <v>5</v>
      </c>
      <c r="II32" s="62">
        <v>68</v>
      </c>
      <c r="IJ32" s="63">
        <v>84</v>
      </c>
      <c r="IK32" s="60">
        <v>27</v>
      </c>
      <c r="IL32" s="61">
        <v>22</v>
      </c>
      <c r="IM32" s="62">
        <v>49</v>
      </c>
      <c r="IN32" s="443">
        <v>0</v>
      </c>
      <c r="IO32" s="61">
        <v>31</v>
      </c>
      <c r="IP32" s="61">
        <v>28</v>
      </c>
      <c r="IQ32" s="61">
        <v>30</v>
      </c>
      <c r="IR32" s="61">
        <v>23</v>
      </c>
      <c r="IS32" s="61">
        <v>16</v>
      </c>
      <c r="IT32" s="62">
        <v>128</v>
      </c>
      <c r="IU32" s="63">
        <v>177</v>
      </c>
      <c r="IV32" s="60">
        <v>23</v>
      </c>
      <c r="IW32" s="61">
        <v>15</v>
      </c>
      <c r="IX32" s="62">
        <v>38</v>
      </c>
      <c r="IY32" s="443">
        <v>0</v>
      </c>
      <c r="IZ32" s="61">
        <v>34</v>
      </c>
      <c r="JA32" s="61">
        <v>35</v>
      </c>
      <c r="JB32" s="61">
        <v>32</v>
      </c>
      <c r="JC32" s="61">
        <v>26</v>
      </c>
      <c r="JD32" s="61">
        <v>17</v>
      </c>
      <c r="JE32" s="62">
        <v>144</v>
      </c>
      <c r="JF32" s="63">
        <v>182</v>
      </c>
      <c r="JG32" s="60">
        <v>4</v>
      </c>
      <c r="JH32" s="61">
        <v>18</v>
      </c>
      <c r="JI32" s="62">
        <v>22</v>
      </c>
      <c r="JJ32" s="443">
        <v>0</v>
      </c>
      <c r="JK32" s="61">
        <v>29</v>
      </c>
      <c r="JL32" s="61">
        <v>40</v>
      </c>
      <c r="JM32" s="61">
        <v>32</v>
      </c>
      <c r="JN32" s="61">
        <v>39</v>
      </c>
      <c r="JO32" s="61">
        <v>27</v>
      </c>
      <c r="JP32" s="62">
        <v>167</v>
      </c>
      <c r="JQ32" s="63">
        <v>189</v>
      </c>
      <c r="JR32" s="60">
        <v>2</v>
      </c>
      <c r="JS32" s="61">
        <v>4</v>
      </c>
      <c r="JT32" s="62">
        <v>6</v>
      </c>
      <c r="JU32" s="443">
        <v>0</v>
      </c>
      <c r="JV32" s="61">
        <v>4</v>
      </c>
      <c r="JW32" s="61">
        <v>2</v>
      </c>
      <c r="JX32" s="61">
        <v>3</v>
      </c>
      <c r="JY32" s="61">
        <v>0</v>
      </c>
      <c r="JZ32" s="61">
        <v>4</v>
      </c>
      <c r="KA32" s="62">
        <v>13</v>
      </c>
      <c r="KB32" s="63">
        <v>19</v>
      </c>
      <c r="KC32" s="60">
        <v>76</v>
      </c>
      <c r="KD32" s="61">
        <v>74</v>
      </c>
      <c r="KE32" s="62">
        <v>150</v>
      </c>
      <c r="KF32" s="443">
        <v>0</v>
      </c>
      <c r="KG32" s="61">
        <v>135</v>
      </c>
      <c r="KH32" s="61">
        <v>137</v>
      </c>
      <c r="KI32" s="61">
        <v>125</v>
      </c>
      <c r="KJ32" s="61">
        <v>110</v>
      </c>
      <c r="KK32" s="61">
        <v>76</v>
      </c>
      <c r="KL32" s="62">
        <v>583</v>
      </c>
      <c r="KM32" s="63">
        <v>733</v>
      </c>
    </row>
    <row r="33" spans="2:299" ht="21" customHeight="1" x14ac:dyDescent="0.2">
      <c r="B33" s="437" t="s">
        <v>30</v>
      </c>
      <c r="C33" s="287">
        <v>25</v>
      </c>
      <c r="D33" s="72">
        <v>9</v>
      </c>
      <c r="E33" s="73">
        <v>34</v>
      </c>
      <c r="F33" s="443">
        <v>0</v>
      </c>
      <c r="G33" s="72">
        <v>30</v>
      </c>
      <c r="H33" s="72">
        <v>28</v>
      </c>
      <c r="I33" s="72">
        <v>26</v>
      </c>
      <c r="J33" s="72">
        <v>30</v>
      </c>
      <c r="K33" s="72">
        <v>15</v>
      </c>
      <c r="L33" s="74">
        <v>129</v>
      </c>
      <c r="M33" s="75">
        <v>163</v>
      </c>
      <c r="N33" s="60">
        <v>2</v>
      </c>
      <c r="O33" s="61">
        <v>2</v>
      </c>
      <c r="P33" s="62">
        <v>4</v>
      </c>
      <c r="Q33" s="443">
        <v>0</v>
      </c>
      <c r="R33" s="61">
        <v>0</v>
      </c>
      <c r="S33" s="61">
        <v>1</v>
      </c>
      <c r="T33" s="61">
        <v>0</v>
      </c>
      <c r="U33" s="61">
        <v>3</v>
      </c>
      <c r="V33" s="61">
        <v>2</v>
      </c>
      <c r="W33" s="62">
        <v>6</v>
      </c>
      <c r="X33" s="63">
        <v>10</v>
      </c>
      <c r="Y33" s="60">
        <v>7</v>
      </c>
      <c r="Z33" s="61">
        <v>1</v>
      </c>
      <c r="AA33" s="62">
        <v>8</v>
      </c>
      <c r="AB33" s="443">
        <v>0</v>
      </c>
      <c r="AC33" s="61">
        <v>3</v>
      </c>
      <c r="AD33" s="61">
        <v>6</v>
      </c>
      <c r="AE33" s="61">
        <v>3</v>
      </c>
      <c r="AF33" s="61">
        <v>1</v>
      </c>
      <c r="AG33" s="61">
        <v>2</v>
      </c>
      <c r="AH33" s="62">
        <v>15</v>
      </c>
      <c r="AI33" s="63">
        <v>23</v>
      </c>
      <c r="AJ33" s="60">
        <v>3</v>
      </c>
      <c r="AK33" s="61">
        <v>2</v>
      </c>
      <c r="AL33" s="62">
        <v>5</v>
      </c>
      <c r="AM33" s="443">
        <v>0</v>
      </c>
      <c r="AN33" s="61">
        <v>3</v>
      </c>
      <c r="AO33" s="61">
        <v>3</v>
      </c>
      <c r="AP33" s="61">
        <v>3</v>
      </c>
      <c r="AQ33" s="61">
        <v>8</v>
      </c>
      <c r="AR33" s="61">
        <v>2</v>
      </c>
      <c r="AS33" s="62">
        <v>19</v>
      </c>
      <c r="AT33" s="63">
        <v>24</v>
      </c>
      <c r="AU33" s="60">
        <v>7</v>
      </c>
      <c r="AV33" s="61">
        <v>0</v>
      </c>
      <c r="AW33" s="62">
        <v>7</v>
      </c>
      <c r="AX33" s="443">
        <v>0</v>
      </c>
      <c r="AY33" s="61">
        <v>12</v>
      </c>
      <c r="AZ33" s="61">
        <v>6</v>
      </c>
      <c r="BA33" s="61">
        <v>6</v>
      </c>
      <c r="BB33" s="61">
        <v>5</v>
      </c>
      <c r="BC33" s="61">
        <v>3</v>
      </c>
      <c r="BD33" s="62">
        <v>32</v>
      </c>
      <c r="BE33" s="63">
        <v>39</v>
      </c>
      <c r="BF33" s="60">
        <v>2</v>
      </c>
      <c r="BG33" s="61">
        <v>2</v>
      </c>
      <c r="BH33" s="62">
        <v>4</v>
      </c>
      <c r="BI33" s="443">
        <v>0</v>
      </c>
      <c r="BJ33" s="61">
        <v>8</v>
      </c>
      <c r="BK33" s="61">
        <v>8</v>
      </c>
      <c r="BL33" s="61">
        <v>8</v>
      </c>
      <c r="BM33" s="61">
        <v>5</v>
      </c>
      <c r="BN33" s="61">
        <v>1</v>
      </c>
      <c r="BO33" s="62">
        <v>30</v>
      </c>
      <c r="BP33" s="63">
        <v>34</v>
      </c>
      <c r="BQ33" s="60">
        <v>4</v>
      </c>
      <c r="BR33" s="61">
        <v>2</v>
      </c>
      <c r="BS33" s="62">
        <v>6</v>
      </c>
      <c r="BT33" s="443">
        <v>0</v>
      </c>
      <c r="BU33" s="61">
        <v>4</v>
      </c>
      <c r="BV33" s="61">
        <v>4</v>
      </c>
      <c r="BW33" s="61">
        <v>6</v>
      </c>
      <c r="BX33" s="61">
        <v>8</v>
      </c>
      <c r="BY33" s="61">
        <v>5</v>
      </c>
      <c r="BZ33" s="62">
        <v>27</v>
      </c>
      <c r="CA33" s="63">
        <v>33</v>
      </c>
      <c r="CB33" s="60">
        <v>1</v>
      </c>
      <c r="CC33" s="61">
        <v>0</v>
      </c>
      <c r="CD33" s="62">
        <v>1</v>
      </c>
      <c r="CE33" s="443">
        <v>0</v>
      </c>
      <c r="CF33" s="61">
        <v>2</v>
      </c>
      <c r="CG33" s="61">
        <v>3</v>
      </c>
      <c r="CH33" s="61">
        <v>1</v>
      </c>
      <c r="CI33" s="61">
        <v>1</v>
      </c>
      <c r="CJ33" s="61">
        <v>0</v>
      </c>
      <c r="CK33" s="62">
        <v>7</v>
      </c>
      <c r="CL33" s="63">
        <v>8</v>
      </c>
      <c r="CM33" s="60">
        <v>26</v>
      </c>
      <c r="CN33" s="61">
        <v>9</v>
      </c>
      <c r="CO33" s="62">
        <v>35</v>
      </c>
      <c r="CP33" s="443">
        <v>0</v>
      </c>
      <c r="CQ33" s="61">
        <v>32</v>
      </c>
      <c r="CR33" s="61">
        <v>31</v>
      </c>
      <c r="CS33" s="61">
        <v>27</v>
      </c>
      <c r="CT33" s="61">
        <v>31</v>
      </c>
      <c r="CU33" s="61">
        <v>15</v>
      </c>
      <c r="CV33" s="62">
        <v>136</v>
      </c>
      <c r="CW33" s="63">
        <v>171</v>
      </c>
      <c r="CX33" s="113">
        <v>43</v>
      </c>
      <c r="CY33" s="72">
        <v>33</v>
      </c>
      <c r="CZ33" s="73">
        <v>76</v>
      </c>
      <c r="DA33" s="443">
        <v>0</v>
      </c>
      <c r="DB33" s="72">
        <v>95</v>
      </c>
      <c r="DC33" s="72">
        <v>62</v>
      </c>
      <c r="DD33" s="72">
        <v>66</v>
      </c>
      <c r="DE33" s="72">
        <v>66</v>
      </c>
      <c r="DF33" s="72">
        <v>39</v>
      </c>
      <c r="DG33" s="74">
        <v>328</v>
      </c>
      <c r="DH33" s="75">
        <v>404</v>
      </c>
      <c r="DI33" s="60">
        <v>2</v>
      </c>
      <c r="DJ33" s="61">
        <v>0</v>
      </c>
      <c r="DK33" s="62">
        <v>2</v>
      </c>
      <c r="DL33" s="443">
        <v>0</v>
      </c>
      <c r="DM33" s="61">
        <v>1</v>
      </c>
      <c r="DN33" s="61">
        <v>0</v>
      </c>
      <c r="DO33" s="61">
        <v>1</v>
      </c>
      <c r="DP33" s="61">
        <v>0</v>
      </c>
      <c r="DQ33" s="61">
        <v>1</v>
      </c>
      <c r="DR33" s="62">
        <v>3</v>
      </c>
      <c r="DS33" s="63">
        <v>5</v>
      </c>
      <c r="DT33" s="60">
        <v>4</v>
      </c>
      <c r="DU33" s="61">
        <v>1</v>
      </c>
      <c r="DV33" s="62">
        <v>5</v>
      </c>
      <c r="DW33" s="443">
        <v>0</v>
      </c>
      <c r="DX33" s="61">
        <v>1</v>
      </c>
      <c r="DY33" s="61">
        <v>3</v>
      </c>
      <c r="DZ33" s="61">
        <v>3</v>
      </c>
      <c r="EA33" s="61">
        <v>3</v>
      </c>
      <c r="EB33" s="61">
        <v>2</v>
      </c>
      <c r="EC33" s="62">
        <v>12</v>
      </c>
      <c r="ED33" s="63">
        <v>17</v>
      </c>
      <c r="EE33" s="60">
        <v>9</v>
      </c>
      <c r="EF33" s="61">
        <v>3</v>
      </c>
      <c r="EG33" s="62">
        <v>12</v>
      </c>
      <c r="EH33" s="443">
        <v>0</v>
      </c>
      <c r="EI33" s="61">
        <v>9</v>
      </c>
      <c r="EJ33" s="61">
        <v>8</v>
      </c>
      <c r="EK33" s="61">
        <v>8</v>
      </c>
      <c r="EL33" s="61">
        <v>4</v>
      </c>
      <c r="EM33" s="61">
        <v>2</v>
      </c>
      <c r="EN33" s="62">
        <v>31</v>
      </c>
      <c r="EO33" s="63">
        <v>43</v>
      </c>
      <c r="EP33" s="60">
        <v>13</v>
      </c>
      <c r="EQ33" s="61">
        <v>9</v>
      </c>
      <c r="ER33" s="62">
        <v>22</v>
      </c>
      <c r="ES33" s="443">
        <v>0</v>
      </c>
      <c r="ET33" s="61">
        <v>30</v>
      </c>
      <c r="EU33" s="61">
        <v>12</v>
      </c>
      <c r="EV33" s="61">
        <v>9</v>
      </c>
      <c r="EW33" s="61">
        <v>7</v>
      </c>
      <c r="EX33" s="61">
        <v>8</v>
      </c>
      <c r="EY33" s="62">
        <v>66</v>
      </c>
      <c r="EZ33" s="63">
        <v>88</v>
      </c>
      <c r="FA33" s="60">
        <v>8</v>
      </c>
      <c r="FB33" s="61">
        <v>8</v>
      </c>
      <c r="FC33" s="62">
        <v>16</v>
      </c>
      <c r="FD33" s="443">
        <v>0</v>
      </c>
      <c r="FE33" s="61">
        <v>24</v>
      </c>
      <c r="FF33" s="61">
        <v>14</v>
      </c>
      <c r="FG33" s="61">
        <v>11</v>
      </c>
      <c r="FH33" s="61">
        <v>17</v>
      </c>
      <c r="FI33" s="61">
        <v>10</v>
      </c>
      <c r="FJ33" s="62">
        <v>76</v>
      </c>
      <c r="FK33" s="63">
        <v>92</v>
      </c>
      <c r="FL33" s="60">
        <v>7</v>
      </c>
      <c r="FM33" s="61">
        <v>12</v>
      </c>
      <c r="FN33" s="62">
        <v>19</v>
      </c>
      <c r="FO33" s="443">
        <v>0</v>
      </c>
      <c r="FP33" s="61">
        <v>30</v>
      </c>
      <c r="FQ33" s="61">
        <v>25</v>
      </c>
      <c r="FR33" s="61">
        <v>34</v>
      </c>
      <c r="FS33" s="61">
        <v>35</v>
      </c>
      <c r="FT33" s="61">
        <v>16</v>
      </c>
      <c r="FU33" s="62">
        <v>140</v>
      </c>
      <c r="FV33" s="63">
        <v>159</v>
      </c>
      <c r="FW33" s="60">
        <v>0</v>
      </c>
      <c r="FX33" s="61">
        <v>1</v>
      </c>
      <c r="FY33" s="62">
        <v>1</v>
      </c>
      <c r="FZ33" s="443">
        <v>0</v>
      </c>
      <c r="GA33" s="61">
        <v>1</v>
      </c>
      <c r="GB33" s="61">
        <v>0</v>
      </c>
      <c r="GC33" s="61">
        <v>1</v>
      </c>
      <c r="GD33" s="61">
        <v>2</v>
      </c>
      <c r="GE33" s="61">
        <v>0</v>
      </c>
      <c r="GF33" s="62">
        <v>4</v>
      </c>
      <c r="GG33" s="63">
        <v>5</v>
      </c>
      <c r="GH33" s="60">
        <v>43</v>
      </c>
      <c r="GI33" s="61">
        <v>34</v>
      </c>
      <c r="GJ33" s="62">
        <v>77</v>
      </c>
      <c r="GK33" s="443">
        <v>0</v>
      </c>
      <c r="GL33" s="61">
        <v>96</v>
      </c>
      <c r="GM33" s="61">
        <v>62</v>
      </c>
      <c r="GN33" s="61">
        <v>67</v>
      </c>
      <c r="GO33" s="61">
        <v>68</v>
      </c>
      <c r="GP33" s="61">
        <v>39</v>
      </c>
      <c r="GQ33" s="62">
        <v>332</v>
      </c>
      <c r="GR33" s="63">
        <v>409</v>
      </c>
      <c r="GS33" s="113">
        <v>68</v>
      </c>
      <c r="GT33" s="72">
        <v>42</v>
      </c>
      <c r="GU33" s="73">
        <v>110</v>
      </c>
      <c r="GV33" s="224">
        <v>0</v>
      </c>
      <c r="GW33" s="72">
        <v>125</v>
      </c>
      <c r="GX33" s="72">
        <v>90</v>
      </c>
      <c r="GY33" s="72">
        <v>92</v>
      </c>
      <c r="GZ33" s="72">
        <v>96</v>
      </c>
      <c r="HA33" s="72">
        <v>54</v>
      </c>
      <c r="HB33" s="74">
        <v>457</v>
      </c>
      <c r="HC33" s="75">
        <v>567</v>
      </c>
      <c r="HD33" s="60">
        <v>4</v>
      </c>
      <c r="HE33" s="61">
        <v>2</v>
      </c>
      <c r="HF33" s="62">
        <v>6</v>
      </c>
      <c r="HG33" s="227">
        <v>0</v>
      </c>
      <c r="HH33" s="61">
        <v>1</v>
      </c>
      <c r="HI33" s="61">
        <v>1</v>
      </c>
      <c r="HJ33" s="61">
        <v>1</v>
      </c>
      <c r="HK33" s="61">
        <v>3</v>
      </c>
      <c r="HL33" s="61">
        <v>3</v>
      </c>
      <c r="HM33" s="62">
        <v>9</v>
      </c>
      <c r="HN33" s="63">
        <v>15</v>
      </c>
      <c r="HO33" s="60">
        <v>11</v>
      </c>
      <c r="HP33" s="61">
        <v>2</v>
      </c>
      <c r="HQ33" s="62">
        <v>13</v>
      </c>
      <c r="HR33" s="443">
        <v>0</v>
      </c>
      <c r="HS33" s="61">
        <v>4</v>
      </c>
      <c r="HT33" s="61">
        <v>9</v>
      </c>
      <c r="HU33" s="61">
        <v>6</v>
      </c>
      <c r="HV33" s="61">
        <v>4</v>
      </c>
      <c r="HW33" s="61">
        <v>4</v>
      </c>
      <c r="HX33" s="62">
        <v>27</v>
      </c>
      <c r="HY33" s="63">
        <v>40</v>
      </c>
      <c r="HZ33" s="60">
        <v>12</v>
      </c>
      <c r="IA33" s="61">
        <v>5</v>
      </c>
      <c r="IB33" s="62">
        <v>17</v>
      </c>
      <c r="IC33" s="443">
        <v>0</v>
      </c>
      <c r="ID33" s="61">
        <v>12</v>
      </c>
      <c r="IE33" s="61">
        <v>11</v>
      </c>
      <c r="IF33" s="61">
        <v>11</v>
      </c>
      <c r="IG33" s="61">
        <v>12</v>
      </c>
      <c r="IH33" s="61">
        <v>4</v>
      </c>
      <c r="II33" s="62">
        <v>50</v>
      </c>
      <c r="IJ33" s="63">
        <v>67</v>
      </c>
      <c r="IK33" s="60">
        <v>20</v>
      </c>
      <c r="IL33" s="61">
        <v>9</v>
      </c>
      <c r="IM33" s="62">
        <v>29</v>
      </c>
      <c r="IN33" s="443">
        <v>0</v>
      </c>
      <c r="IO33" s="61">
        <v>42</v>
      </c>
      <c r="IP33" s="61">
        <v>18</v>
      </c>
      <c r="IQ33" s="61">
        <v>15</v>
      </c>
      <c r="IR33" s="61">
        <v>12</v>
      </c>
      <c r="IS33" s="61">
        <v>11</v>
      </c>
      <c r="IT33" s="62">
        <v>98</v>
      </c>
      <c r="IU33" s="63">
        <v>127</v>
      </c>
      <c r="IV33" s="60">
        <v>10</v>
      </c>
      <c r="IW33" s="61">
        <v>10</v>
      </c>
      <c r="IX33" s="62">
        <v>20</v>
      </c>
      <c r="IY33" s="443">
        <v>0</v>
      </c>
      <c r="IZ33" s="61">
        <v>32</v>
      </c>
      <c r="JA33" s="61">
        <v>22</v>
      </c>
      <c r="JB33" s="61">
        <v>19</v>
      </c>
      <c r="JC33" s="61">
        <v>22</v>
      </c>
      <c r="JD33" s="61">
        <v>11</v>
      </c>
      <c r="JE33" s="62">
        <v>106</v>
      </c>
      <c r="JF33" s="63">
        <v>126</v>
      </c>
      <c r="JG33" s="60">
        <v>11</v>
      </c>
      <c r="JH33" s="61">
        <v>14</v>
      </c>
      <c r="JI33" s="62">
        <v>25</v>
      </c>
      <c r="JJ33" s="443">
        <v>0</v>
      </c>
      <c r="JK33" s="61">
        <v>34</v>
      </c>
      <c r="JL33" s="61">
        <v>29</v>
      </c>
      <c r="JM33" s="61">
        <v>40</v>
      </c>
      <c r="JN33" s="61">
        <v>43</v>
      </c>
      <c r="JO33" s="61">
        <v>21</v>
      </c>
      <c r="JP33" s="62">
        <v>167</v>
      </c>
      <c r="JQ33" s="63">
        <v>192</v>
      </c>
      <c r="JR33" s="60">
        <v>1</v>
      </c>
      <c r="JS33" s="61">
        <v>1</v>
      </c>
      <c r="JT33" s="62">
        <v>2</v>
      </c>
      <c r="JU33" s="443">
        <v>0</v>
      </c>
      <c r="JV33" s="61">
        <v>3</v>
      </c>
      <c r="JW33" s="61">
        <v>3</v>
      </c>
      <c r="JX33" s="61">
        <v>2</v>
      </c>
      <c r="JY33" s="61">
        <v>3</v>
      </c>
      <c r="JZ33" s="61">
        <v>0</v>
      </c>
      <c r="KA33" s="62">
        <v>11</v>
      </c>
      <c r="KB33" s="63">
        <v>13</v>
      </c>
      <c r="KC33" s="60">
        <v>69</v>
      </c>
      <c r="KD33" s="61">
        <v>43</v>
      </c>
      <c r="KE33" s="62">
        <v>112</v>
      </c>
      <c r="KF33" s="443">
        <v>0</v>
      </c>
      <c r="KG33" s="61">
        <v>128</v>
      </c>
      <c r="KH33" s="61">
        <v>93</v>
      </c>
      <c r="KI33" s="61">
        <v>94</v>
      </c>
      <c r="KJ33" s="61">
        <v>99</v>
      </c>
      <c r="KK33" s="61">
        <v>54</v>
      </c>
      <c r="KL33" s="62">
        <v>468</v>
      </c>
      <c r="KM33" s="63">
        <v>580</v>
      </c>
    </row>
    <row r="34" spans="2:299" ht="21" customHeight="1" x14ac:dyDescent="0.2">
      <c r="B34" s="437" t="s">
        <v>31</v>
      </c>
      <c r="C34" s="287">
        <v>18</v>
      </c>
      <c r="D34" s="72">
        <v>39</v>
      </c>
      <c r="E34" s="73">
        <v>57</v>
      </c>
      <c r="F34" s="443">
        <v>0</v>
      </c>
      <c r="G34" s="72">
        <v>58</v>
      </c>
      <c r="H34" s="72">
        <v>39</v>
      </c>
      <c r="I34" s="72">
        <v>45</v>
      </c>
      <c r="J34" s="72">
        <v>29</v>
      </c>
      <c r="K34" s="72">
        <v>15</v>
      </c>
      <c r="L34" s="74">
        <v>186</v>
      </c>
      <c r="M34" s="75">
        <v>243</v>
      </c>
      <c r="N34" s="60">
        <v>0</v>
      </c>
      <c r="O34" s="61">
        <v>2</v>
      </c>
      <c r="P34" s="62">
        <v>2</v>
      </c>
      <c r="Q34" s="443">
        <v>0</v>
      </c>
      <c r="R34" s="61">
        <v>0</v>
      </c>
      <c r="S34" s="61">
        <v>5</v>
      </c>
      <c r="T34" s="61">
        <v>4</v>
      </c>
      <c r="U34" s="61">
        <v>2</v>
      </c>
      <c r="V34" s="61">
        <v>1</v>
      </c>
      <c r="W34" s="62">
        <v>12</v>
      </c>
      <c r="X34" s="63">
        <v>14</v>
      </c>
      <c r="Y34" s="60">
        <v>1</v>
      </c>
      <c r="Z34" s="61">
        <v>4</v>
      </c>
      <c r="AA34" s="62">
        <v>5</v>
      </c>
      <c r="AB34" s="443">
        <v>0</v>
      </c>
      <c r="AC34" s="61">
        <v>7</v>
      </c>
      <c r="AD34" s="61">
        <v>4</v>
      </c>
      <c r="AE34" s="61">
        <v>7</v>
      </c>
      <c r="AF34" s="61">
        <v>5</v>
      </c>
      <c r="AG34" s="61">
        <v>3</v>
      </c>
      <c r="AH34" s="62">
        <v>26</v>
      </c>
      <c r="AI34" s="63">
        <v>31</v>
      </c>
      <c r="AJ34" s="60">
        <v>3</v>
      </c>
      <c r="AK34" s="61">
        <v>7</v>
      </c>
      <c r="AL34" s="62">
        <v>10</v>
      </c>
      <c r="AM34" s="443">
        <v>0</v>
      </c>
      <c r="AN34" s="61">
        <v>8</v>
      </c>
      <c r="AO34" s="61">
        <v>8</v>
      </c>
      <c r="AP34" s="61">
        <v>8</v>
      </c>
      <c r="AQ34" s="61">
        <v>5</v>
      </c>
      <c r="AR34" s="61">
        <v>4</v>
      </c>
      <c r="AS34" s="62">
        <v>33</v>
      </c>
      <c r="AT34" s="63">
        <v>43</v>
      </c>
      <c r="AU34" s="60">
        <v>4</v>
      </c>
      <c r="AV34" s="61">
        <v>11</v>
      </c>
      <c r="AW34" s="62">
        <v>15</v>
      </c>
      <c r="AX34" s="443">
        <v>0</v>
      </c>
      <c r="AY34" s="61">
        <v>13</v>
      </c>
      <c r="AZ34" s="61">
        <v>8</v>
      </c>
      <c r="BA34" s="61">
        <v>6</v>
      </c>
      <c r="BB34" s="61">
        <v>4</v>
      </c>
      <c r="BC34" s="61">
        <v>0</v>
      </c>
      <c r="BD34" s="62">
        <v>31</v>
      </c>
      <c r="BE34" s="63">
        <v>46</v>
      </c>
      <c r="BF34" s="60">
        <v>5</v>
      </c>
      <c r="BG34" s="61">
        <v>8</v>
      </c>
      <c r="BH34" s="62">
        <v>13</v>
      </c>
      <c r="BI34" s="443">
        <v>0</v>
      </c>
      <c r="BJ34" s="61">
        <v>18</v>
      </c>
      <c r="BK34" s="61">
        <v>9</v>
      </c>
      <c r="BL34" s="61">
        <v>9</v>
      </c>
      <c r="BM34" s="61">
        <v>7</v>
      </c>
      <c r="BN34" s="61">
        <v>2</v>
      </c>
      <c r="BO34" s="62">
        <v>45</v>
      </c>
      <c r="BP34" s="63">
        <v>58</v>
      </c>
      <c r="BQ34" s="60">
        <v>5</v>
      </c>
      <c r="BR34" s="61">
        <v>7</v>
      </c>
      <c r="BS34" s="62">
        <v>12</v>
      </c>
      <c r="BT34" s="443">
        <v>0</v>
      </c>
      <c r="BU34" s="61">
        <v>12</v>
      </c>
      <c r="BV34" s="61">
        <v>5</v>
      </c>
      <c r="BW34" s="61">
        <v>11</v>
      </c>
      <c r="BX34" s="61">
        <v>6</v>
      </c>
      <c r="BY34" s="61">
        <v>5</v>
      </c>
      <c r="BZ34" s="62">
        <v>39</v>
      </c>
      <c r="CA34" s="63">
        <v>51</v>
      </c>
      <c r="CB34" s="60">
        <v>0</v>
      </c>
      <c r="CC34" s="61">
        <v>4</v>
      </c>
      <c r="CD34" s="62">
        <v>4</v>
      </c>
      <c r="CE34" s="443">
        <v>0</v>
      </c>
      <c r="CF34" s="61">
        <v>1</v>
      </c>
      <c r="CG34" s="61">
        <v>1</v>
      </c>
      <c r="CH34" s="61">
        <v>0</v>
      </c>
      <c r="CI34" s="61">
        <v>1</v>
      </c>
      <c r="CJ34" s="61">
        <v>0</v>
      </c>
      <c r="CK34" s="62">
        <v>3</v>
      </c>
      <c r="CL34" s="63">
        <v>7</v>
      </c>
      <c r="CM34" s="60">
        <v>18</v>
      </c>
      <c r="CN34" s="61">
        <v>43</v>
      </c>
      <c r="CO34" s="62">
        <v>61</v>
      </c>
      <c r="CP34" s="443">
        <v>0</v>
      </c>
      <c r="CQ34" s="61">
        <v>59</v>
      </c>
      <c r="CR34" s="61">
        <v>40</v>
      </c>
      <c r="CS34" s="61">
        <v>45</v>
      </c>
      <c r="CT34" s="61">
        <v>30</v>
      </c>
      <c r="CU34" s="61">
        <v>15</v>
      </c>
      <c r="CV34" s="62">
        <v>189</v>
      </c>
      <c r="CW34" s="63">
        <v>250</v>
      </c>
      <c r="CX34" s="113">
        <v>50</v>
      </c>
      <c r="CY34" s="72">
        <v>81</v>
      </c>
      <c r="CZ34" s="73">
        <v>131</v>
      </c>
      <c r="DA34" s="443">
        <v>0</v>
      </c>
      <c r="DB34" s="72">
        <v>107</v>
      </c>
      <c r="DC34" s="72">
        <v>95</v>
      </c>
      <c r="DD34" s="72">
        <v>72</v>
      </c>
      <c r="DE34" s="72">
        <v>66</v>
      </c>
      <c r="DF34" s="72">
        <v>39</v>
      </c>
      <c r="DG34" s="74">
        <v>379</v>
      </c>
      <c r="DH34" s="75">
        <v>510</v>
      </c>
      <c r="DI34" s="60">
        <v>0</v>
      </c>
      <c r="DJ34" s="61">
        <v>1</v>
      </c>
      <c r="DK34" s="62">
        <v>1</v>
      </c>
      <c r="DL34" s="443">
        <v>0</v>
      </c>
      <c r="DM34" s="61">
        <v>1</v>
      </c>
      <c r="DN34" s="61">
        <v>1</v>
      </c>
      <c r="DO34" s="61">
        <v>1</v>
      </c>
      <c r="DP34" s="61">
        <v>2</v>
      </c>
      <c r="DQ34" s="61">
        <v>1</v>
      </c>
      <c r="DR34" s="62">
        <v>6</v>
      </c>
      <c r="DS34" s="63">
        <v>7</v>
      </c>
      <c r="DT34" s="60">
        <v>1</v>
      </c>
      <c r="DU34" s="61">
        <v>4</v>
      </c>
      <c r="DV34" s="62">
        <v>5</v>
      </c>
      <c r="DW34" s="443">
        <v>0</v>
      </c>
      <c r="DX34" s="61">
        <v>10</v>
      </c>
      <c r="DY34" s="61">
        <v>6</v>
      </c>
      <c r="DZ34" s="61">
        <v>6</v>
      </c>
      <c r="EA34" s="61">
        <v>2</v>
      </c>
      <c r="EB34" s="61">
        <v>4</v>
      </c>
      <c r="EC34" s="62">
        <v>28</v>
      </c>
      <c r="ED34" s="63">
        <v>33</v>
      </c>
      <c r="EE34" s="60">
        <v>6</v>
      </c>
      <c r="EF34" s="61">
        <v>6</v>
      </c>
      <c r="EG34" s="62">
        <v>12</v>
      </c>
      <c r="EH34" s="443">
        <v>0</v>
      </c>
      <c r="EI34" s="61">
        <v>14</v>
      </c>
      <c r="EJ34" s="61">
        <v>8</v>
      </c>
      <c r="EK34" s="61">
        <v>4</v>
      </c>
      <c r="EL34" s="61">
        <v>7</v>
      </c>
      <c r="EM34" s="61">
        <v>1</v>
      </c>
      <c r="EN34" s="62">
        <v>34</v>
      </c>
      <c r="EO34" s="63">
        <v>46</v>
      </c>
      <c r="EP34" s="60">
        <v>12</v>
      </c>
      <c r="EQ34" s="61">
        <v>28</v>
      </c>
      <c r="ER34" s="62">
        <v>40</v>
      </c>
      <c r="ES34" s="443">
        <v>0</v>
      </c>
      <c r="ET34" s="61">
        <v>15</v>
      </c>
      <c r="EU34" s="61">
        <v>18</v>
      </c>
      <c r="EV34" s="61">
        <v>13</v>
      </c>
      <c r="EW34" s="61">
        <v>6</v>
      </c>
      <c r="EX34" s="61">
        <v>3</v>
      </c>
      <c r="EY34" s="62">
        <v>55</v>
      </c>
      <c r="EZ34" s="63">
        <v>95</v>
      </c>
      <c r="FA34" s="60">
        <v>22</v>
      </c>
      <c r="FB34" s="61">
        <v>22</v>
      </c>
      <c r="FC34" s="62">
        <v>44</v>
      </c>
      <c r="FD34" s="443">
        <v>0</v>
      </c>
      <c r="FE34" s="61">
        <v>29</v>
      </c>
      <c r="FF34" s="61">
        <v>29</v>
      </c>
      <c r="FG34" s="61">
        <v>22</v>
      </c>
      <c r="FH34" s="61">
        <v>12</v>
      </c>
      <c r="FI34" s="61">
        <v>11</v>
      </c>
      <c r="FJ34" s="62">
        <v>103</v>
      </c>
      <c r="FK34" s="63">
        <v>147</v>
      </c>
      <c r="FL34" s="60">
        <v>9</v>
      </c>
      <c r="FM34" s="61">
        <v>20</v>
      </c>
      <c r="FN34" s="62">
        <v>29</v>
      </c>
      <c r="FO34" s="443">
        <v>0</v>
      </c>
      <c r="FP34" s="61">
        <v>38</v>
      </c>
      <c r="FQ34" s="61">
        <v>33</v>
      </c>
      <c r="FR34" s="61">
        <v>26</v>
      </c>
      <c r="FS34" s="61">
        <v>37</v>
      </c>
      <c r="FT34" s="61">
        <v>19</v>
      </c>
      <c r="FU34" s="62">
        <v>153</v>
      </c>
      <c r="FV34" s="63">
        <v>182</v>
      </c>
      <c r="FW34" s="60">
        <v>0</v>
      </c>
      <c r="FX34" s="61">
        <v>0</v>
      </c>
      <c r="FY34" s="62">
        <v>0</v>
      </c>
      <c r="FZ34" s="443">
        <v>0</v>
      </c>
      <c r="GA34" s="61">
        <v>1</v>
      </c>
      <c r="GB34" s="61">
        <v>0</v>
      </c>
      <c r="GC34" s="61">
        <v>0</v>
      </c>
      <c r="GD34" s="61">
        <v>1</v>
      </c>
      <c r="GE34" s="61">
        <v>1</v>
      </c>
      <c r="GF34" s="62">
        <v>3</v>
      </c>
      <c r="GG34" s="63">
        <v>3</v>
      </c>
      <c r="GH34" s="60">
        <v>50</v>
      </c>
      <c r="GI34" s="61">
        <v>81</v>
      </c>
      <c r="GJ34" s="62">
        <v>131</v>
      </c>
      <c r="GK34" s="443">
        <v>0</v>
      </c>
      <c r="GL34" s="61">
        <v>108</v>
      </c>
      <c r="GM34" s="61">
        <v>95</v>
      </c>
      <c r="GN34" s="61">
        <v>72</v>
      </c>
      <c r="GO34" s="61">
        <v>67</v>
      </c>
      <c r="GP34" s="61">
        <v>40</v>
      </c>
      <c r="GQ34" s="62">
        <v>382</v>
      </c>
      <c r="GR34" s="63">
        <v>513</v>
      </c>
      <c r="GS34" s="113">
        <v>68</v>
      </c>
      <c r="GT34" s="72">
        <v>120</v>
      </c>
      <c r="GU34" s="73">
        <v>188</v>
      </c>
      <c r="GV34" s="224">
        <v>0</v>
      </c>
      <c r="GW34" s="72">
        <v>165</v>
      </c>
      <c r="GX34" s="72">
        <v>134</v>
      </c>
      <c r="GY34" s="72">
        <v>117</v>
      </c>
      <c r="GZ34" s="72">
        <v>95</v>
      </c>
      <c r="HA34" s="72">
        <v>54</v>
      </c>
      <c r="HB34" s="74">
        <v>565</v>
      </c>
      <c r="HC34" s="75">
        <v>753</v>
      </c>
      <c r="HD34" s="60">
        <v>0</v>
      </c>
      <c r="HE34" s="61">
        <v>3</v>
      </c>
      <c r="HF34" s="62">
        <v>3</v>
      </c>
      <c r="HG34" s="227">
        <v>0</v>
      </c>
      <c r="HH34" s="61">
        <v>1</v>
      </c>
      <c r="HI34" s="61">
        <v>6</v>
      </c>
      <c r="HJ34" s="61">
        <v>5</v>
      </c>
      <c r="HK34" s="61">
        <v>4</v>
      </c>
      <c r="HL34" s="61">
        <v>2</v>
      </c>
      <c r="HM34" s="62">
        <v>18</v>
      </c>
      <c r="HN34" s="63">
        <v>21</v>
      </c>
      <c r="HO34" s="60">
        <v>2</v>
      </c>
      <c r="HP34" s="61">
        <v>8</v>
      </c>
      <c r="HQ34" s="62">
        <v>10</v>
      </c>
      <c r="HR34" s="443">
        <v>0</v>
      </c>
      <c r="HS34" s="61">
        <v>17</v>
      </c>
      <c r="HT34" s="61">
        <v>10</v>
      </c>
      <c r="HU34" s="61">
        <v>13</v>
      </c>
      <c r="HV34" s="61">
        <v>7</v>
      </c>
      <c r="HW34" s="61">
        <v>7</v>
      </c>
      <c r="HX34" s="62">
        <v>54</v>
      </c>
      <c r="HY34" s="63">
        <v>64</v>
      </c>
      <c r="HZ34" s="60">
        <v>9</v>
      </c>
      <c r="IA34" s="61">
        <v>13</v>
      </c>
      <c r="IB34" s="62">
        <v>22</v>
      </c>
      <c r="IC34" s="443">
        <v>0</v>
      </c>
      <c r="ID34" s="61">
        <v>22</v>
      </c>
      <c r="IE34" s="61">
        <v>16</v>
      </c>
      <c r="IF34" s="61">
        <v>12</v>
      </c>
      <c r="IG34" s="61">
        <v>12</v>
      </c>
      <c r="IH34" s="61">
        <v>5</v>
      </c>
      <c r="II34" s="62">
        <v>67</v>
      </c>
      <c r="IJ34" s="63">
        <v>89</v>
      </c>
      <c r="IK34" s="60">
        <v>16</v>
      </c>
      <c r="IL34" s="61">
        <v>39</v>
      </c>
      <c r="IM34" s="62">
        <v>55</v>
      </c>
      <c r="IN34" s="443">
        <v>0</v>
      </c>
      <c r="IO34" s="61">
        <v>28</v>
      </c>
      <c r="IP34" s="61">
        <v>26</v>
      </c>
      <c r="IQ34" s="61">
        <v>19</v>
      </c>
      <c r="IR34" s="61">
        <v>10</v>
      </c>
      <c r="IS34" s="61">
        <v>3</v>
      </c>
      <c r="IT34" s="62">
        <v>86</v>
      </c>
      <c r="IU34" s="63">
        <v>141</v>
      </c>
      <c r="IV34" s="60">
        <v>27</v>
      </c>
      <c r="IW34" s="61">
        <v>30</v>
      </c>
      <c r="IX34" s="62">
        <v>57</v>
      </c>
      <c r="IY34" s="443">
        <v>0</v>
      </c>
      <c r="IZ34" s="61">
        <v>47</v>
      </c>
      <c r="JA34" s="61">
        <v>38</v>
      </c>
      <c r="JB34" s="61">
        <v>31</v>
      </c>
      <c r="JC34" s="61">
        <v>19</v>
      </c>
      <c r="JD34" s="61">
        <v>13</v>
      </c>
      <c r="JE34" s="62">
        <v>148</v>
      </c>
      <c r="JF34" s="63">
        <v>205</v>
      </c>
      <c r="JG34" s="60">
        <v>14</v>
      </c>
      <c r="JH34" s="61">
        <v>27</v>
      </c>
      <c r="JI34" s="62">
        <v>41</v>
      </c>
      <c r="JJ34" s="443">
        <v>0</v>
      </c>
      <c r="JK34" s="61">
        <v>50</v>
      </c>
      <c r="JL34" s="61">
        <v>38</v>
      </c>
      <c r="JM34" s="61">
        <v>37</v>
      </c>
      <c r="JN34" s="61">
        <v>43</v>
      </c>
      <c r="JO34" s="61">
        <v>24</v>
      </c>
      <c r="JP34" s="62">
        <v>192</v>
      </c>
      <c r="JQ34" s="63">
        <v>233</v>
      </c>
      <c r="JR34" s="60">
        <v>0</v>
      </c>
      <c r="JS34" s="61">
        <v>4</v>
      </c>
      <c r="JT34" s="62">
        <v>4</v>
      </c>
      <c r="JU34" s="443">
        <v>0</v>
      </c>
      <c r="JV34" s="61">
        <v>2</v>
      </c>
      <c r="JW34" s="61">
        <v>1</v>
      </c>
      <c r="JX34" s="61">
        <v>0</v>
      </c>
      <c r="JY34" s="61">
        <v>2</v>
      </c>
      <c r="JZ34" s="61">
        <v>1</v>
      </c>
      <c r="KA34" s="62">
        <v>6</v>
      </c>
      <c r="KB34" s="63">
        <v>10</v>
      </c>
      <c r="KC34" s="60">
        <v>68</v>
      </c>
      <c r="KD34" s="61">
        <v>124</v>
      </c>
      <c r="KE34" s="62">
        <v>192</v>
      </c>
      <c r="KF34" s="443">
        <v>0</v>
      </c>
      <c r="KG34" s="61">
        <v>167</v>
      </c>
      <c r="KH34" s="61">
        <v>135</v>
      </c>
      <c r="KI34" s="61">
        <v>117</v>
      </c>
      <c r="KJ34" s="61">
        <v>97</v>
      </c>
      <c r="KK34" s="61">
        <v>55</v>
      </c>
      <c r="KL34" s="62">
        <v>571</v>
      </c>
      <c r="KM34" s="63">
        <v>763</v>
      </c>
    </row>
    <row r="35" spans="2:299" ht="21" customHeight="1" x14ac:dyDescent="0.2">
      <c r="B35" s="437" t="s">
        <v>32</v>
      </c>
      <c r="C35" s="287">
        <v>25</v>
      </c>
      <c r="D35" s="72">
        <v>29</v>
      </c>
      <c r="E35" s="73">
        <v>54</v>
      </c>
      <c r="F35" s="443">
        <v>0</v>
      </c>
      <c r="G35" s="72">
        <v>74</v>
      </c>
      <c r="H35" s="72">
        <v>58</v>
      </c>
      <c r="I35" s="72">
        <v>30</v>
      </c>
      <c r="J35" s="72">
        <v>33</v>
      </c>
      <c r="K35" s="72">
        <v>32</v>
      </c>
      <c r="L35" s="74">
        <v>227</v>
      </c>
      <c r="M35" s="75">
        <v>281</v>
      </c>
      <c r="N35" s="60">
        <v>4</v>
      </c>
      <c r="O35" s="61">
        <v>0</v>
      </c>
      <c r="P35" s="62">
        <v>4</v>
      </c>
      <c r="Q35" s="443">
        <v>0</v>
      </c>
      <c r="R35" s="61">
        <v>3</v>
      </c>
      <c r="S35" s="61">
        <v>2</v>
      </c>
      <c r="T35" s="61">
        <v>3</v>
      </c>
      <c r="U35" s="61">
        <v>3</v>
      </c>
      <c r="V35" s="61">
        <v>0</v>
      </c>
      <c r="W35" s="62">
        <v>11</v>
      </c>
      <c r="X35" s="63">
        <v>15</v>
      </c>
      <c r="Y35" s="60">
        <v>0</v>
      </c>
      <c r="Z35" s="61">
        <v>2</v>
      </c>
      <c r="AA35" s="62">
        <v>2</v>
      </c>
      <c r="AB35" s="443">
        <v>0</v>
      </c>
      <c r="AC35" s="61">
        <v>8</v>
      </c>
      <c r="AD35" s="61">
        <v>7</v>
      </c>
      <c r="AE35" s="61">
        <v>3</v>
      </c>
      <c r="AF35" s="61">
        <v>5</v>
      </c>
      <c r="AG35" s="61">
        <v>4</v>
      </c>
      <c r="AH35" s="62">
        <v>27</v>
      </c>
      <c r="AI35" s="63">
        <v>29</v>
      </c>
      <c r="AJ35" s="60">
        <v>5</v>
      </c>
      <c r="AK35" s="61">
        <v>1</v>
      </c>
      <c r="AL35" s="62">
        <v>6</v>
      </c>
      <c r="AM35" s="443">
        <v>0</v>
      </c>
      <c r="AN35" s="61">
        <v>9</v>
      </c>
      <c r="AO35" s="61">
        <v>7</v>
      </c>
      <c r="AP35" s="61">
        <v>3</v>
      </c>
      <c r="AQ35" s="61">
        <v>2</v>
      </c>
      <c r="AR35" s="61">
        <v>6</v>
      </c>
      <c r="AS35" s="62">
        <v>27</v>
      </c>
      <c r="AT35" s="63">
        <v>33</v>
      </c>
      <c r="AU35" s="60">
        <v>10</v>
      </c>
      <c r="AV35" s="61">
        <v>10</v>
      </c>
      <c r="AW35" s="62">
        <v>20</v>
      </c>
      <c r="AX35" s="443">
        <v>0</v>
      </c>
      <c r="AY35" s="61">
        <v>21</v>
      </c>
      <c r="AZ35" s="61">
        <v>17</v>
      </c>
      <c r="BA35" s="61">
        <v>6</v>
      </c>
      <c r="BB35" s="61">
        <v>9</v>
      </c>
      <c r="BC35" s="61">
        <v>9</v>
      </c>
      <c r="BD35" s="62">
        <v>62</v>
      </c>
      <c r="BE35" s="63">
        <v>82</v>
      </c>
      <c r="BF35" s="60">
        <v>2</v>
      </c>
      <c r="BG35" s="61">
        <v>9</v>
      </c>
      <c r="BH35" s="62">
        <v>11</v>
      </c>
      <c r="BI35" s="443">
        <v>0</v>
      </c>
      <c r="BJ35" s="61">
        <v>24</v>
      </c>
      <c r="BK35" s="61">
        <v>11</v>
      </c>
      <c r="BL35" s="61">
        <v>13</v>
      </c>
      <c r="BM35" s="61">
        <v>12</v>
      </c>
      <c r="BN35" s="61">
        <v>7</v>
      </c>
      <c r="BO35" s="62">
        <v>67</v>
      </c>
      <c r="BP35" s="63">
        <v>78</v>
      </c>
      <c r="BQ35" s="60">
        <v>4</v>
      </c>
      <c r="BR35" s="61">
        <v>7</v>
      </c>
      <c r="BS35" s="62">
        <v>11</v>
      </c>
      <c r="BT35" s="443">
        <v>0</v>
      </c>
      <c r="BU35" s="61">
        <v>9</v>
      </c>
      <c r="BV35" s="61">
        <v>14</v>
      </c>
      <c r="BW35" s="61">
        <v>2</v>
      </c>
      <c r="BX35" s="61">
        <v>2</v>
      </c>
      <c r="BY35" s="61">
        <v>6</v>
      </c>
      <c r="BZ35" s="62">
        <v>33</v>
      </c>
      <c r="CA35" s="63">
        <v>44</v>
      </c>
      <c r="CB35" s="60">
        <v>0</v>
      </c>
      <c r="CC35" s="61">
        <v>2</v>
      </c>
      <c r="CD35" s="62">
        <v>2</v>
      </c>
      <c r="CE35" s="443">
        <v>0</v>
      </c>
      <c r="CF35" s="61">
        <v>3</v>
      </c>
      <c r="CG35" s="61">
        <v>4</v>
      </c>
      <c r="CH35" s="61">
        <v>0</v>
      </c>
      <c r="CI35" s="61">
        <v>3</v>
      </c>
      <c r="CJ35" s="61">
        <v>5</v>
      </c>
      <c r="CK35" s="62">
        <v>15</v>
      </c>
      <c r="CL35" s="63">
        <v>17</v>
      </c>
      <c r="CM35" s="60">
        <v>25</v>
      </c>
      <c r="CN35" s="61">
        <v>31</v>
      </c>
      <c r="CO35" s="62">
        <v>56</v>
      </c>
      <c r="CP35" s="443">
        <v>0</v>
      </c>
      <c r="CQ35" s="61">
        <v>77</v>
      </c>
      <c r="CR35" s="61">
        <v>62</v>
      </c>
      <c r="CS35" s="61">
        <v>30</v>
      </c>
      <c r="CT35" s="61">
        <v>36</v>
      </c>
      <c r="CU35" s="61">
        <v>37</v>
      </c>
      <c r="CV35" s="62">
        <v>242</v>
      </c>
      <c r="CW35" s="63">
        <v>298</v>
      </c>
      <c r="CX35" s="113">
        <v>49</v>
      </c>
      <c r="CY35" s="72">
        <v>73</v>
      </c>
      <c r="CZ35" s="73">
        <v>122</v>
      </c>
      <c r="DA35" s="443">
        <v>0</v>
      </c>
      <c r="DB35" s="72">
        <v>136</v>
      </c>
      <c r="DC35" s="72">
        <v>82</v>
      </c>
      <c r="DD35" s="72">
        <v>72</v>
      </c>
      <c r="DE35" s="72">
        <v>81</v>
      </c>
      <c r="DF35" s="72">
        <v>45</v>
      </c>
      <c r="DG35" s="74">
        <v>416</v>
      </c>
      <c r="DH35" s="75">
        <v>538</v>
      </c>
      <c r="DI35" s="60">
        <v>2</v>
      </c>
      <c r="DJ35" s="61">
        <v>1</v>
      </c>
      <c r="DK35" s="62">
        <v>3</v>
      </c>
      <c r="DL35" s="443">
        <v>0</v>
      </c>
      <c r="DM35" s="61">
        <v>3</v>
      </c>
      <c r="DN35" s="61">
        <v>4</v>
      </c>
      <c r="DO35" s="61">
        <v>2</v>
      </c>
      <c r="DP35" s="61">
        <v>0</v>
      </c>
      <c r="DQ35" s="61">
        <v>1</v>
      </c>
      <c r="DR35" s="62">
        <v>10</v>
      </c>
      <c r="DS35" s="63">
        <v>13</v>
      </c>
      <c r="DT35" s="60">
        <v>4</v>
      </c>
      <c r="DU35" s="61">
        <v>2</v>
      </c>
      <c r="DV35" s="62">
        <v>6</v>
      </c>
      <c r="DW35" s="443">
        <v>0</v>
      </c>
      <c r="DX35" s="61">
        <v>7</v>
      </c>
      <c r="DY35" s="61">
        <v>4</v>
      </c>
      <c r="DZ35" s="61">
        <v>2</v>
      </c>
      <c r="EA35" s="61">
        <v>4</v>
      </c>
      <c r="EB35" s="61">
        <v>4</v>
      </c>
      <c r="EC35" s="62">
        <v>21</v>
      </c>
      <c r="ED35" s="63">
        <v>27</v>
      </c>
      <c r="EE35" s="60">
        <v>4</v>
      </c>
      <c r="EF35" s="61">
        <v>6</v>
      </c>
      <c r="EG35" s="62">
        <v>10</v>
      </c>
      <c r="EH35" s="443">
        <v>0</v>
      </c>
      <c r="EI35" s="61">
        <v>19</v>
      </c>
      <c r="EJ35" s="61">
        <v>4</v>
      </c>
      <c r="EK35" s="61">
        <v>9</v>
      </c>
      <c r="EL35" s="61">
        <v>4</v>
      </c>
      <c r="EM35" s="61">
        <v>5</v>
      </c>
      <c r="EN35" s="62">
        <v>41</v>
      </c>
      <c r="EO35" s="63">
        <v>51</v>
      </c>
      <c r="EP35" s="60">
        <v>18</v>
      </c>
      <c r="EQ35" s="61">
        <v>21</v>
      </c>
      <c r="ER35" s="62">
        <v>39</v>
      </c>
      <c r="ES35" s="443">
        <v>0</v>
      </c>
      <c r="ET35" s="61">
        <v>33</v>
      </c>
      <c r="EU35" s="61">
        <v>23</v>
      </c>
      <c r="EV35" s="61">
        <v>14</v>
      </c>
      <c r="EW35" s="61">
        <v>14</v>
      </c>
      <c r="EX35" s="61">
        <v>8</v>
      </c>
      <c r="EY35" s="62">
        <v>92</v>
      </c>
      <c r="EZ35" s="63">
        <v>131</v>
      </c>
      <c r="FA35" s="60">
        <v>12</v>
      </c>
      <c r="FB35" s="61">
        <v>20</v>
      </c>
      <c r="FC35" s="62">
        <v>32</v>
      </c>
      <c r="FD35" s="443">
        <v>0</v>
      </c>
      <c r="FE35" s="61">
        <v>36</v>
      </c>
      <c r="FF35" s="61">
        <v>23</v>
      </c>
      <c r="FG35" s="61">
        <v>15</v>
      </c>
      <c r="FH35" s="61">
        <v>19</v>
      </c>
      <c r="FI35" s="61">
        <v>12</v>
      </c>
      <c r="FJ35" s="62">
        <v>105</v>
      </c>
      <c r="FK35" s="63">
        <v>137</v>
      </c>
      <c r="FL35" s="60">
        <v>9</v>
      </c>
      <c r="FM35" s="61">
        <v>23</v>
      </c>
      <c r="FN35" s="62">
        <v>32</v>
      </c>
      <c r="FO35" s="443">
        <v>0</v>
      </c>
      <c r="FP35" s="61">
        <v>38</v>
      </c>
      <c r="FQ35" s="61">
        <v>24</v>
      </c>
      <c r="FR35" s="61">
        <v>30</v>
      </c>
      <c r="FS35" s="61">
        <v>40</v>
      </c>
      <c r="FT35" s="61">
        <v>15</v>
      </c>
      <c r="FU35" s="62">
        <v>147</v>
      </c>
      <c r="FV35" s="63">
        <v>179</v>
      </c>
      <c r="FW35" s="60">
        <v>0</v>
      </c>
      <c r="FX35" s="61">
        <v>1</v>
      </c>
      <c r="FY35" s="62">
        <v>1</v>
      </c>
      <c r="FZ35" s="443">
        <v>0</v>
      </c>
      <c r="GA35" s="61">
        <v>2</v>
      </c>
      <c r="GB35" s="61">
        <v>4</v>
      </c>
      <c r="GC35" s="61">
        <v>0</v>
      </c>
      <c r="GD35" s="61">
        <v>0</v>
      </c>
      <c r="GE35" s="61">
        <v>1</v>
      </c>
      <c r="GF35" s="62">
        <v>7</v>
      </c>
      <c r="GG35" s="63">
        <v>8</v>
      </c>
      <c r="GH35" s="60">
        <v>49</v>
      </c>
      <c r="GI35" s="61">
        <v>74</v>
      </c>
      <c r="GJ35" s="62">
        <v>123</v>
      </c>
      <c r="GK35" s="443">
        <v>0</v>
      </c>
      <c r="GL35" s="61">
        <v>138</v>
      </c>
      <c r="GM35" s="61">
        <v>86</v>
      </c>
      <c r="GN35" s="61">
        <v>72</v>
      </c>
      <c r="GO35" s="61">
        <v>81</v>
      </c>
      <c r="GP35" s="61">
        <v>46</v>
      </c>
      <c r="GQ35" s="62">
        <v>423</v>
      </c>
      <c r="GR35" s="63">
        <v>546</v>
      </c>
      <c r="GS35" s="113">
        <v>74</v>
      </c>
      <c r="GT35" s="72">
        <v>102</v>
      </c>
      <c r="GU35" s="73">
        <v>176</v>
      </c>
      <c r="GV35" s="224">
        <v>0</v>
      </c>
      <c r="GW35" s="72">
        <v>210</v>
      </c>
      <c r="GX35" s="72">
        <v>140</v>
      </c>
      <c r="GY35" s="72">
        <v>102</v>
      </c>
      <c r="GZ35" s="72">
        <v>114</v>
      </c>
      <c r="HA35" s="72">
        <v>77</v>
      </c>
      <c r="HB35" s="74">
        <v>643</v>
      </c>
      <c r="HC35" s="75">
        <v>819</v>
      </c>
      <c r="HD35" s="60">
        <v>6</v>
      </c>
      <c r="HE35" s="61">
        <v>1</v>
      </c>
      <c r="HF35" s="62">
        <v>7</v>
      </c>
      <c r="HG35" s="227">
        <v>0</v>
      </c>
      <c r="HH35" s="61">
        <v>6</v>
      </c>
      <c r="HI35" s="61">
        <v>6</v>
      </c>
      <c r="HJ35" s="61">
        <v>5</v>
      </c>
      <c r="HK35" s="61">
        <v>3</v>
      </c>
      <c r="HL35" s="61">
        <v>1</v>
      </c>
      <c r="HM35" s="62">
        <v>21</v>
      </c>
      <c r="HN35" s="63">
        <v>28</v>
      </c>
      <c r="HO35" s="60">
        <v>4</v>
      </c>
      <c r="HP35" s="61">
        <v>4</v>
      </c>
      <c r="HQ35" s="62">
        <v>8</v>
      </c>
      <c r="HR35" s="443">
        <v>0</v>
      </c>
      <c r="HS35" s="61">
        <v>15</v>
      </c>
      <c r="HT35" s="61">
        <v>11</v>
      </c>
      <c r="HU35" s="61">
        <v>5</v>
      </c>
      <c r="HV35" s="61">
        <v>9</v>
      </c>
      <c r="HW35" s="61">
        <v>8</v>
      </c>
      <c r="HX35" s="62">
        <v>48</v>
      </c>
      <c r="HY35" s="63">
        <v>56</v>
      </c>
      <c r="HZ35" s="60">
        <v>9</v>
      </c>
      <c r="IA35" s="61">
        <v>7</v>
      </c>
      <c r="IB35" s="62">
        <v>16</v>
      </c>
      <c r="IC35" s="443">
        <v>0</v>
      </c>
      <c r="ID35" s="61">
        <v>28</v>
      </c>
      <c r="IE35" s="61">
        <v>11</v>
      </c>
      <c r="IF35" s="61">
        <v>12</v>
      </c>
      <c r="IG35" s="61">
        <v>6</v>
      </c>
      <c r="IH35" s="61">
        <v>11</v>
      </c>
      <c r="II35" s="62">
        <v>68</v>
      </c>
      <c r="IJ35" s="63">
        <v>84</v>
      </c>
      <c r="IK35" s="60">
        <v>28</v>
      </c>
      <c r="IL35" s="61">
        <v>31</v>
      </c>
      <c r="IM35" s="62">
        <v>59</v>
      </c>
      <c r="IN35" s="443">
        <v>0</v>
      </c>
      <c r="IO35" s="61">
        <v>54</v>
      </c>
      <c r="IP35" s="61">
        <v>40</v>
      </c>
      <c r="IQ35" s="61">
        <v>20</v>
      </c>
      <c r="IR35" s="61">
        <v>23</v>
      </c>
      <c r="IS35" s="61">
        <v>17</v>
      </c>
      <c r="IT35" s="62">
        <v>154</v>
      </c>
      <c r="IU35" s="63">
        <v>213</v>
      </c>
      <c r="IV35" s="60">
        <v>14</v>
      </c>
      <c r="IW35" s="61">
        <v>29</v>
      </c>
      <c r="IX35" s="62">
        <v>43</v>
      </c>
      <c r="IY35" s="443">
        <v>0</v>
      </c>
      <c r="IZ35" s="61">
        <v>60</v>
      </c>
      <c r="JA35" s="61">
        <v>34</v>
      </c>
      <c r="JB35" s="61">
        <v>28</v>
      </c>
      <c r="JC35" s="61">
        <v>31</v>
      </c>
      <c r="JD35" s="61">
        <v>19</v>
      </c>
      <c r="JE35" s="62">
        <v>172</v>
      </c>
      <c r="JF35" s="63">
        <v>215</v>
      </c>
      <c r="JG35" s="60">
        <v>13</v>
      </c>
      <c r="JH35" s="61">
        <v>30</v>
      </c>
      <c r="JI35" s="62">
        <v>43</v>
      </c>
      <c r="JJ35" s="443">
        <v>0</v>
      </c>
      <c r="JK35" s="61">
        <v>47</v>
      </c>
      <c r="JL35" s="61">
        <v>38</v>
      </c>
      <c r="JM35" s="61">
        <v>32</v>
      </c>
      <c r="JN35" s="61">
        <v>42</v>
      </c>
      <c r="JO35" s="61">
        <v>21</v>
      </c>
      <c r="JP35" s="62">
        <v>180</v>
      </c>
      <c r="JQ35" s="63">
        <v>223</v>
      </c>
      <c r="JR35" s="60">
        <v>0</v>
      </c>
      <c r="JS35" s="61">
        <v>3</v>
      </c>
      <c r="JT35" s="62">
        <v>3</v>
      </c>
      <c r="JU35" s="443">
        <v>0</v>
      </c>
      <c r="JV35" s="61">
        <v>5</v>
      </c>
      <c r="JW35" s="61">
        <v>8</v>
      </c>
      <c r="JX35" s="61">
        <v>0</v>
      </c>
      <c r="JY35" s="61">
        <v>3</v>
      </c>
      <c r="JZ35" s="61">
        <v>6</v>
      </c>
      <c r="KA35" s="62">
        <v>22</v>
      </c>
      <c r="KB35" s="63">
        <v>25</v>
      </c>
      <c r="KC35" s="60">
        <v>74</v>
      </c>
      <c r="KD35" s="61">
        <v>105</v>
      </c>
      <c r="KE35" s="62">
        <v>179</v>
      </c>
      <c r="KF35" s="443">
        <v>0</v>
      </c>
      <c r="KG35" s="61">
        <v>215</v>
      </c>
      <c r="KH35" s="61">
        <v>148</v>
      </c>
      <c r="KI35" s="61">
        <v>102</v>
      </c>
      <c r="KJ35" s="61">
        <v>117</v>
      </c>
      <c r="KK35" s="61">
        <v>83</v>
      </c>
      <c r="KL35" s="62">
        <v>665</v>
      </c>
      <c r="KM35" s="63">
        <v>844</v>
      </c>
    </row>
    <row r="36" spans="2:299" ht="21" customHeight="1" x14ac:dyDescent="0.2">
      <c r="B36" s="437" t="s">
        <v>33</v>
      </c>
      <c r="C36" s="287">
        <v>29</v>
      </c>
      <c r="D36" s="72">
        <v>31</v>
      </c>
      <c r="E36" s="73">
        <v>60</v>
      </c>
      <c r="F36" s="443">
        <v>0</v>
      </c>
      <c r="G36" s="72">
        <v>62</v>
      </c>
      <c r="H36" s="72">
        <v>39</v>
      </c>
      <c r="I36" s="72">
        <v>47</v>
      </c>
      <c r="J36" s="72">
        <v>27</v>
      </c>
      <c r="K36" s="72">
        <v>20</v>
      </c>
      <c r="L36" s="74">
        <v>195</v>
      </c>
      <c r="M36" s="75">
        <v>255</v>
      </c>
      <c r="N36" s="60">
        <v>1</v>
      </c>
      <c r="O36" s="61">
        <v>0</v>
      </c>
      <c r="P36" s="62">
        <v>1</v>
      </c>
      <c r="Q36" s="443">
        <v>0</v>
      </c>
      <c r="R36" s="61">
        <v>4</v>
      </c>
      <c r="S36" s="61">
        <v>1</v>
      </c>
      <c r="T36" s="61">
        <v>4</v>
      </c>
      <c r="U36" s="61">
        <v>1</v>
      </c>
      <c r="V36" s="61">
        <v>0</v>
      </c>
      <c r="W36" s="62">
        <v>10</v>
      </c>
      <c r="X36" s="63">
        <v>11</v>
      </c>
      <c r="Y36" s="60">
        <v>2</v>
      </c>
      <c r="Z36" s="61">
        <v>5</v>
      </c>
      <c r="AA36" s="62">
        <v>7</v>
      </c>
      <c r="AB36" s="443">
        <v>0</v>
      </c>
      <c r="AC36" s="61">
        <v>7</v>
      </c>
      <c r="AD36" s="61">
        <v>6</v>
      </c>
      <c r="AE36" s="61">
        <v>7</v>
      </c>
      <c r="AF36" s="61">
        <v>5</v>
      </c>
      <c r="AG36" s="61">
        <v>2</v>
      </c>
      <c r="AH36" s="62">
        <v>27</v>
      </c>
      <c r="AI36" s="63">
        <v>34</v>
      </c>
      <c r="AJ36" s="60">
        <v>5</v>
      </c>
      <c r="AK36" s="61">
        <v>5</v>
      </c>
      <c r="AL36" s="62">
        <v>10</v>
      </c>
      <c r="AM36" s="443">
        <v>0</v>
      </c>
      <c r="AN36" s="61">
        <v>13</v>
      </c>
      <c r="AO36" s="61">
        <v>7</v>
      </c>
      <c r="AP36" s="61">
        <v>10</v>
      </c>
      <c r="AQ36" s="61">
        <v>4</v>
      </c>
      <c r="AR36" s="61">
        <v>3</v>
      </c>
      <c r="AS36" s="62">
        <v>37</v>
      </c>
      <c r="AT36" s="63">
        <v>47</v>
      </c>
      <c r="AU36" s="60">
        <v>11</v>
      </c>
      <c r="AV36" s="61">
        <v>11</v>
      </c>
      <c r="AW36" s="62">
        <v>22</v>
      </c>
      <c r="AX36" s="443">
        <v>0</v>
      </c>
      <c r="AY36" s="61">
        <v>18</v>
      </c>
      <c r="AZ36" s="61">
        <v>8</v>
      </c>
      <c r="BA36" s="61">
        <v>10</v>
      </c>
      <c r="BB36" s="61">
        <v>9</v>
      </c>
      <c r="BC36" s="61">
        <v>7</v>
      </c>
      <c r="BD36" s="62">
        <v>52</v>
      </c>
      <c r="BE36" s="63">
        <v>74</v>
      </c>
      <c r="BF36" s="60">
        <v>6</v>
      </c>
      <c r="BG36" s="61">
        <v>7</v>
      </c>
      <c r="BH36" s="62">
        <v>13</v>
      </c>
      <c r="BI36" s="443">
        <v>0</v>
      </c>
      <c r="BJ36" s="61">
        <v>11</v>
      </c>
      <c r="BK36" s="61">
        <v>8</v>
      </c>
      <c r="BL36" s="61">
        <v>10</v>
      </c>
      <c r="BM36" s="61">
        <v>4</v>
      </c>
      <c r="BN36" s="61">
        <v>5</v>
      </c>
      <c r="BO36" s="62">
        <v>38</v>
      </c>
      <c r="BP36" s="63">
        <v>51</v>
      </c>
      <c r="BQ36" s="60">
        <v>4</v>
      </c>
      <c r="BR36" s="61">
        <v>3</v>
      </c>
      <c r="BS36" s="62">
        <v>7</v>
      </c>
      <c r="BT36" s="443">
        <v>0</v>
      </c>
      <c r="BU36" s="61">
        <v>9</v>
      </c>
      <c r="BV36" s="61">
        <v>9</v>
      </c>
      <c r="BW36" s="61">
        <v>6</v>
      </c>
      <c r="BX36" s="61">
        <v>4</v>
      </c>
      <c r="BY36" s="61">
        <v>3</v>
      </c>
      <c r="BZ36" s="62">
        <v>31</v>
      </c>
      <c r="CA36" s="63">
        <v>38</v>
      </c>
      <c r="CB36" s="60">
        <v>1</v>
      </c>
      <c r="CC36" s="61">
        <v>0</v>
      </c>
      <c r="CD36" s="62">
        <v>1</v>
      </c>
      <c r="CE36" s="443">
        <v>0</v>
      </c>
      <c r="CF36" s="61">
        <v>1</v>
      </c>
      <c r="CG36" s="61">
        <v>1</v>
      </c>
      <c r="CH36" s="61">
        <v>0</v>
      </c>
      <c r="CI36" s="61">
        <v>0</v>
      </c>
      <c r="CJ36" s="61">
        <v>0</v>
      </c>
      <c r="CK36" s="62">
        <v>2</v>
      </c>
      <c r="CL36" s="63">
        <v>3</v>
      </c>
      <c r="CM36" s="60">
        <v>30</v>
      </c>
      <c r="CN36" s="61">
        <v>31</v>
      </c>
      <c r="CO36" s="62">
        <v>61</v>
      </c>
      <c r="CP36" s="443">
        <v>0</v>
      </c>
      <c r="CQ36" s="61">
        <v>63</v>
      </c>
      <c r="CR36" s="61">
        <v>40</v>
      </c>
      <c r="CS36" s="61">
        <v>47</v>
      </c>
      <c r="CT36" s="61">
        <v>27</v>
      </c>
      <c r="CU36" s="61">
        <v>20</v>
      </c>
      <c r="CV36" s="62">
        <v>197</v>
      </c>
      <c r="CW36" s="63">
        <v>258</v>
      </c>
      <c r="CX36" s="113">
        <v>41</v>
      </c>
      <c r="CY36" s="72">
        <v>65</v>
      </c>
      <c r="CZ36" s="73">
        <v>106</v>
      </c>
      <c r="DA36" s="443">
        <v>0</v>
      </c>
      <c r="DB36" s="72">
        <v>139</v>
      </c>
      <c r="DC36" s="72">
        <v>80</v>
      </c>
      <c r="DD36" s="72">
        <v>76</v>
      </c>
      <c r="DE36" s="72">
        <v>76</v>
      </c>
      <c r="DF36" s="72">
        <v>64</v>
      </c>
      <c r="DG36" s="74">
        <v>435</v>
      </c>
      <c r="DH36" s="75">
        <v>541</v>
      </c>
      <c r="DI36" s="60">
        <v>0</v>
      </c>
      <c r="DJ36" s="61">
        <v>2</v>
      </c>
      <c r="DK36" s="62">
        <v>2</v>
      </c>
      <c r="DL36" s="443">
        <v>0</v>
      </c>
      <c r="DM36" s="61">
        <v>3</v>
      </c>
      <c r="DN36" s="61">
        <v>0</v>
      </c>
      <c r="DO36" s="61">
        <v>0</v>
      </c>
      <c r="DP36" s="61">
        <v>2</v>
      </c>
      <c r="DQ36" s="61">
        <v>2</v>
      </c>
      <c r="DR36" s="62">
        <v>7</v>
      </c>
      <c r="DS36" s="63">
        <v>9</v>
      </c>
      <c r="DT36" s="60">
        <v>3</v>
      </c>
      <c r="DU36" s="61">
        <v>5</v>
      </c>
      <c r="DV36" s="62">
        <v>8</v>
      </c>
      <c r="DW36" s="443">
        <v>0</v>
      </c>
      <c r="DX36" s="61">
        <v>3</v>
      </c>
      <c r="DY36" s="61">
        <v>3</v>
      </c>
      <c r="DZ36" s="61">
        <v>2</v>
      </c>
      <c r="EA36" s="61">
        <v>4</v>
      </c>
      <c r="EB36" s="61">
        <v>1</v>
      </c>
      <c r="EC36" s="62">
        <v>13</v>
      </c>
      <c r="ED36" s="63">
        <v>21</v>
      </c>
      <c r="EE36" s="60">
        <v>5</v>
      </c>
      <c r="EF36" s="61">
        <v>8</v>
      </c>
      <c r="EG36" s="62">
        <v>13</v>
      </c>
      <c r="EH36" s="443">
        <v>0</v>
      </c>
      <c r="EI36" s="61">
        <v>14</v>
      </c>
      <c r="EJ36" s="61">
        <v>6</v>
      </c>
      <c r="EK36" s="61">
        <v>7</v>
      </c>
      <c r="EL36" s="61">
        <v>7</v>
      </c>
      <c r="EM36" s="61">
        <v>8</v>
      </c>
      <c r="EN36" s="62">
        <v>42</v>
      </c>
      <c r="EO36" s="63">
        <v>55</v>
      </c>
      <c r="EP36" s="60">
        <v>8</v>
      </c>
      <c r="EQ36" s="61">
        <v>16</v>
      </c>
      <c r="ER36" s="62">
        <v>24</v>
      </c>
      <c r="ES36" s="443">
        <v>0</v>
      </c>
      <c r="ET36" s="61">
        <v>33</v>
      </c>
      <c r="EU36" s="61">
        <v>15</v>
      </c>
      <c r="EV36" s="61">
        <v>13</v>
      </c>
      <c r="EW36" s="61">
        <v>14</v>
      </c>
      <c r="EX36" s="61">
        <v>12</v>
      </c>
      <c r="EY36" s="62">
        <v>87</v>
      </c>
      <c r="EZ36" s="63">
        <v>111</v>
      </c>
      <c r="FA36" s="60">
        <v>18</v>
      </c>
      <c r="FB36" s="61">
        <v>15</v>
      </c>
      <c r="FC36" s="62">
        <v>33</v>
      </c>
      <c r="FD36" s="443">
        <v>0</v>
      </c>
      <c r="FE36" s="61">
        <v>46</v>
      </c>
      <c r="FF36" s="61">
        <v>20</v>
      </c>
      <c r="FG36" s="61">
        <v>18</v>
      </c>
      <c r="FH36" s="61">
        <v>18</v>
      </c>
      <c r="FI36" s="61">
        <v>15</v>
      </c>
      <c r="FJ36" s="62">
        <v>117</v>
      </c>
      <c r="FK36" s="63">
        <v>150</v>
      </c>
      <c r="FL36" s="60">
        <v>7</v>
      </c>
      <c r="FM36" s="61">
        <v>19</v>
      </c>
      <c r="FN36" s="62">
        <v>26</v>
      </c>
      <c r="FO36" s="443">
        <v>0</v>
      </c>
      <c r="FP36" s="61">
        <v>40</v>
      </c>
      <c r="FQ36" s="61">
        <v>36</v>
      </c>
      <c r="FR36" s="61">
        <v>36</v>
      </c>
      <c r="FS36" s="61">
        <v>31</v>
      </c>
      <c r="FT36" s="61">
        <v>26</v>
      </c>
      <c r="FU36" s="62">
        <v>169</v>
      </c>
      <c r="FV36" s="63">
        <v>195</v>
      </c>
      <c r="FW36" s="60">
        <v>0</v>
      </c>
      <c r="FX36" s="61">
        <v>0</v>
      </c>
      <c r="FY36" s="62">
        <v>0</v>
      </c>
      <c r="FZ36" s="443">
        <v>0</v>
      </c>
      <c r="GA36" s="61">
        <v>1</v>
      </c>
      <c r="GB36" s="61">
        <v>0</v>
      </c>
      <c r="GC36" s="61">
        <v>0</v>
      </c>
      <c r="GD36" s="61">
        <v>0</v>
      </c>
      <c r="GE36" s="61">
        <v>1</v>
      </c>
      <c r="GF36" s="62">
        <v>2</v>
      </c>
      <c r="GG36" s="63">
        <v>2</v>
      </c>
      <c r="GH36" s="60">
        <v>41</v>
      </c>
      <c r="GI36" s="61">
        <v>65</v>
      </c>
      <c r="GJ36" s="62">
        <v>106</v>
      </c>
      <c r="GK36" s="443">
        <v>0</v>
      </c>
      <c r="GL36" s="61">
        <v>140</v>
      </c>
      <c r="GM36" s="61">
        <v>80</v>
      </c>
      <c r="GN36" s="61">
        <v>76</v>
      </c>
      <c r="GO36" s="61">
        <v>76</v>
      </c>
      <c r="GP36" s="61">
        <v>65</v>
      </c>
      <c r="GQ36" s="62">
        <v>437</v>
      </c>
      <c r="GR36" s="63">
        <v>543</v>
      </c>
      <c r="GS36" s="113">
        <v>70</v>
      </c>
      <c r="GT36" s="72">
        <v>96</v>
      </c>
      <c r="GU36" s="73">
        <v>166</v>
      </c>
      <c r="GV36" s="224">
        <v>0</v>
      </c>
      <c r="GW36" s="72">
        <v>201</v>
      </c>
      <c r="GX36" s="72">
        <v>119</v>
      </c>
      <c r="GY36" s="72">
        <v>123</v>
      </c>
      <c r="GZ36" s="72">
        <v>103</v>
      </c>
      <c r="HA36" s="72">
        <v>84</v>
      </c>
      <c r="HB36" s="74">
        <v>630</v>
      </c>
      <c r="HC36" s="75">
        <v>796</v>
      </c>
      <c r="HD36" s="60">
        <v>1</v>
      </c>
      <c r="HE36" s="61">
        <v>2</v>
      </c>
      <c r="HF36" s="62">
        <v>3</v>
      </c>
      <c r="HG36" s="227">
        <v>0</v>
      </c>
      <c r="HH36" s="61">
        <v>7</v>
      </c>
      <c r="HI36" s="61">
        <v>1</v>
      </c>
      <c r="HJ36" s="61">
        <v>4</v>
      </c>
      <c r="HK36" s="61">
        <v>3</v>
      </c>
      <c r="HL36" s="61">
        <v>2</v>
      </c>
      <c r="HM36" s="62">
        <v>17</v>
      </c>
      <c r="HN36" s="63">
        <v>20</v>
      </c>
      <c r="HO36" s="60">
        <v>5</v>
      </c>
      <c r="HP36" s="61">
        <v>10</v>
      </c>
      <c r="HQ36" s="62">
        <v>15</v>
      </c>
      <c r="HR36" s="443">
        <v>0</v>
      </c>
      <c r="HS36" s="61">
        <v>10</v>
      </c>
      <c r="HT36" s="61">
        <v>9</v>
      </c>
      <c r="HU36" s="61">
        <v>9</v>
      </c>
      <c r="HV36" s="61">
        <v>9</v>
      </c>
      <c r="HW36" s="61">
        <v>3</v>
      </c>
      <c r="HX36" s="62">
        <v>40</v>
      </c>
      <c r="HY36" s="63">
        <v>55</v>
      </c>
      <c r="HZ36" s="60">
        <v>10</v>
      </c>
      <c r="IA36" s="61">
        <v>13</v>
      </c>
      <c r="IB36" s="62">
        <v>23</v>
      </c>
      <c r="IC36" s="443">
        <v>0</v>
      </c>
      <c r="ID36" s="61">
        <v>27</v>
      </c>
      <c r="IE36" s="61">
        <v>13</v>
      </c>
      <c r="IF36" s="61">
        <v>17</v>
      </c>
      <c r="IG36" s="61">
        <v>11</v>
      </c>
      <c r="IH36" s="61">
        <v>11</v>
      </c>
      <c r="II36" s="62">
        <v>79</v>
      </c>
      <c r="IJ36" s="63">
        <v>102</v>
      </c>
      <c r="IK36" s="60">
        <v>19</v>
      </c>
      <c r="IL36" s="61">
        <v>27</v>
      </c>
      <c r="IM36" s="62">
        <v>46</v>
      </c>
      <c r="IN36" s="443">
        <v>0</v>
      </c>
      <c r="IO36" s="61">
        <v>51</v>
      </c>
      <c r="IP36" s="61">
        <v>23</v>
      </c>
      <c r="IQ36" s="61">
        <v>23</v>
      </c>
      <c r="IR36" s="61">
        <v>23</v>
      </c>
      <c r="IS36" s="61">
        <v>19</v>
      </c>
      <c r="IT36" s="62">
        <v>139</v>
      </c>
      <c r="IU36" s="63">
        <v>185</v>
      </c>
      <c r="IV36" s="60">
        <v>24</v>
      </c>
      <c r="IW36" s="61">
        <v>22</v>
      </c>
      <c r="IX36" s="62">
        <v>46</v>
      </c>
      <c r="IY36" s="443">
        <v>0</v>
      </c>
      <c r="IZ36" s="61">
        <v>57</v>
      </c>
      <c r="JA36" s="61">
        <v>28</v>
      </c>
      <c r="JB36" s="61">
        <v>28</v>
      </c>
      <c r="JC36" s="61">
        <v>22</v>
      </c>
      <c r="JD36" s="61">
        <v>20</v>
      </c>
      <c r="JE36" s="62">
        <v>155</v>
      </c>
      <c r="JF36" s="63">
        <v>201</v>
      </c>
      <c r="JG36" s="60">
        <v>11</v>
      </c>
      <c r="JH36" s="61">
        <v>22</v>
      </c>
      <c r="JI36" s="62">
        <v>33</v>
      </c>
      <c r="JJ36" s="443">
        <v>0</v>
      </c>
      <c r="JK36" s="61">
        <v>49</v>
      </c>
      <c r="JL36" s="61">
        <v>45</v>
      </c>
      <c r="JM36" s="61">
        <v>42</v>
      </c>
      <c r="JN36" s="61">
        <v>35</v>
      </c>
      <c r="JO36" s="61">
        <v>29</v>
      </c>
      <c r="JP36" s="62">
        <v>200</v>
      </c>
      <c r="JQ36" s="63">
        <v>233</v>
      </c>
      <c r="JR36" s="60">
        <v>1</v>
      </c>
      <c r="JS36" s="61">
        <v>0</v>
      </c>
      <c r="JT36" s="62">
        <v>1</v>
      </c>
      <c r="JU36" s="443">
        <v>0</v>
      </c>
      <c r="JV36" s="61">
        <v>2</v>
      </c>
      <c r="JW36" s="61">
        <v>1</v>
      </c>
      <c r="JX36" s="61">
        <v>0</v>
      </c>
      <c r="JY36" s="61">
        <v>0</v>
      </c>
      <c r="JZ36" s="61">
        <v>1</v>
      </c>
      <c r="KA36" s="62">
        <v>4</v>
      </c>
      <c r="KB36" s="63">
        <v>5</v>
      </c>
      <c r="KC36" s="60">
        <v>71</v>
      </c>
      <c r="KD36" s="61">
        <v>96</v>
      </c>
      <c r="KE36" s="62">
        <v>167</v>
      </c>
      <c r="KF36" s="443">
        <v>0</v>
      </c>
      <c r="KG36" s="61">
        <v>203</v>
      </c>
      <c r="KH36" s="61">
        <v>120</v>
      </c>
      <c r="KI36" s="61">
        <v>123</v>
      </c>
      <c r="KJ36" s="61">
        <v>103</v>
      </c>
      <c r="KK36" s="61">
        <v>85</v>
      </c>
      <c r="KL36" s="62">
        <v>634</v>
      </c>
      <c r="KM36" s="63">
        <v>801</v>
      </c>
    </row>
    <row r="37" spans="2:299" ht="21" customHeight="1" x14ac:dyDescent="0.2">
      <c r="B37" s="437" t="s">
        <v>34</v>
      </c>
      <c r="C37" s="287">
        <v>17</v>
      </c>
      <c r="D37" s="72">
        <v>16</v>
      </c>
      <c r="E37" s="73">
        <v>33</v>
      </c>
      <c r="F37" s="443">
        <v>0</v>
      </c>
      <c r="G37" s="72">
        <v>40</v>
      </c>
      <c r="H37" s="72">
        <v>42</v>
      </c>
      <c r="I37" s="72">
        <v>16</v>
      </c>
      <c r="J37" s="72">
        <v>22</v>
      </c>
      <c r="K37" s="72">
        <v>7</v>
      </c>
      <c r="L37" s="74">
        <v>127</v>
      </c>
      <c r="M37" s="75">
        <v>160</v>
      </c>
      <c r="N37" s="60">
        <v>0</v>
      </c>
      <c r="O37" s="61">
        <v>2</v>
      </c>
      <c r="P37" s="62">
        <v>2</v>
      </c>
      <c r="Q37" s="443">
        <v>0</v>
      </c>
      <c r="R37" s="61">
        <v>4</v>
      </c>
      <c r="S37" s="61">
        <v>1</v>
      </c>
      <c r="T37" s="61">
        <v>2</v>
      </c>
      <c r="U37" s="61">
        <v>1</v>
      </c>
      <c r="V37" s="61">
        <v>1</v>
      </c>
      <c r="W37" s="62">
        <v>9</v>
      </c>
      <c r="X37" s="63">
        <v>11</v>
      </c>
      <c r="Y37" s="60">
        <v>2</v>
      </c>
      <c r="Z37" s="61">
        <v>2</v>
      </c>
      <c r="AA37" s="62">
        <v>4</v>
      </c>
      <c r="AB37" s="443">
        <v>0</v>
      </c>
      <c r="AC37" s="61">
        <v>3</v>
      </c>
      <c r="AD37" s="61">
        <v>2</v>
      </c>
      <c r="AE37" s="61">
        <v>1</v>
      </c>
      <c r="AF37" s="61">
        <v>0</v>
      </c>
      <c r="AG37" s="61">
        <v>0</v>
      </c>
      <c r="AH37" s="62">
        <v>6</v>
      </c>
      <c r="AI37" s="63">
        <v>10</v>
      </c>
      <c r="AJ37" s="60">
        <v>2</v>
      </c>
      <c r="AK37" s="61">
        <v>2</v>
      </c>
      <c r="AL37" s="62">
        <v>4</v>
      </c>
      <c r="AM37" s="443">
        <v>0</v>
      </c>
      <c r="AN37" s="61">
        <v>2</v>
      </c>
      <c r="AO37" s="61">
        <v>6</v>
      </c>
      <c r="AP37" s="61">
        <v>2</v>
      </c>
      <c r="AQ37" s="61">
        <v>7</v>
      </c>
      <c r="AR37" s="61">
        <v>3</v>
      </c>
      <c r="AS37" s="62">
        <v>20</v>
      </c>
      <c r="AT37" s="63">
        <v>24</v>
      </c>
      <c r="AU37" s="60">
        <v>7</v>
      </c>
      <c r="AV37" s="61">
        <v>3</v>
      </c>
      <c r="AW37" s="62">
        <v>10</v>
      </c>
      <c r="AX37" s="443">
        <v>0</v>
      </c>
      <c r="AY37" s="61">
        <v>13</v>
      </c>
      <c r="AZ37" s="61">
        <v>11</v>
      </c>
      <c r="BA37" s="61">
        <v>2</v>
      </c>
      <c r="BB37" s="61">
        <v>5</v>
      </c>
      <c r="BC37" s="61">
        <v>2</v>
      </c>
      <c r="BD37" s="62">
        <v>33</v>
      </c>
      <c r="BE37" s="63">
        <v>43</v>
      </c>
      <c r="BF37" s="60">
        <v>4</v>
      </c>
      <c r="BG37" s="61">
        <v>4</v>
      </c>
      <c r="BH37" s="62">
        <v>8</v>
      </c>
      <c r="BI37" s="443">
        <v>0</v>
      </c>
      <c r="BJ37" s="61">
        <v>11</v>
      </c>
      <c r="BK37" s="61">
        <v>12</v>
      </c>
      <c r="BL37" s="61">
        <v>5</v>
      </c>
      <c r="BM37" s="61">
        <v>5</v>
      </c>
      <c r="BN37" s="61">
        <v>1</v>
      </c>
      <c r="BO37" s="62">
        <v>34</v>
      </c>
      <c r="BP37" s="63">
        <v>42</v>
      </c>
      <c r="BQ37" s="60">
        <v>2</v>
      </c>
      <c r="BR37" s="61">
        <v>3</v>
      </c>
      <c r="BS37" s="62">
        <v>5</v>
      </c>
      <c r="BT37" s="443">
        <v>0</v>
      </c>
      <c r="BU37" s="61">
        <v>7</v>
      </c>
      <c r="BV37" s="61">
        <v>10</v>
      </c>
      <c r="BW37" s="61">
        <v>4</v>
      </c>
      <c r="BX37" s="61">
        <v>4</v>
      </c>
      <c r="BY37" s="61">
        <v>0</v>
      </c>
      <c r="BZ37" s="62">
        <v>25</v>
      </c>
      <c r="CA37" s="63">
        <v>30</v>
      </c>
      <c r="CB37" s="60">
        <v>0</v>
      </c>
      <c r="CC37" s="61">
        <v>0</v>
      </c>
      <c r="CD37" s="62">
        <v>0</v>
      </c>
      <c r="CE37" s="443">
        <v>0</v>
      </c>
      <c r="CF37" s="61">
        <v>2</v>
      </c>
      <c r="CG37" s="61">
        <v>2</v>
      </c>
      <c r="CH37" s="61">
        <v>0</v>
      </c>
      <c r="CI37" s="61">
        <v>1</v>
      </c>
      <c r="CJ37" s="61">
        <v>1</v>
      </c>
      <c r="CK37" s="62">
        <v>6</v>
      </c>
      <c r="CL37" s="63">
        <v>6</v>
      </c>
      <c r="CM37" s="60">
        <v>17</v>
      </c>
      <c r="CN37" s="61">
        <v>16</v>
      </c>
      <c r="CO37" s="62">
        <v>33</v>
      </c>
      <c r="CP37" s="443">
        <v>0</v>
      </c>
      <c r="CQ37" s="61">
        <v>42</v>
      </c>
      <c r="CR37" s="61">
        <v>44</v>
      </c>
      <c r="CS37" s="61">
        <v>16</v>
      </c>
      <c r="CT37" s="61">
        <v>23</v>
      </c>
      <c r="CU37" s="61">
        <v>8</v>
      </c>
      <c r="CV37" s="62">
        <v>133</v>
      </c>
      <c r="CW37" s="63">
        <v>166</v>
      </c>
      <c r="CX37" s="113">
        <v>41</v>
      </c>
      <c r="CY37" s="72">
        <v>42</v>
      </c>
      <c r="CZ37" s="73">
        <v>83</v>
      </c>
      <c r="DA37" s="443">
        <v>0</v>
      </c>
      <c r="DB37" s="72">
        <v>102</v>
      </c>
      <c r="DC37" s="72">
        <v>54</v>
      </c>
      <c r="DD37" s="72">
        <v>39</v>
      </c>
      <c r="DE37" s="72">
        <v>44</v>
      </c>
      <c r="DF37" s="72">
        <v>25</v>
      </c>
      <c r="DG37" s="74">
        <v>264</v>
      </c>
      <c r="DH37" s="75">
        <v>347</v>
      </c>
      <c r="DI37" s="60">
        <v>0</v>
      </c>
      <c r="DJ37" s="61">
        <v>2</v>
      </c>
      <c r="DK37" s="62">
        <v>2</v>
      </c>
      <c r="DL37" s="443">
        <v>0</v>
      </c>
      <c r="DM37" s="61">
        <v>1</v>
      </c>
      <c r="DN37" s="61">
        <v>0</v>
      </c>
      <c r="DO37" s="61">
        <v>1</v>
      </c>
      <c r="DP37" s="61">
        <v>0</v>
      </c>
      <c r="DQ37" s="61">
        <v>1</v>
      </c>
      <c r="DR37" s="62">
        <v>3</v>
      </c>
      <c r="DS37" s="63">
        <v>5</v>
      </c>
      <c r="DT37" s="60">
        <v>1</v>
      </c>
      <c r="DU37" s="61">
        <v>0</v>
      </c>
      <c r="DV37" s="62">
        <v>1</v>
      </c>
      <c r="DW37" s="443">
        <v>0</v>
      </c>
      <c r="DX37" s="61">
        <v>5</v>
      </c>
      <c r="DY37" s="61">
        <v>2</v>
      </c>
      <c r="DZ37" s="61">
        <v>2</v>
      </c>
      <c r="EA37" s="61">
        <v>2</v>
      </c>
      <c r="EB37" s="61">
        <v>4</v>
      </c>
      <c r="EC37" s="62">
        <v>15</v>
      </c>
      <c r="ED37" s="63">
        <v>16</v>
      </c>
      <c r="EE37" s="60">
        <v>6</v>
      </c>
      <c r="EF37" s="61">
        <v>5</v>
      </c>
      <c r="EG37" s="62">
        <v>11</v>
      </c>
      <c r="EH37" s="443">
        <v>0</v>
      </c>
      <c r="EI37" s="61">
        <v>7</v>
      </c>
      <c r="EJ37" s="61">
        <v>1</v>
      </c>
      <c r="EK37" s="61">
        <v>6</v>
      </c>
      <c r="EL37" s="61">
        <v>3</v>
      </c>
      <c r="EM37" s="61">
        <v>0</v>
      </c>
      <c r="EN37" s="62">
        <v>17</v>
      </c>
      <c r="EO37" s="63">
        <v>28</v>
      </c>
      <c r="EP37" s="60">
        <v>6</v>
      </c>
      <c r="EQ37" s="61">
        <v>8</v>
      </c>
      <c r="ER37" s="62">
        <v>14</v>
      </c>
      <c r="ES37" s="443">
        <v>0</v>
      </c>
      <c r="ET37" s="61">
        <v>21</v>
      </c>
      <c r="EU37" s="61">
        <v>8</v>
      </c>
      <c r="EV37" s="61">
        <v>10</v>
      </c>
      <c r="EW37" s="61">
        <v>4</v>
      </c>
      <c r="EX37" s="61">
        <v>5</v>
      </c>
      <c r="EY37" s="62">
        <v>48</v>
      </c>
      <c r="EZ37" s="63">
        <v>62</v>
      </c>
      <c r="FA37" s="60">
        <v>19</v>
      </c>
      <c r="FB37" s="61">
        <v>21</v>
      </c>
      <c r="FC37" s="62">
        <v>40</v>
      </c>
      <c r="FD37" s="443">
        <v>0</v>
      </c>
      <c r="FE37" s="61">
        <v>34</v>
      </c>
      <c r="FF37" s="61">
        <v>19</v>
      </c>
      <c r="FG37" s="61">
        <v>10</v>
      </c>
      <c r="FH37" s="61">
        <v>11</v>
      </c>
      <c r="FI37" s="61">
        <v>2</v>
      </c>
      <c r="FJ37" s="62">
        <v>76</v>
      </c>
      <c r="FK37" s="63">
        <v>116</v>
      </c>
      <c r="FL37" s="60">
        <v>9</v>
      </c>
      <c r="FM37" s="61">
        <v>6</v>
      </c>
      <c r="FN37" s="62">
        <v>15</v>
      </c>
      <c r="FO37" s="443">
        <v>0</v>
      </c>
      <c r="FP37" s="61">
        <v>34</v>
      </c>
      <c r="FQ37" s="61">
        <v>24</v>
      </c>
      <c r="FR37" s="61">
        <v>10</v>
      </c>
      <c r="FS37" s="61">
        <v>24</v>
      </c>
      <c r="FT37" s="61">
        <v>13</v>
      </c>
      <c r="FU37" s="62">
        <v>105</v>
      </c>
      <c r="FV37" s="63">
        <v>120</v>
      </c>
      <c r="FW37" s="60">
        <v>0</v>
      </c>
      <c r="FX37" s="61">
        <v>0</v>
      </c>
      <c r="FY37" s="62">
        <v>0</v>
      </c>
      <c r="FZ37" s="443">
        <v>0</v>
      </c>
      <c r="GA37" s="61">
        <v>1</v>
      </c>
      <c r="GB37" s="61">
        <v>1</v>
      </c>
      <c r="GC37" s="61">
        <v>1</v>
      </c>
      <c r="GD37" s="61">
        <v>0</v>
      </c>
      <c r="GE37" s="61">
        <v>1</v>
      </c>
      <c r="GF37" s="62">
        <v>4</v>
      </c>
      <c r="GG37" s="63">
        <v>4</v>
      </c>
      <c r="GH37" s="60">
        <v>41</v>
      </c>
      <c r="GI37" s="61">
        <v>42</v>
      </c>
      <c r="GJ37" s="62">
        <v>83</v>
      </c>
      <c r="GK37" s="443">
        <v>0</v>
      </c>
      <c r="GL37" s="61">
        <v>103</v>
      </c>
      <c r="GM37" s="61">
        <v>55</v>
      </c>
      <c r="GN37" s="61">
        <v>40</v>
      </c>
      <c r="GO37" s="61">
        <v>44</v>
      </c>
      <c r="GP37" s="61">
        <v>26</v>
      </c>
      <c r="GQ37" s="62">
        <v>268</v>
      </c>
      <c r="GR37" s="63">
        <v>351</v>
      </c>
      <c r="GS37" s="113">
        <v>58</v>
      </c>
      <c r="GT37" s="72">
        <v>58</v>
      </c>
      <c r="GU37" s="73">
        <v>116</v>
      </c>
      <c r="GV37" s="224">
        <v>0</v>
      </c>
      <c r="GW37" s="72">
        <v>142</v>
      </c>
      <c r="GX37" s="72">
        <v>96</v>
      </c>
      <c r="GY37" s="72">
        <v>55</v>
      </c>
      <c r="GZ37" s="72">
        <v>66</v>
      </c>
      <c r="HA37" s="72">
        <v>32</v>
      </c>
      <c r="HB37" s="74">
        <v>391</v>
      </c>
      <c r="HC37" s="75">
        <v>507</v>
      </c>
      <c r="HD37" s="60">
        <v>0</v>
      </c>
      <c r="HE37" s="61">
        <v>4</v>
      </c>
      <c r="HF37" s="62">
        <v>4</v>
      </c>
      <c r="HG37" s="227">
        <v>0</v>
      </c>
      <c r="HH37" s="61">
        <v>5</v>
      </c>
      <c r="HI37" s="61">
        <v>1</v>
      </c>
      <c r="HJ37" s="61">
        <v>3</v>
      </c>
      <c r="HK37" s="61">
        <v>1</v>
      </c>
      <c r="HL37" s="61">
        <v>2</v>
      </c>
      <c r="HM37" s="62">
        <v>12</v>
      </c>
      <c r="HN37" s="63">
        <v>16</v>
      </c>
      <c r="HO37" s="60">
        <v>3</v>
      </c>
      <c r="HP37" s="61">
        <v>2</v>
      </c>
      <c r="HQ37" s="62">
        <v>5</v>
      </c>
      <c r="HR37" s="443">
        <v>0</v>
      </c>
      <c r="HS37" s="61">
        <v>8</v>
      </c>
      <c r="HT37" s="61">
        <v>4</v>
      </c>
      <c r="HU37" s="61">
        <v>3</v>
      </c>
      <c r="HV37" s="61">
        <v>2</v>
      </c>
      <c r="HW37" s="61">
        <v>4</v>
      </c>
      <c r="HX37" s="62">
        <v>21</v>
      </c>
      <c r="HY37" s="63">
        <v>26</v>
      </c>
      <c r="HZ37" s="60">
        <v>8</v>
      </c>
      <c r="IA37" s="61">
        <v>7</v>
      </c>
      <c r="IB37" s="62">
        <v>15</v>
      </c>
      <c r="IC37" s="443">
        <v>0</v>
      </c>
      <c r="ID37" s="61">
        <v>9</v>
      </c>
      <c r="IE37" s="61">
        <v>7</v>
      </c>
      <c r="IF37" s="61">
        <v>8</v>
      </c>
      <c r="IG37" s="61">
        <v>10</v>
      </c>
      <c r="IH37" s="61">
        <v>3</v>
      </c>
      <c r="II37" s="62">
        <v>37</v>
      </c>
      <c r="IJ37" s="63">
        <v>52</v>
      </c>
      <c r="IK37" s="60">
        <v>13</v>
      </c>
      <c r="IL37" s="61">
        <v>11</v>
      </c>
      <c r="IM37" s="62">
        <v>24</v>
      </c>
      <c r="IN37" s="443">
        <v>0</v>
      </c>
      <c r="IO37" s="61">
        <v>34</v>
      </c>
      <c r="IP37" s="61">
        <v>19</v>
      </c>
      <c r="IQ37" s="61">
        <v>12</v>
      </c>
      <c r="IR37" s="61">
        <v>9</v>
      </c>
      <c r="IS37" s="61">
        <v>7</v>
      </c>
      <c r="IT37" s="62">
        <v>81</v>
      </c>
      <c r="IU37" s="63">
        <v>105</v>
      </c>
      <c r="IV37" s="60">
        <v>23</v>
      </c>
      <c r="IW37" s="61">
        <v>25</v>
      </c>
      <c r="IX37" s="62">
        <v>48</v>
      </c>
      <c r="IY37" s="443">
        <v>0</v>
      </c>
      <c r="IZ37" s="61">
        <v>45</v>
      </c>
      <c r="JA37" s="61">
        <v>31</v>
      </c>
      <c r="JB37" s="61">
        <v>15</v>
      </c>
      <c r="JC37" s="61">
        <v>16</v>
      </c>
      <c r="JD37" s="61">
        <v>3</v>
      </c>
      <c r="JE37" s="62">
        <v>110</v>
      </c>
      <c r="JF37" s="63">
        <v>158</v>
      </c>
      <c r="JG37" s="60">
        <v>11</v>
      </c>
      <c r="JH37" s="61">
        <v>9</v>
      </c>
      <c r="JI37" s="62">
        <v>20</v>
      </c>
      <c r="JJ37" s="443">
        <v>0</v>
      </c>
      <c r="JK37" s="61">
        <v>41</v>
      </c>
      <c r="JL37" s="61">
        <v>34</v>
      </c>
      <c r="JM37" s="61">
        <v>14</v>
      </c>
      <c r="JN37" s="61">
        <v>28</v>
      </c>
      <c r="JO37" s="61">
        <v>13</v>
      </c>
      <c r="JP37" s="62">
        <v>130</v>
      </c>
      <c r="JQ37" s="63">
        <v>150</v>
      </c>
      <c r="JR37" s="60">
        <v>0</v>
      </c>
      <c r="JS37" s="61">
        <v>0</v>
      </c>
      <c r="JT37" s="62">
        <v>0</v>
      </c>
      <c r="JU37" s="443">
        <v>0</v>
      </c>
      <c r="JV37" s="61">
        <v>3</v>
      </c>
      <c r="JW37" s="61">
        <v>3</v>
      </c>
      <c r="JX37" s="61">
        <v>1</v>
      </c>
      <c r="JY37" s="61">
        <v>1</v>
      </c>
      <c r="JZ37" s="61">
        <v>2</v>
      </c>
      <c r="KA37" s="62">
        <v>10</v>
      </c>
      <c r="KB37" s="63">
        <v>10</v>
      </c>
      <c r="KC37" s="60">
        <v>58</v>
      </c>
      <c r="KD37" s="61">
        <v>58</v>
      </c>
      <c r="KE37" s="62">
        <v>116</v>
      </c>
      <c r="KF37" s="443">
        <v>0</v>
      </c>
      <c r="KG37" s="61">
        <v>145</v>
      </c>
      <c r="KH37" s="61">
        <v>99</v>
      </c>
      <c r="KI37" s="61">
        <v>56</v>
      </c>
      <c r="KJ37" s="61">
        <v>67</v>
      </c>
      <c r="KK37" s="61">
        <v>34</v>
      </c>
      <c r="KL37" s="62">
        <v>401</v>
      </c>
      <c r="KM37" s="63">
        <v>517</v>
      </c>
    </row>
    <row r="38" spans="2:299" ht="21" customHeight="1" x14ac:dyDescent="0.2">
      <c r="B38" s="437" t="s">
        <v>35</v>
      </c>
      <c r="C38" s="287">
        <v>61</v>
      </c>
      <c r="D38" s="72">
        <v>50</v>
      </c>
      <c r="E38" s="73">
        <v>111</v>
      </c>
      <c r="F38" s="443">
        <v>0</v>
      </c>
      <c r="G38" s="72">
        <v>149</v>
      </c>
      <c r="H38" s="72">
        <v>80</v>
      </c>
      <c r="I38" s="72">
        <v>65</v>
      </c>
      <c r="J38" s="72">
        <v>56</v>
      </c>
      <c r="K38" s="72">
        <v>31</v>
      </c>
      <c r="L38" s="74">
        <v>381</v>
      </c>
      <c r="M38" s="75">
        <v>492</v>
      </c>
      <c r="N38" s="60">
        <v>3</v>
      </c>
      <c r="O38" s="61">
        <v>4</v>
      </c>
      <c r="P38" s="62">
        <v>7</v>
      </c>
      <c r="Q38" s="443">
        <v>0</v>
      </c>
      <c r="R38" s="61">
        <v>12</v>
      </c>
      <c r="S38" s="61">
        <v>5</v>
      </c>
      <c r="T38" s="61">
        <v>5</v>
      </c>
      <c r="U38" s="61">
        <v>4</v>
      </c>
      <c r="V38" s="61">
        <v>4</v>
      </c>
      <c r="W38" s="62">
        <v>30</v>
      </c>
      <c r="X38" s="63">
        <v>37</v>
      </c>
      <c r="Y38" s="60">
        <v>4</v>
      </c>
      <c r="Z38" s="61">
        <v>3</v>
      </c>
      <c r="AA38" s="62">
        <v>7</v>
      </c>
      <c r="AB38" s="443">
        <v>0</v>
      </c>
      <c r="AC38" s="61">
        <v>10</v>
      </c>
      <c r="AD38" s="61">
        <v>7</v>
      </c>
      <c r="AE38" s="61">
        <v>6</v>
      </c>
      <c r="AF38" s="61">
        <v>3</v>
      </c>
      <c r="AG38" s="61">
        <v>4</v>
      </c>
      <c r="AH38" s="62">
        <v>30</v>
      </c>
      <c r="AI38" s="63">
        <v>37</v>
      </c>
      <c r="AJ38" s="60">
        <v>10</v>
      </c>
      <c r="AK38" s="61">
        <v>9</v>
      </c>
      <c r="AL38" s="62">
        <v>19</v>
      </c>
      <c r="AM38" s="443">
        <v>0</v>
      </c>
      <c r="AN38" s="61">
        <v>22</v>
      </c>
      <c r="AO38" s="61">
        <v>8</v>
      </c>
      <c r="AP38" s="61">
        <v>10</v>
      </c>
      <c r="AQ38" s="61">
        <v>9</v>
      </c>
      <c r="AR38" s="61">
        <v>7</v>
      </c>
      <c r="AS38" s="62">
        <v>56</v>
      </c>
      <c r="AT38" s="63">
        <v>75</v>
      </c>
      <c r="AU38" s="60">
        <v>19</v>
      </c>
      <c r="AV38" s="61">
        <v>19</v>
      </c>
      <c r="AW38" s="62">
        <v>38</v>
      </c>
      <c r="AX38" s="443">
        <v>0</v>
      </c>
      <c r="AY38" s="61">
        <v>49</v>
      </c>
      <c r="AZ38" s="61">
        <v>19</v>
      </c>
      <c r="BA38" s="61">
        <v>14</v>
      </c>
      <c r="BB38" s="61">
        <v>12</v>
      </c>
      <c r="BC38" s="61">
        <v>7</v>
      </c>
      <c r="BD38" s="62">
        <v>101</v>
      </c>
      <c r="BE38" s="63">
        <v>139</v>
      </c>
      <c r="BF38" s="60">
        <v>15</v>
      </c>
      <c r="BG38" s="61">
        <v>10</v>
      </c>
      <c r="BH38" s="62">
        <v>25</v>
      </c>
      <c r="BI38" s="443">
        <v>0</v>
      </c>
      <c r="BJ38" s="61">
        <v>36</v>
      </c>
      <c r="BK38" s="61">
        <v>22</v>
      </c>
      <c r="BL38" s="61">
        <v>14</v>
      </c>
      <c r="BM38" s="61">
        <v>12</v>
      </c>
      <c r="BN38" s="61">
        <v>3</v>
      </c>
      <c r="BO38" s="62">
        <v>87</v>
      </c>
      <c r="BP38" s="63">
        <v>112</v>
      </c>
      <c r="BQ38" s="60">
        <v>10</v>
      </c>
      <c r="BR38" s="61">
        <v>5</v>
      </c>
      <c r="BS38" s="62">
        <v>15</v>
      </c>
      <c r="BT38" s="443">
        <v>0</v>
      </c>
      <c r="BU38" s="61">
        <v>20</v>
      </c>
      <c r="BV38" s="61">
        <v>19</v>
      </c>
      <c r="BW38" s="61">
        <v>16</v>
      </c>
      <c r="BX38" s="61">
        <v>16</v>
      </c>
      <c r="BY38" s="61">
        <v>6</v>
      </c>
      <c r="BZ38" s="62">
        <v>77</v>
      </c>
      <c r="CA38" s="63">
        <v>92</v>
      </c>
      <c r="CB38" s="60">
        <v>1</v>
      </c>
      <c r="CC38" s="61">
        <v>2</v>
      </c>
      <c r="CD38" s="62">
        <v>3</v>
      </c>
      <c r="CE38" s="443">
        <v>0</v>
      </c>
      <c r="CF38" s="61">
        <v>5</v>
      </c>
      <c r="CG38" s="61">
        <v>3</v>
      </c>
      <c r="CH38" s="61">
        <v>1</v>
      </c>
      <c r="CI38" s="61">
        <v>2</v>
      </c>
      <c r="CJ38" s="61">
        <v>2</v>
      </c>
      <c r="CK38" s="62">
        <v>13</v>
      </c>
      <c r="CL38" s="63">
        <v>16</v>
      </c>
      <c r="CM38" s="60">
        <v>62</v>
      </c>
      <c r="CN38" s="61">
        <v>52</v>
      </c>
      <c r="CO38" s="62">
        <v>114</v>
      </c>
      <c r="CP38" s="443">
        <v>0</v>
      </c>
      <c r="CQ38" s="61">
        <v>154</v>
      </c>
      <c r="CR38" s="61">
        <v>83</v>
      </c>
      <c r="CS38" s="61">
        <v>66</v>
      </c>
      <c r="CT38" s="61">
        <v>58</v>
      </c>
      <c r="CU38" s="61">
        <v>33</v>
      </c>
      <c r="CV38" s="62">
        <v>394</v>
      </c>
      <c r="CW38" s="63">
        <v>508</v>
      </c>
      <c r="CX38" s="113">
        <v>146</v>
      </c>
      <c r="CY38" s="72">
        <v>156</v>
      </c>
      <c r="CZ38" s="73">
        <v>302</v>
      </c>
      <c r="DA38" s="443">
        <v>0</v>
      </c>
      <c r="DB38" s="72">
        <v>314</v>
      </c>
      <c r="DC38" s="72">
        <v>178</v>
      </c>
      <c r="DD38" s="72">
        <v>162</v>
      </c>
      <c r="DE38" s="72">
        <v>143</v>
      </c>
      <c r="DF38" s="72">
        <v>101</v>
      </c>
      <c r="DG38" s="74">
        <v>898</v>
      </c>
      <c r="DH38" s="75">
        <v>1200</v>
      </c>
      <c r="DI38" s="60">
        <v>1</v>
      </c>
      <c r="DJ38" s="61">
        <v>4</v>
      </c>
      <c r="DK38" s="62">
        <v>5</v>
      </c>
      <c r="DL38" s="443">
        <v>0</v>
      </c>
      <c r="DM38" s="61">
        <v>5</v>
      </c>
      <c r="DN38" s="61">
        <v>4</v>
      </c>
      <c r="DO38" s="61">
        <v>4</v>
      </c>
      <c r="DP38" s="61">
        <v>3</v>
      </c>
      <c r="DQ38" s="61">
        <v>2</v>
      </c>
      <c r="DR38" s="62">
        <v>18</v>
      </c>
      <c r="DS38" s="63">
        <v>23</v>
      </c>
      <c r="DT38" s="60">
        <v>12</v>
      </c>
      <c r="DU38" s="61">
        <v>9</v>
      </c>
      <c r="DV38" s="62">
        <v>21</v>
      </c>
      <c r="DW38" s="443">
        <v>0</v>
      </c>
      <c r="DX38" s="61">
        <v>15</v>
      </c>
      <c r="DY38" s="61">
        <v>8</v>
      </c>
      <c r="DZ38" s="61">
        <v>6</v>
      </c>
      <c r="EA38" s="61">
        <v>9</v>
      </c>
      <c r="EB38" s="61">
        <v>3</v>
      </c>
      <c r="EC38" s="62">
        <v>41</v>
      </c>
      <c r="ED38" s="63">
        <v>62</v>
      </c>
      <c r="EE38" s="60">
        <v>22</v>
      </c>
      <c r="EF38" s="61">
        <v>32</v>
      </c>
      <c r="EG38" s="62">
        <v>54</v>
      </c>
      <c r="EH38" s="443">
        <v>0</v>
      </c>
      <c r="EI38" s="61">
        <v>25</v>
      </c>
      <c r="EJ38" s="61">
        <v>16</v>
      </c>
      <c r="EK38" s="61">
        <v>8</v>
      </c>
      <c r="EL38" s="61">
        <v>6</v>
      </c>
      <c r="EM38" s="61">
        <v>13</v>
      </c>
      <c r="EN38" s="62">
        <v>68</v>
      </c>
      <c r="EO38" s="63">
        <v>122</v>
      </c>
      <c r="EP38" s="60">
        <v>50</v>
      </c>
      <c r="EQ38" s="61">
        <v>29</v>
      </c>
      <c r="ER38" s="62">
        <v>79</v>
      </c>
      <c r="ES38" s="443">
        <v>0</v>
      </c>
      <c r="ET38" s="61">
        <v>67</v>
      </c>
      <c r="EU38" s="61">
        <v>35</v>
      </c>
      <c r="EV38" s="61">
        <v>30</v>
      </c>
      <c r="EW38" s="61">
        <v>23</v>
      </c>
      <c r="EX38" s="61">
        <v>16</v>
      </c>
      <c r="EY38" s="62">
        <v>171</v>
      </c>
      <c r="EZ38" s="63">
        <v>250</v>
      </c>
      <c r="FA38" s="60">
        <v>40</v>
      </c>
      <c r="FB38" s="61">
        <v>52</v>
      </c>
      <c r="FC38" s="62">
        <v>92</v>
      </c>
      <c r="FD38" s="443">
        <v>0</v>
      </c>
      <c r="FE38" s="61">
        <v>111</v>
      </c>
      <c r="FF38" s="61">
        <v>43</v>
      </c>
      <c r="FG38" s="61">
        <v>48</v>
      </c>
      <c r="FH38" s="61">
        <v>39</v>
      </c>
      <c r="FI38" s="61">
        <v>27</v>
      </c>
      <c r="FJ38" s="62">
        <v>268</v>
      </c>
      <c r="FK38" s="63">
        <v>360</v>
      </c>
      <c r="FL38" s="60">
        <v>21</v>
      </c>
      <c r="FM38" s="61">
        <v>30</v>
      </c>
      <c r="FN38" s="62">
        <v>51</v>
      </c>
      <c r="FO38" s="443">
        <v>0</v>
      </c>
      <c r="FP38" s="61">
        <v>91</v>
      </c>
      <c r="FQ38" s="61">
        <v>72</v>
      </c>
      <c r="FR38" s="61">
        <v>66</v>
      </c>
      <c r="FS38" s="61">
        <v>63</v>
      </c>
      <c r="FT38" s="61">
        <v>40</v>
      </c>
      <c r="FU38" s="62">
        <v>332</v>
      </c>
      <c r="FV38" s="63">
        <v>383</v>
      </c>
      <c r="FW38" s="60">
        <v>0</v>
      </c>
      <c r="FX38" s="61">
        <v>1</v>
      </c>
      <c r="FY38" s="62">
        <v>1</v>
      </c>
      <c r="FZ38" s="443">
        <v>0</v>
      </c>
      <c r="GA38" s="61">
        <v>2</v>
      </c>
      <c r="GB38" s="61">
        <v>4</v>
      </c>
      <c r="GC38" s="61">
        <v>1</v>
      </c>
      <c r="GD38" s="61">
        <v>0</v>
      </c>
      <c r="GE38" s="61">
        <v>1</v>
      </c>
      <c r="GF38" s="62">
        <v>8</v>
      </c>
      <c r="GG38" s="63">
        <v>9</v>
      </c>
      <c r="GH38" s="60">
        <v>146</v>
      </c>
      <c r="GI38" s="61">
        <v>157</v>
      </c>
      <c r="GJ38" s="62">
        <v>303</v>
      </c>
      <c r="GK38" s="443">
        <v>0</v>
      </c>
      <c r="GL38" s="61">
        <v>316</v>
      </c>
      <c r="GM38" s="61">
        <v>182</v>
      </c>
      <c r="GN38" s="61">
        <v>163</v>
      </c>
      <c r="GO38" s="61">
        <v>143</v>
      </c>
      <c r="GP38" s="61">
        <v>102</v>
      </c>
      <c r="GQ38" s="62">
        <v>906</v>
      </c>
      <c r="GR38" s="63">
        <v>1209</v>
      </c>
      <c r="GS38" s="113">
        <v>207</v>
      </c>
      <c r="GT38" s="72">
        <v>206</v>
      </c>
      <c r="GU38" s="73">
        <v>413</v>
      </c>
      <c r="GV38" s="224">
        <v>0</v>
      </c>
      <c r="GW38" s="72">
        <v>463</v>
      </c>
      <c r="GX38" s="72">
        <v>258</v>
      </c>
      <c r="GY38" s="72">
        <v>227</v>
      </c>
      <c r="GZ38" s="72">
        <v>199</v>
      </c>
      <c r="HA38" s="72">
        <v>132</v>
      </c>
      <c r="HB38" s="74">
        <v>1279</v>
      </c>
      <c r="HC38" s="75">
        <v>1692</v>
      </c>
      <c r="HD38" s="60">
        <v>4</v>
      </c>
      <c r="HE38" s="61">
        <v>8</v>
      </c>
      <c r="HF38" s="62">
        <v>12</v>
      </c>
      <c r="HG38" s="227">
        <v>0</v>
      </c>
      <c r="HH38" s="61">
        <v>17</v>
      </c>
      <c r="HI38" s="61">
        <v>9</v>
      </c>
      <c r="HJ38" s="61">
        <v>9</v>
      </c>
      <c r="HK38" s="61">
        <v>7</v>
      </c>
      <c r="HL38" s="61">
        <v>6</v>
      </c>
      <c r="HM38" s="62">
        <v>48</v>
      </c>
      <c r="HN38" s="63">
        <v>60</v>
      </c>
      <c r="HO38" s="60">
        <v>16</v>
      </c>
      <c r="HP38" s="61">
        <v>12</v>
      </c>
      <c r="HQ38" s="62">
        <v>28</v>
      </c>
      <c r="HR38" s="443">
        <v>0</v>
      </c>
      <c r="HS38" s="61">
        <v>25</v>
      </c>
      <c r="HT38" s="61">
        <v>15</v>
      </c>
      <c r="HU38" s="61">
        <v>12</v>
      </c>
      <c r="HV38" s="61">
        <v>12</v>
      </c>
      <c r="HW38" s="61">
        <v>7</v>
      </c>
      <c r="HX38" s="62">
        <v>71</v>
      </c>
      <c r="HY38" s="63">
        <v>99</v>
      </c>
      <c r="HZ38" s="60">
        <v>32</v>
      </c>
      <c r="IA38" s="61">
        <v>41</v>
      </c>
      <c r="IB38" s="62">
        <v>73</v>
      </c>
      <c r="IC38" s="443">
        <v>0</v>
      </c>
      <c r="ID38" s="61">
        <v>47</v>
      </c>
      <c r="IE38" s="61">
        <v>24</v>
      </c>
      <c r="IF38" s="61">
        <v>18</v>
      </c>
      <c r="IG38" s="61">
        <v>15</v>
      </c>
      <c r="IH38" s="61">
        <v>20</v>
      </c>
      <c r="II38" s="62">
        <v>124</v>
      </c>
      <c r="IJ38" s="63">
        <v>197</v>
      </c>
      <c r="IK38" s="60">
        <v>69</v>
      </c>
      <c r="IL38" s="61">
        <v>48</v>
      </c>
      <c r="IM38" s="62">
        <v>117</v>
      </c>
      <c r="IN38" s="443">
        <v>0</v>
      </c>
      <c r="IO38" s="61">
        <v>116</v>
      </c>
      <c r="IP38" s="61">
        <v>54</v>
      </c>
      <c r="IQ38" s="61">
        <v>44</v>
      </c>
      <c r="IR38" s="61">
        <v>35</v>
      </c>
      <c r="IS38" s="61">
        <v>23</v>
      </c>
      <c r="IT38" s="62">
        <v>272</v>
      </c>
      <c r="IU38" s="63">
        <v>389</v>
      </c>
      <c r="IV38" s="60">
        <v>55</v>
      </c>
      <c r="IW38" s="61">
        <v>62</v>
      </c>
      <c r="IX38" s="62">
        <v>117</v>
      </c>
      <c r="IY38" s="443">
        <v>0</v>
      </c>
      <c r="IZ38" s="61">
        <v>147</v>
      </c>
      <c r="JA38" s="61">
        <v>65</v>
      </c>
      <c r="JB38" s="61">
        <v>62</v>
      </c>
      <c r="JC38" s="61">
        <v>51</v>
      </c>
      <c r="JD38" s="61">
        <v>30</v>
      </c>
      <c r="JE38" s="62">
        <v>355</v>
      </c>
      <c r="JF38" s="63">
        <v>472</v>
      </c>
      <c r="JG38" s="60">
        <v>31</v>
      </c>
      <c r="JH38" s="61">
        <v>35</v>
      </c>
      <c r="JI38" s="62">
        <v>66</v>
      </c>
      <c r="JJ38" s="443">
        <v>0</v>
      </c>
      <c r="JK38" s="61">
        <v>111</v>
      </c>
      <c r="JL38" s="61">
        <v>91</v>
      </c>
      <c r="JM38" s="61">
        <v>82</v>
      </c>
      <c r="JN38" s="61">
        <v>79</v>
      </c>
      <c r="JO38" s="61">
        <v>46</v>
      </c>
      <c r="JP38" s="62">
        <v>409</v>
      </c>
      <c r="JQ38" s="63">
        <v>475</v>
      </c>
      <c r="JR38" s="60">
        <v>1</v>
      </c>
      <c r="JS38" s="61">
        <v>3</v>
      </c>
      <c r="JT38" s="62">
        <v>4</v>
      </c>
      <c r="JU38" s="443">
        <v>0</v>
      </c>
      <c r="JV38" s="61">
        <v>7</v>
      </c>
      <c r="JW38" s="61">
        <v>7</v>
      </c>
      <c r="JX38" s="61">
        <v>2</v>
      </c>
      <c r="JY38" s="61">
        <v>2</v>
      </c>
      <c r="JZ38" s="61">
        <v>3</v>
      </c>
      <c r="KA38" s="62">
        <v>21</v>
      </c>
      <c r="KB38" s="63">
        <v>25</v>
      </c>
      <c r="KC38" s="60">
        <v>208</v>
      </c>
      <c r="KD38" s="61">
        <v>209</v>
      </c>
      <c r="KE38" s="62">
        <v>417</v>
      </c>
      <c r="KF38" s="443">
        <v>0</v>
      </c>
      <c r="KG38" s="61">
        <v>470</v>
      </c>
      <c r="KH38" s="61">
        <v>265</v>
      </c>
      <c r="KI38" s="61">
        <v>229</v>
      </c>
      <c r="KJ38" s="61">
        <v>201</v>
      </c>
      <c r="KK38" s="61">
        <v>135</v>
      </c>
      <c r="KL38" s="62">
        <v>1300</v>
      </c>
      <c r="KM38" s="63">
        <v>1717</v>
      </c>
    </row>
    <row r="39" spans="2:299" ht="21" customHeight="1" x14ac:dyDescent="0.2">
      <c r="B39" s="437" t="s">
        <v>36</v>
      </c>
      <c r="C39" s="287">
        <v>58</v>
      </c>
      <c r="D39" s="72">
        <v>88</v>
      </c>
      <c r="E39" s="73">
        <v>146</v>
      </c>
      <c r="F39" s="443">
        <v>0</v>
      </c>
      <c r="G39" s="72">
        <v>166</v>
      </c>
      <c r="H39" s="72">
        <v>153</v>
      </c>
      <c r="I39" s="72">
        <v>103</v>
      </c>
      <c r="J39" s="72">
        <v>96</v>
      </c>
      <c r="K39" s="72">
        <v>49</v>
      </c>
      <c r="L39" s="74">
        <v>567</v>
      </c>
      <c r="M39" s="75">
        <v>713</v>
      </c>
      <c r="N39" s="60">
        <v>4</v>
      </c>
      <c r="O39" s="61">
        <v>5</v>
      </c>
      <c r="P39" s="62">
        <v>9</v>
      </c>
      <c r="Q39" s="443">
        <v>0</v>
      </c>
      <c r="R39" s="61">
        <v>8</v>
      </c>
      <c r="S39" s="61">
        <v>14</v>
      </c>
      <c r="T39" s="61">
        <v>8</v>
      </c>
      <c r="U39" s="61">
        <v>5</v>
      </c>
      <c r="V39" s="61">
        <v>6</v>
      </c>
      <c r="W39" s="62">
        <v>41</v>
      </c>
      <c r="X39" s="63">
        <v>50</v>
      </c>
      <c r="Y39" s="60">
        <v>4</v>
      </c>
      <c r="Z39" s="61">
        <v>15</v>
      </c>
      <c r="AA39" s="62">
        <v>19</v>
      </c>
      <c r="AB39" s="443">
        <v>0</v>
      </c>
      <c r="AC39" s="61">
        <v>15</v>
      </c>
      <c r="AD39" s="61">
        <v>25</v>
      </c>
      <c r="AE39" s="61">
        <v>13</v>
      </c>
      <c r="AF39" s="61">
        <v>13</v>
      </c>
      <c r="AG39" s="61">
        <v>6</v>
      </c>
      <c r="AH39" s="62">
        <v>72</v>
      </c>
      <c r="AI39" s="63">
        <v>91</v>
      </c>
      <c r="AJ39" s="60">
        <v>15</v>
      </c>
      <c r="AK39" s="61">
        <v>12</v>
      </c>
      <c r="AL39" s="62">
        <v>27</v>
      </c>
      <c r="AM39" s="443">
        <v>0</v>
      </c>
      <c r="AN39" s="61">
        <v>37</v>
      </c>
      <c r="AO39" s="61">
        <v>25</v>
      </c>
      <c r="AP39" s="61">
        <v>22</v>
      </c>
      <c r="AQ39" s="61">
        <v>13</v>
      </c>
      <c r="AR39" s="61">
        <v>10</v>
      </c>
      <c r="AS39" s="62">
        <v>107</v>
      </c>
      <c r="AT39" s="63">
        <v>134</v>
      </c>
      <c r="AU39" s="60">
        <v>15</v>
      </c>
      <c r="AV39" s="61">
        <v>26</v>
      </c>
      <c r="AW39" s="62">
        <v>41</v>
      </c>
      <c r="AX39" s="443">
        <v>0</v>
      </c>
      <c r="AY39" s="61">
        <v>50</v>
      </c>
      <c r="AZ39" s="61">
        <v>31</v>
      </c>
      <c r="BA39" s="61">
        <v>27</v>
      </c>
      <c r="BB39" s="61">
        <v>28</v>
      </c>
      <c r="BC39" s="61">
        <v>13</v>
      </c>
      <c r="BD39" s="62">
        <v>149</v>
      </c>
      <c r="BE39" s="63">
        <v>190</v>
      </c>
      <c r="BF39" s="60">
        <v>15</v>
      </c>
      <c r="BG39" s="61">
        <v>17</v>
      </c>
      <c r="BH39" s="62">
        <v>32</v>
      </c>
      <c r="BI39" s="443">
        <v>0</v>
      </c>
      <c r="BJ39" s="61">
        <v>42</v>
      </c>
      <c r="BK39" s="61">
        <v>33</v>
      </c>
      <c r="BL39" s="61">
        <v>19</v>
      </c>
      <c r="BM39" s="61">
        <v>22</v>
      </c>
      <c r="BN39" s="61">
        <v>8</v>
      </c>
      <c r="BO39" s="62">
        <v>124</v>
      </c>
      <c r="BP39" s="63">
        <v>156</v>
      </c>
      <c r="BQ39" s="60">
        <v>5</v>
      </c>
      <c r="BR39" s="61">
        <v>13</v>
      </c>
      <c r="BS39" s="62">
        <v>18</v>
      </c>
      <c r="BT39" s="443">
        <v>0</v>
      </c>
      <c r="BU39" s="61">
        <v>14</v>
      </c>
      <c r="BV39" s="61">
        <v>25</v>
      </c>
      <c r="BW39" s="61">
        <v>14</v>
      </c>
      <c r="BX39" s="61">
        <v>15</v>
      </c>
      <c r="BY39" s="61">
        <v>6</v>
      </c>
      <c r="BZ39" s="62">
        <v>74</v>
      </c>
      <c r="CA39" s="63">
        <v>92</v>
      </c>
      <c r="CB39" s="60">
        <v>2</v>
      </c>
      <c r="CC39" s="61">
        <v>1</v>
      </c>
      <c r="CD39" s="62">
        <v>3</v>
      </c>
      <c r="CE39" s="443">
        <v>0</v>
      </c>
      <c r="CF39" s="61">
        <v>6</v>
      </c>
      <c r="CG39" s="61">
        <v>3</v>
      </c>
      <c r="CH39" s="61">
        <v>6</v>
      </c>
      <c r="CI39" s="61">
        <v>7</v>
      </c>
      <c r="CJ39" s="61">
        <v>3</v>
      </c>
      <c r="CK39" s="62">
        <v>25</v>
      </c>
      <c r="CL39" s="63">
        <v>28</v>
      </c>
      <c r="CM39" s="60">
        <v>60</v>
      </c>
      <c r="CN39" s="61">
        <v>89</v>
      </c>
      <c r="CO39" s="62">
        <v>149</v>
      </c>
      <c r="CP39" s="443">
        <v>0</v>
      </c>
      <c r="CQ39" s="61">
        <v>172</v>
      </c>
      <c r="CR39" s="61">
        <v>156</v>
      </c>
      <c r="CS39" s="61">
        <v>109</v>
      </c>
      <c r="CT39" s="61">
        <v>103</v>
      </c>
      <c r="CU39" s="61">
        <v>52</v>
      </c>
      <c r="CV39" s="62">
        <v>592</v>
      </c>
      <c r="CW39" s="63">
        <v>741</v>
      </c>
      <c r="CX39" s="113">
        <v>102</v>
      </c>
      <c r="CY39" s="72">
        <v>187</v>
      </c>
      <c r="CZ39" s="73">
        <v>289</v>
      </c>
      <c r="DA39" s="443">
        <v>0</v>
      </c>
      <c r="DB39" s="72">
        <v>255</v>
      </c>
      <c r="DC39" s="72">
        <v>226</v>
      </c>
      <c r="DD39" s="72">
        <v>183</v>
      </c>
      <c r="DE39" s="72">
        <v>156</v>
      </c>
      <c r="DF39" s="72">
        <v>139</v>
      </c>
      <c r="DG39" s="74">
        <v>959</v>
      </c>
      <c r="DH39" s="75">
        <v>1248</v>
      </c>
      <c r="DI39" s="60">
        <v>1</v>
      </c>
      <c r="DJ39" s="61">
        <v>4</v>
      </c>
      <c r="DK39" s="62">
        <v>5</v>
      </c>
      <c r="DL39" s="443">
        <v>0</v>
      </c>
      <c r="DM39" s="61">
        <v>7</v>
      </c>
      <c r="DN39" s="61">
        <v>7</v>
      </c>
      <c r="DO39" s="61">
        <v>4</v>
      </c>
      <c r="DP39" s="61">
        <v>3</v>
      </c>
      <c r="DQ39" s="61">
        <v>2</v>
      </c>
      <c r="DR39" s="62">
        <v>23</v>
      </c>
      <c r="DS39" s="63">
        <v>28</v>
      </c>
      <c r="DT39" s="60">
        <v>7</v>
      </c>
      <c r="DU39" s="61">
        <v>18</v>
      </c>
      <c r="DV39" s="62">
        <v>25</v>
      </c>
      <c r="DW39" s="443">
        <v>0</v>
      </c>
      <c r="DX39" s="61">
        <v>21</v>
      </c>
      <c r="DY39" s="61">
        <v>16</v>
      </c>
      <c r="DZ39" s="61">
        <v>11</v>
      </c>
      <c r="EA39" s="61">
        <v>12</v>
      </c>
      <c r="EB39" s="61">
        <v>14</v>
      </c>
      <c r="EC39" s="62">
        <v>74</v>
      </c>
      <c r="ED39" s="63">
        <v>99</v>
      </c>
      <c r="EE39" s="60">
        <v>18</v>
      </c>
      <c r="EF39" s="61">
        <v>32</v>
      </c>
      <c r="EG39" s="62">
        <v>50</v>
      </c>
      <c r="EH39" s="443">
        <v>0</v>
      </c>
      <c r="EI39" s="61">
        <v>36</v>
      </c>
      <c r="EJ39" s="61">
        <v>35</v>
      </c>
      <c r="EK39" s="61">
        <v>19</v>
      </c>
      <c r="EL39" s="61">
        <v>23</v>
      </c>
      <c r="EM39" s="61">
        <v>16</v>
      </c>
      <c r="EN39" s="62">
        <v>129</v>
      </c>
      <c r="EO39" s="63">
        <v>179</v>
      </c>
      <c r="EP39" s="60">
        <v>41</v>
      </c>
      <c r="EQ39" s="61">
        <v>56</v>
      </c>
      <c r="ER39" s="62">
        <v>97</v>
      </c>
      <c r="ES39" s="443">
        <v>0</v>
      </c>
      <c r="ET39" s="61">
        <v>72</v>
      </c>
      <c r="EU39" s="61">
        <v>58</v>
      </c>
      <c r="EV39" s="61">
        <v>34</v>
      </c>
      <c r="EW39" s="61">
        <v>30</v>
      </c>
      <c r="EX39" s="61">
        <v>26</v>
      </c>
      <c r="EY39" s="62">
        <v>220</v>
      </c>
      <c r="EZ39" s="63">
        <v>317</v>
      </c>
      <c r="FA39" s="60">
        <v>22</v>
      </c>
      <c r="FB39" s="61">
        <v>53</v>
      </c>
      <c r="FC39" s="62">
        <v>75</v>
      </c>
      <c r="FD39" s="443">
        <v>0</v>
      </c>
      <c r="FE39" s="61">
        <v>72</v>
      </c>
      <c r="FF39" s="61">
        <v>45</v>
      </c>
      <c r="FG39" s="61">
        <v>54</v>
      </c>
      <c r="FH39" s="61">
        <v>35</v>
      </c>
      <c r="FI39" s="61">
        <v>37</v>
      </c>
      <c r="FJ39" s="62">
        <v>243</v>
      </c>
      <c r="FK39" s="63">
        <v>318</v>
      </c>
      <c r="FL39" s="60">
        <v>13</v>
      </c>
      <c r="FM39" s="61">
        <v>24</v>
      </c>
      <c r="FN39" s="62">
        <v>37</v>
      </c>
      <c r="FO39" s="443">
        <v>0</v>
      </c>
      <c r="FP39" s="61">
        <v>47</v>
      </c>
      <c r="FQ39" s="61">
        <v>65</v>
      </c>
      <c r="FR39" s="61">
        <v>61</v>
      </c>
      <c r="FS39" s="61">
        <v>53</v>
      </c>
      <c r="FT39" s="61">
        <v>44</v>
      </c>
      <c r="FU39" s="62">
        <v>270</v>
      </c>
      <c r="FV39" s="63">
        <v>307</v>
      </c>
      <c r="FW39" s="60">
        <v>1</v>
      </c>
      <c r="FX39" s="61">
        <v>3</v>
      </c>
      <c r="FY39" s="62">
        <v>4</v>
      </c>
      <c r="FZ39" s="443">
        <v>0</v>
      </c>
      <c r="GA39" s="61">
        <v>2</v>
      </c>
      <c r="GB39" s="61">
        <v>4</v>
      </c>
      <c r="GC39" s="61">
        <v>0</v>
      </c>
      <c r="GD39" s="61">
        <v>5</v>
      </c>
      <c r="GE39" s="61">
        <v>4</v>
      </c>
      <c r="GF39" s="62">
        <v>15</v>
      </c>
      <c r="GG39" s="63">
        <v>19</v>
      </c>
      <c r="GH39" s="60">
        <v>103</v>
      </c>
      <c r="GI39" s="61">
        <v>190</v>
      </c>
      <c r="GJ39" s="62">
        <v>293</v>
      </c>
      <c r="GK39" s="443">
        <v>0</v>
      </c>
      <c r="GL39" s="61">
        <v>257</v>
      </c>
      <c r="GM39" s="61">
        <v>230</v>
      </c>
      <c r="GN39" s="61">
        <v>183</v>
      </c>
      <c r="GO39" s="61">
        <v>161</v>
      </c>
      <c r="GP39" s="61">
        <v>143</v>
      </c>
      <c r="GQ39" s="62">
        <v>974</v>
      </c>
      <c r="GR39" s="63">
        <v>1267</v>
      </c>
      <c r="GS39" s="113">
        <v>160</v>
      </c>
      <c r="GT39" s="72">
        <v>275</v>
      </c>
      <c r="GU39" s="73">
        <v>435</v>
      </c>
      <c r="GV39" s="224">
        <v>0</v>
      </c>
      <c r="GW39" s="72">
        <v>421</v>
      </c>
      <c r="GX39" s="72">
        <v>379</v>
      </c>
      <c r="GY39" s="72">
        <v>286</v>
      </c>
      <c r="GZ39" s="72">
        <v>252</v>
      </c>
      <c r="HA39" s="72">
        <v>188</v>
      </c>
      <c r="HB39" s="74">
        <v>1526</v>
      </c>
      <c r="HC39" s="75">
        <v>1961</v>
      </c>
      <c r="HD39" s="60">
        <v>5</v>
      </c>
      <c r="HE39" s="61">
        <v>9</v>
      </c>
      <c r="HF39" s="62">
        <v>14</v>
      </c>
      <c r="HG39" s="227">
        <v>0</v>
      </c>
      <c r="HH39" s="61">
        <v>15</v>
      </c>
      <c r="HI39" s="61">
        <v>21</v>
      </c>
      <c r="HJ39" s="61">
        <v>12</v>
      </c>
      <c r="HK39" s="61">
        <v>8</v>
      </c>
      <c r="HL39" s="61">
        <v>8</v>
      </c>
      <c r="HM39" s="62">
        <v>64</v>
      </c>
      <c r="HN39" s="63">
        <v>78</v>
      </c>
      <c r="HO39" s="60">
        <v>11</v>
      </c>
      <c r="HP39" s="61">
        <v>33</v>
      </c>
      <c r="HQ39" s="62">
        <v>44</v>
      </c>
      <c r="HR39" s="443">
        <v>0</v>
      </c>
      <c r="HS39" s="61">
        <v>36</v>
      </c>
      <c r="HT39" s="61">
        <v>41</v>
      </c>
      <c r="HU39" s="61">
        <v>24</v>
      </c>
      <c r="HV39" s="61">
        <v>25</v>
      </c>
      <c r="HW39" s="61">
        <v>20</v>
      </c>
      <c r="HX39" s="62">
        <v>146</v>
      </c>
      <c r="HY39" s="63">
        <v>190</v>
      </c>
      <c r="HZ39" s="60">
        <v>33</v>
      </c>
      <c r="IA39" s="61">
        <v>44</v>
      </c>
      <c r="IB39" s="62">
        <v>77</v>
      </c>
      <c r="IC39" s="443">
        <v>0</v>
      </c>
      <c r="ID39" s="61">
        <v>73</v>
      </c>
      <c r="IE39" s="61">
        <v>60</v>
      </c>
      <c r="IF39" s="61">
        <v>41</v>
      </c>
      <c r="IG39" s="61">
        <v>36</v>
      </c>
      <c r="IH39" s="61">
        <v>26</v>
      </c>
      <c r="II39" s="62">
        <v>236</v>
      </c>
      <c r="IJ39" s="63">
        <v>313</v>
      </c>
      <c r="IK39" s="60">
        <v>56</v>
      </c>
      <c r="IL39" s="61">
        <v>82</v>
      </c>
      <c r="IM39" s="62">
        <v>138</v>
      </c>
      <c r="IN39" s="443">
        <v>0</v>
      </c>
      <c r="IO39" s="61">
        <v>122</v>
      </c>
      <c r="IP39" s="61">
        <v>89</v>
      </c>
      <c r="IQ39" s="61">
        <v>61</v>
      </c>
      <c r="IR39" s="61">
        <v>58</v>
      </c>
      <c r="IS39" s="61">
        <v>39</v>
      </c>
      <c r="IT39" s="62">
        <v>369</v>
      </c>
      <c r="IU39" s="63">
        <v>507</v>
      </c>
      <c r="IV39" s="60">
        <v>37</v>
      </c>
      <c r="IW39" s="61">
        <v>70</v>
      </c>
      <c r="IX39" s="62">
        <v>107</v>
      </c>
      <c r="IY39" s="443">
        <v>0</v>
      </c>
      <c r="IZ39" s="61">
        <v>114</v>
      </c>
      <c r="JA39" s="61">
        <v>78</v>
      </c>
      <c r="JB39" s="61">
        <v>73</v>
      </c>
      <c r="JC39" s="61">
        <v>57</v>
      </c>
      <c r="JD39" s="61">
        <v>45</v>
      </c>
      <c r="JE39" s="62">
        <v>367</v>
      </c>
      <c r="JF39" s="63">
        <v>474</v>
      </c>
      <c r="JG39" s="60">
        <v>18</v>
      </c>
      <c r="JH39" s="61">
        <v>37</v>
      </c>
      <c r="JI39" s="62">
        <v>55</v>
      </c>
      <c r="JJ39" s="443">
        <v>0</v>
      </c>
      <c r="JK39" s="61">
        <v>61</v>
      </c>
      <c r="JL39" s="61">
        <v>90</v>
      </c>
      <c r="JM39" s="61">
        <v>75</v>
      </c>
      <c r="JN39" s="61">
        <v>68</v>
      </c>
      <c r="JO39" s="61">
        <v>50</v>
      </c>
      <c r="JP39" s="62">
        <v>344</v>
      </c>
      <c r="JQ39" s="63">
        <v>399</v>
      </c>
      <c r="JR39" s="60">
        <v>3</v>
      </c>
      <c r="JS39" s="61">
        <v>4</v>
      </c>
      <c r="JT39" s="62">
        <v>7</v>
      </c>
      <c r="JU39" s="443">
        <v>0</v>
      </c>
      <c r="JV39" s="61">
        <v>8</v>
      </c>
      <c r="JW39" s="61">
        <v>7</v>
      </c>
      <c r="JX39" s="61">
        <v>6</v>
      </c>
      <c r="JY39" s="61">
        <v>12</v>
      </c>
      <c r="JZ39" s="61">
        <v>7</v>
      </c>
      <c r="KA39" s="62">
        <v>40</v>
      </c>
      <c r="KB39" s="63">
        <v>47</v>
      </c>
      <c r="KC39" s="60">
        <v>163</v>
      </c>
      <c r="KD39" s="61">
        <v>279</v>
      </c>
      <c r="KE39" s="62">
        <v>442</v>
      </c>
      <c r="KF39" s="443">
        <v>0</v>
      </c>
      <c r="KG39" s="61">
        <v>429</v>
      </c>
      <c r="KH39" s="61">
        <v>386</v>
      </c>
      <c r="KI39" s="61">
        <v>292</v>
      </c>
      <c r="KJ39" s="61">
        <v>264</v>
      </c>
      <c r="KK39" s="61">
        <v>195</v>
      </c>
      <c r="KL39" s="62">
        <v>1566</v>
      </c>
      <c r="KM39" s="63">
        <v>2008</v>
      </c>
    </row>
    <row r="40" spans="2:299" ht="21" customHeight="1" thickBot="1" x14ac:dyDescent="0.25">
      <c r="B40" s="438" t="s">
        <v>37</v>
      </c>
      <c r="C40" s="288">
        <v>4</v>
      </c>
      <c r="D40" s="77">
        <v>0</v>
      </c>
      <c r="E40" s="78">
        <v>4</v>
      </c>
      <c r="F40" s="444">
        <v>0</v>
      </c>
      <c r="G40" s="77">
        <v>9</v>
      </c>
      <c r="H40" s="77">
        <v>5</v>
      </c>
      <c r="I40" s="77">
        <v>8</v>
      </c>
      <c r="J40" s="77">
        <v>6</v>
      </c>
      <c r="K40" s="77">
        <v>2</v>
      </c>
      <c r="L40" s="79">
        <v>30</v>
      </c>
      <c r="M40" s="80">
        <v>34</v>
      </c>
      <c r="N40" s="64">
        <v>1</v>
      </c>
      <c r="O40" s="65">
        <v>0</v>
      </c>
      <c r="P40" s="66">
        <v>1</v>
      </c>
      <c r="Q40" s="444">
        <v>0</v>
      </c>
      <c r="R40" s="65">
        <v>0</v>
      </c>
      <c r="S40" s="65">
        <v>0</v>
      </c>
      <c r="T40" s="65">
        <v>0</v>
      </c>
      <c r="U40" s="65">
        <v>1</v>
      </c>
      <c r="V40" s="65">
        <v>0</v>
      </c>
      <c r="W40" s="66">
        <v>1</v>
      </c>
      <c r="X40" s="67">
        <v>2</v>
      </c>
      <c r="Y40" s="64">
        <v>1</v>
      </c>
      <c r="Z40" s="65">
        <v>0</v>
      </c>
      <c r="AA40" s="66">
        <v>1</v>
      </c>
      <c r="AB40" s="444">
        <v>0</v>
      </c>
      <c r="AC40" s="65">
        <v>0</v>
      </c>
      <c r="AD40" s="65">
        <v>1</v>
      </c>
      <c r="AE40" s="65">
        <v>2</v>
      </c>
      <c r="AF40" s="65">
        <v>1</v>
      </c>
      <c r="AG40" s="65">
        <v>1</v>
      </c>
      <c r="AH40" s="66">
        <v>5</v>
      </c>
      <c r="AI40" s="67">
        <v>6</v>
      </c>
      <c r="AJ40" s="64">
        <v>0</v>
      </c>
      <c r="AK40" s="65">
        <v>0</v>
      </c>
      <c r="AL40" s="66">
        <v>0</v>
      </c>
      <c r="AM40" s="444">
        <v>0</v>
      </c>
      <c r="AN40" s="65">
        <v>2</v>
      </c>
      <c r="AO40" s="65">
        <v>1</v>
      </c>
      <c r="AP40" s="65">
        <v>2</v>
      </c>
      <c r="AQ40" s="65">
        <v>0</v>
      </c>
      <c r="AR40" s="65">
        <v>0</v>
      </c>
      <c r="AS40" s="66">
        <v>5</v>
      </c>
      <c r="AT40" s="67">
        <v>5</v>
      </c>
      <c r="AU40" s="64">
        <v>1</v>
      </c>
      <c r="AV40" s="65">
        <v>0</v>
      </c>
      <c r="AW40" s="66">
        <v>1</v>
      </c>
      <c r="AX40" s="444">
        <v>0</v>
      </c>
      <c r="AY40" s="65">
        <v>3</v>
      </c>
      <c r="AZ40" s="65">
        <v>1</v>
      </c>
      <c r="BA40" s="65">
        <v>1</v>
      </c>
      <c r="BB40" s="65">
        <v>1</v>
      </c>
      <c r="BC40" s="65">
        <v>0</v>
      </c>
      <c r="BD40" s="66">
        <v>6</v>
      </c>
      <c r="BE40" s="67">
        <v>7</v>
      </c>
      <c r="BF40" s="64">
        <v>0</v>
      </c>
      <c r="BG40" s="65">
        <v>0</v>
      </c>
      <c r="BH40" s="66">
        <v>0</v>
      </c>
      <c r="BI40" s="444">
        <v>0</v>
      </c>
      <c r="BJ40" s="65">
        <v>1</v>
      </c>
      <c r="BK40" s="65">
        <v>1</v>
      </c>
      <c r="BL40" s="65">
        <v>3</v>
      </c>
      <c r="BM40" s="65">
        <v>2</v>
      </c>
      <c r="BN40" s="65">
        <v>0</v>
      </c>
      <c r="BO40" s="66">
        <v>7</v>
      </c>
      <c r="BP40" s="67">
        <v>7</v>
      </c>
      <c r="BQ40" s="64">
        <v>1</v>
      </c>
      <c r="BR40" s="65">
        <v>0</v>
      </c>
      <c r="BS40" s="66">
        <v>1</v>
      </c>
      <c r="BT40" s="444">
        <v>0</v>
      </c>
      <c r="BU40" s="65">
        <v>3</v>
      </c>
      <c r="BV40" s="65">
        <v>1</v>
      </c>
      <c r="BW40" s="65">
        <v>0</v>
      </c>
      <c r="BX40" s="65">
        <v>1</v>
      </c>
      <c r="BY40" s="65">
        <v>1</v>
      </c>
      <c r="BZ40" s="66">
        <v>6</v>
      </c>
      <c r="CA40" s="67">
        <v>7</v>
      </c>
      <c r="CB40" s="64">
        <v>0</v>
      </c>
      <c r="CC40" s="65">
        <v>0</v>
      </c>
      <c r="CD40" s="66">
        <v>0</v>
      </c>
      <c r="CE40" s="444">
        <v>0</v>
      </c>
      <c r="CF40" s="65">
        <v>0</v>
      </c>
      <c r="CG40" s="65">
        <v>1</v>
      </c>
      <c r="CH40" s="65">
        <v>0</v>
      </c>
      <c r="CI40" s="65">
        <v>1</v>
      </c>
      <c r="CJ40" s="65">
        <v>0</v>
      </c>
      <c r="CK40" s="66">
        <v>2</v>
      </c>
      <c r="CL40" s="67">
        <v>2</v>
      </c>
      <c r="CM40" s="64">
        <v>4</v>
      </c>
      <c r="CN40" s="65">
        <v>0</v>
      </c>
      <c r="CO40" s="66">
        <v>4</v>
      </c>
      <c r="CP40" s="444">
        <v>0</v>
      </c>
      <c r="CQ40" s="65">
        <v>9</v>
      </c>
      <c r="CR40" s="65">
        <v>6</v>
      </c>
      <c r="CS40" s="65">
        <v>8</v>
      </c>
      <c r="CT40" s="65">
        <v>7</v>
      </c>
      <c r="CU40" s="65">
        <v>2</v>
      </c>
      <c r="CV40" s="66">
        <v>32</v>
      </c>
      <c r="CW40" s="67">
        <v>36</v>
      </c>
      <c r="CX40" s="114">
        <v>18</v>
      </c>
      <c r="CY40" s="77">
        <v>2</v>
      </c>
      <c r="CZ40" s="78">
        <v>20</v>
      </c>
      <c r="DA40" s="444">
        <v>0</v>
      </c>
      <c r="DB40" s="77">
        <v>22</v>
      </c>
      <c r="DC40" s="77">
        <v>18</v>
      </c>
      <c r="DD40" s="77">
        <v>23</v>
      </c>
      <c r="DE40" s="77">
        <v>18</v>
      </c>
      <c r="DF40" s="77">
        <v>18</v>
      </c>
      <c r="DG40" s="79">
        <v>99</v>
      </c>
      <c r="DH40" s="80">
        <v>119</v>
      </c>
      <c r="DI40" s="64">
        <v>0</v>
      </c>
      <c r="DJ40" s="65">
        <v>0</v>
      </c>
      <c r="DK40" s="66">
        <v>0</v>
      </c>
      <c r="DL40" s="444">
        <v>0</v>
      </c>
      <c r="DM40" s="65">
        <v>0</v>
      </c>
      <c r="DN40" s="65">
        <v>0</v>
      </c>
      <c r="DO40" s="65">
        <v>1</v>
      </c>
      <c r="DP40" s="65">
        <v>0</v>
      </c>
      <c r="DQ40" s="65">
        <v>1</v>
      </c>
      <c r="DR40" s="66">
        <v>2</v>
      </c>
      <c r="DS40" s="67">
        <v>2</v>
      </c>
      <c r="DT40" s="64">
        <v>2</v>
      </c>
      <c r="DU40" s="65">
        <v>0</v>
      </c>
      <c r="DV40" s="66">
        <v>2</v>
      </c>
      <c r="DW40" s="444">
        <v>0</v>
      </c>
      <c r="DX40" s="65">
        <v>0</v>
      </c>
      <c r="DY40" s="65">
        <v>0</v>
      </c>
      <c r="DZ40" s="65">
        <v>0</v>
      </c>
      <c r="EA40" s="65">
        <v>2</v>
      </c>
      <c r="EB40" s="65">
        <v>1</v>
      </c>
      <c r="EC40" s="66">
        <v>3</v>
      </c>
      <c r="ED40" s="67">
        <v>5</v>
      </c>
      <c r="EE40" s="64">
        <v>1</v>
      </c>
      <c r="EF40" s="65">
        <v>0</v>
      </c>
      <c r="EG40" s="66">
        <v>1</v>
      </c>
      <c r="EH40" s="444">
        <v>0</v>
      </c>
      <c r="EI40" s="65">
        <v>1</v>
      </c>
      <c r="EJ40" s="65">
        <v>3</v>
      </c>
      <c r="EK40" s="65">
        <v>3</v>
      </c>
      <c r="EL40" s="65">
        <v>1</v>
      </c>
      <c r="EM40" s="65">
        <v>0</v>
      </c>
      <c r="EN40" s="66">
        <v>8</v>
      </c>
      <c r="EO40" s="67">
        <v>9</v>
      </c>
      <c r="EP40" s="64">
        <v>6</v>
      </c>
      <c r="EQ40" s="65">
        <v>1</v>
      </c>
      <c r="ER40" s="66">
        <v>7</v>
      </c>
      <c r="ES40" s="444">
        <v>0</v>
      </c>
      <c r="ET40" s="65">
        <v>6</v>
      </c>
      <c r="EU40" s="65">
        <v>4</v>
      </c>
      <c r="EV40" s="65">
        <v>4</v>
      </c>
      <c r="EW40" s="65">
        <v>4</v>
      </c>
      <c r="EX40" s="65">
        <v>4</v>
      </c>
      <c r="EY40" s="66">
        <v>22</v>
      </c>
      <c r="EZ40" s="67">
        <v>29</v>
      </c>
      <c r="FA40" s="64">
        <v>6</v>
      </c>
      <c r="FB40" s="65">
        <v>1</v>
      </c>
      <c r="FC40" s="66">
        <v>7</v>
      </c>
      <c r="FD40" s="444">
        <v>0</v>
      </c>
      <c r="FE40" s="65">
        <v>7</v>
      </c>
      <c r="FF40" s="65">
        <v>6</v>
      </c>
      <c r="FG40" s="65">
        <v>7</v>
      </c>
      <c r="FH40" s="65">
        <v>5</v>
      </c>
      <c r="FI40" s="65">
        <v>6</v>
      </c>
      <c r="FJ40" s="66">
        <v>31</v>
      </c>
      <c r="FK40" s="67">
        <v>38</v>
      </c>
      <c r="FL40" s="64">
        <v>3</v>
      </c>
      <c r="FM40" s="65">
        <v>0</v>
      </c>
      <c r="FN40" s="66">
        <v>3</v>
      </c>
      <c r="FO40" s="444">
        <v>0</v>
      </c>
      <c r="FP40" s="65">
        <v>8</v>
      </c>
      <c r="FQ40" s="65">
        <v>5</v>
      </c>
      <c r="FR40" s="65">
        <v>8</v>
      </c>
      <c r="FS40" s="65">
        <v>6</v>
      </c>
      <c r="FT40" s="65">
        <v>6</v>
      </c>
      <c r="FU40" s="66">
        <v>33</v>
      </c>
      <c r="FV40" s="67">
        <v>36</v>
      </c>
      <c r="FW40" s="64">
        <v>0</v>
      </c>
      <c r="FX40" s="65">
        <v>0</v>
      </c>
      <c r="FY40" s="66">
        <v>0</v>
      </c>
      <c r="FZ40" s="444">
        <v>0</v>
      </c>
      <c r="GA40" s="65">
        <v>0</v>
      </c>
      <c r="GB40" s="65">
        <v>2</v>
      </c>
      <c r="GC40" s="65">
        <v>0</v>
      </c>
      <c r="GD40" s="65">
        <v>0</v>
      </c>
      <c r="GE40" s="65">
        <v>0</v>
      </c>
      <c r="GF40" s="66">
        <v>2</v>
      </c>
      <c r="GG40" s="67">
        <v>2</v>
      </c>
      <c r="GH40" s="64">
        <v>18</v>
      </c>
      <c r="GI40" s="65">
        <v>2</v>
      </c>
      <c r="GJ40" s="66">
        <v>20</v>
      </c>
      <c r="GK40" s="444">
        <v>0</v>
      </c>
      <c r="GL40" s="65">
        <v>22</v>
      </c>
      <c r="GM40" s="65">
        <v>20</v>
      </c>
      <c r="GN40" s="65">
        <v>23</v>
      </c>
      <c r="GO40" s="65">
        <v>18</v>
      </c>
      <c r="GP40" s="65">
        <v>18</v>
      </c>
      <c r="GQ40" s="66">
        <v>101</v>
      </c>
      <c r="GR40" s="67">
        <v>121</v>
      </c>
      <c r="GS40" s="114">
        <v>22</v>
      </c>
      <c r="GT40" s="77">
        <v>2</v>
      </c>
      <c r="GU40" s="78">
        <v>24</v>
      </c>
      <c r="GV40" s="225">
        <v>0</v>
      </c>
      <c r="GW40" s="77">
        <v>31</v>
      </c>
      <c r="GX40" s="77">
        <v>23</v>
      </c>
      <c r="GY40" s="77">
        <v>31</v>
      </c>
      <c r="GZ40" s="77">
        <v>24</v>
      </c>
      <c r="HA40" s="77">
        <v>20</v>
      </c>
      <c r="HB40" s="79">
        <v>129</v>
      </c>
      <c r="HC40" s="80">
        <v>153</v>
      </c>
      <c r="HD40" s="64">
        <v>1</v>
      </c>
      <c r="HE40" s="65">
        <v>0</v>
      </c>
      <c r="HF40" s="66">
        <v>1</v>
      </c>
      <c r="HG40" s="228">
        <v>0</v>
      </c>
      <c r="HH40" s="65">
        <v>0</v>
      </c>
      <c r="HI40" s="65">
        <v>0</v>
      </c>
      <c r="HJ40" s="65">
        <v>1</v>
      </c>
      <c r="HK40" s="65">
        <v>1</v>
      </c>
      <c r="HL40" s="65">
        <v>1</v>
      </c>
      <c r="HM40" s="66">
        <v>3</v>
      </c>
      <c r="HN40" s="67">
        <v>4</v>
      </c>
      <c r="HO40" s="64">
        <v>3</v>
      </c>
      <c r="HP40" s="65">
        <v>0</v>
      </c>
      <c r="HQ40" s="66">
        <v>3</v>
      </c>
      <c r="HR40" s="444">
        <v>0</v>
      </c>
      <c r="HS40" s="65">
        <v>0</v>
      </c>
      <c r="HT40" s="65">
        <v>1</v>
      </c>
      <c r="HU40" s="65">
        <v>2</v>
      </c>
      <c r="HV40" s="65">
        <v>3</v>
      </c>
      <c r="HW40" s="65">
        <v>2</v>
      </c>
      <c r="HX40" s="66">
        <v>8</v>
      </c>
      <c r="HY40" s="67">
        <v>11</v>
      </c>
      <c r="HZ40" s="64">
        <v>1</v>
      </c>
      <c r="IA40" s="65">
        <v>0</v>
      </c>
      <c r="IB40" s="66">
        <v>1</v>
      </c>
      <c r="IC40" s="444">
        <v>0</v>
      </c>
      <c r="ID40" s="65">
        <v>3</v>
      </c>
      <c r="IE40" s="65">
        <v>4</v>
      </c>
      <c r="IF40" s="65">
        <v>5</v>
      </c>
      <c r="IG40" s="65">
        <v>1</v>
      </c>
      <c r="IH40" s="65">
        <v>0</v>
      </c>
      <c r="II40" s="66">
        <v>13</v>
      </c>
      <c r="IJ40" s="67">
        <v>14</v>
      </c>
      <c r="IK40" s="64">
        <v>7</v>
      </c>
      <c r="IL40" s="65">
        <v>1</v>
      </c>
      <c r="IM40" s="66">
        <v>8</v>
      </c>
      <c r="IN40" s="444">
        <v>0</v>
      </c>
      <c r="IO40" s="65">
        <v>9</v>
      </c>
      <c r="IP40" s="65">
        <v>5</v>
      </c>
      <c r="IQ40" s="65">
        <v>5</v>
      </c>
      <c r="IR40" s="65">
        <v>5</v>
      </c>
      <c r="IS40" s="65">
        <v>4</v>
      </c>
      <c r="IT40" s="66">
        <v>28</v>
      </c>
      <c r="IU40" s="67">
        <v>36</v>
      </c>
      <c r="IV40" s="64">
        <v>6</v>
      </c>
      <c r="IW40" s="65">
        <v>1</v>
      </c>
      <c r="IX40" s="66">
        <v>7</v>
      </c>
      <c r="IY40" s="444">
        <v>0</v>
      </c>
      <c r="IZ40" s="65">
        <v>8</v>
      </c>
      <c r="JA40" s="65">
        <v>7</v>
      </c>
      <c r="JB40" s="65">
        <v>10</v>
      </c>
      <c r="JC40" s="65">
        <v>7</v>
      </c>
      <c r="JD40" s="65">
        <v>6</v>
      </c>
      <c r="JE40" s="66">
        <v>38</v>
      </c>
      <c r="JF40" s="67">
        <v>45</v>
      </c>
      <c r="JG40" s="64">
        <v>4</v>
      </c>
      <c r="JH40" s="65">
        <v>0</v>
      </c>
      <c r="JI40" s="66">
        <v>4</v>
      </c>
      <c r="JJ40" s="444">
        <v>0</v>
      </c>
      <c r="JK40" s="65">
        <v>11</v>
      </c>
      <c r="JL40" s="65">
        <v>6</v>
      </c>
      <c r="JM40" s="65">
        <v>8</v>
      </c>
      <c r="JN40" s="65">
        <v>7</v>
      </c>
      <c r="JO40" s="65">
        <v>7</v>
      </c>
      <c r="JP40" s="66">
        <v>39</v>
      </c>
      <c r="JQ40" s="67">
        <v>43</v>
      </c>
      <c r="JR40" s="64">
        <v>0</v>
      </c>
      <c r="JS40" s="65">
        <v>0</v>
      </c>
      <c r="JT40" s="66">
        <v>0</v>
      </c>
      <c r="JU40" s="444">
        <v>0</v>
      </c>
      <c r="JV40" s="65">
        <v>0</v>
      </c>
      <c r="JW40" s="65">
        <v>3</v>
      </c>
      <c r="JX40" s="65">
        <v>0</v>
      </c>
      <c r="JY40" s="65">
        <v>1</v>
      </c>
      <c r="JZ40" s="65">
        <v>0</v>
      </c>
      <c r="KA40" s="66">
        <v>4</v>
      </c>
      <c r="KB40" s="67">
        <v>4</v>
      </c>
      <c r="KC40" s="64">
        <v>22</v>
      </c>
      <c r="KD40" s="65">
        <v>2</v>
      </c>
      <c r="KE40" s="66">
        <v>24</v>
      </c>
      <c r="KF40" s="444">
        <v>0</v>
      </c>
      <c r="KG40" s="65">
        <v>31</v>
      </c>
      <c r="KH40" s="65">
        <v>26</v>
      </c>
      <c r="KI40" s="65">
        <v>31</v>
      </c>
      <c r="KJ40" s="65">
        <v>25</v>
      </c>
      <c r="KK40" s="65">
        <v>20</v>
      </c>
      <c r="KL40" s="66">
        <v>133</v>
      </c>
      <c r="KM40" s="67">
        <v>157</v>
      </c>
    </row>
    <row r="41" spans="2:299" ht="32.25" customHeight="1" x14ac:dyDescent="0.2">
      <c r="C41" s="283"/>
    </row>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33">
        <f>第１表!F2</f>
        <v>6</v>
      </c>
      <c r="G1" s="229">
        <f>第１表!G2</f>
        <v>3</v>
      </c>
      <c r="H1" s="525">
        <f>IF(G1&lt;3,G1-2+12,G1-2)</f>
        <v>1</v>
      </c>
      <c r="I1" s="525"/>
    </row>
    <row r="2" spans="2:43" ht="24" customHeight="1" thickBot="1" x14ac:dyDescent="0.25">
      <c r="B2" s="15" t="s">
        <v>156</v>
      </c>
      <c r="F2" s="15" t="s">
        <v>138</v>
      </c>
    </row>
    <row r="3" spans="2:43" ht="21" customHeight="1" x14ac:dyDescent="0.2">
      <c r="B3" s="571"/>
      <c r="C3" s="561" t="s">
        <v>57</v>
      </c>
      <c r="D3" s="562"/>
      <c r="E3" s="562"/>
      <c r="F3" s="562"/>
      <c r="G3" s="562"/>
      <c r="H3" s="562"/>
      <c r="I3" s="562"/>
      <c r="J3" s="562"/>
      <c r="K3" s="562"/>
      <c r="L3" s="562"/>
      <c r="M3" s="561" t="s">
        <v>58</v>
      </c>
      <c r="N3" s="574"/>
      <c r="O3" s="574"/>
      <c r="P3" s="574"/>
      <c r="Q3" s="574"/>
      <c r="R3" s="574"/>
      <c r="S3" s="574"/>
      <c r="T3" s="574"/>
      <c r="U3" s="574"/>
      <c r="V3" s="574"/>
      <c r="W3" s="561" t="s">
        <v>59</v>
      </c>
      <c r="X3" s="562"/>
      <c r="Y3" s="562"/>
      <c r="Z3" s="562"/>
      <c r="AA3" s="562"/>
      <c r="AB3" s="562"/>
      <c r="AC3" s="562"/>
      <c r="AD3" s="562"/>
      <c r="AE3" s="562"/>
      <c r="AF3" s="562"/>
      <c r="AG3" s="570" t="s">
        <v>149</v>
      </c>
      <c r="AH3" s="562"/>
      <c r="AI3" s="562"/>
      <c r="AJ3" s="562"/>
      <c r="AK3" s="562"/>
      <c r="AL3" s="562"/>
      <c r="AM3" s="562"/>
      <c r="AN3" s="562"/>
      <c r="AO3" s="562"/>
      <c r="AP3" s="563"/>
    </row>
    <row r="4" spans="2:43" ht="21" customHeight="1" x14ac:dyDescent="0.2">
      <c r="B4" s="573"/>
      <c r="C4" s="543" t="s">
        <v>61</v>
      </c>
      <c r="D4" s="544"/>
      <c r="E4" s="545"/>
      <c r="F4" s="546" t="s">
        <v>62</v>
      </c>
      <c r="G4" s="547"/>
      <c r="H4" s="547"/>
      <c r="I4" s="547"/>
      <c r="J4" s="547"/>
      <c r="K4" s="548"/>
      <c r="L4" s="558" t="s">
        <v>52</v>
      </c>
      <c r="M4" s="543" t="s">
        <v>61</v>
      </c>
      <c r="N4" s="544"/>
      <c r="O4" s="545"/>
      <c r="P4" s="546" t="s">
        <v>62</v>
      </c>
      <c r="Q4" s="547"/>
      <c r="R4" s="547"/>
      <c r="S4" s="547"/>
      <c r="T4" s="547"/>
      <c r="U4" s="548"/>
      <c r="V4" s="549" t="s">
        <v>52</v>
      </c>
      <c r="W4" s="543" t="s">
        <v>61</v>
      </c>
      <c r="X4" s="544"/>
      <c r="Y4" s="545"/>
      <c r="Z4" s="546" t="s">
        <v>62</v>
      </c>
      <c r="AA4" s="547"/>
      <c r="AB4" s="547"/>
      <c r="AC4" s="547"/>
      <c r="AD4" s="547"/>
      <c r="AE4" s="548"/>
      <c r="AF4" s="558" t="s">
        <v>52</v>
      </c>
      <c r="AG4" s="543" t="s">
        <v>61</v>
      </c>
      <c r="AH4" s="544"/>
      <c r="AI4" s="545"/>
      <c r="AJ4" s="546" t="s">
        <v>62</v>
      </c>
      <c r="AK4" s="547"/>
      <c r="AL4" s="547"/>
      <c r="AM4" s="547"/>
      <c r="AN4" s="547"/>
      <c r="AO4" s="548"/>
      <c r="AP4" s="549" t="s">
        <v>52</v>
      </c>
    </row>
    <row r="5" spans="2:43" ht="30" customHeight="1" thickBot="1" x14ac:dyDescent="0.25">
      <c r="B5" s="319" t="s">
        <v>42</v>
      </c>
      <c r="C5" s="26" t="s">
        <v>43</v>
      </c>
      <c r="D5" s="27" t="s">
        <v>44</v>
      </c>
      <c r="E5" s="27" t="s">
        <v>45</v>
      </c>
      <c r="F5" s="28" t="s">
        <v>47</v>
      </c>
      <c r="G5" s="29" t="s">
        <v>48</v>
      </c>
      <c r="H5" s="29" t="s">
        <v>49</v>
      </c>
      <c r="I5" s="30" t="s">
        <v>50</v>
      </c>
      <c r="J5" s="27" t="s">
        <v>51</v>
      </c>
      <c r="K5" s="31" t="s">
        <v>95</v>
      </c>
      <c r="L5" s="559"/>
      <c r="M5" s="26" t="s">
        <v>43</v>
      </c>
      <c r="N5" s="27" t="s">
        <v>44</v>
      </c>
      <c r="O5" s="31" t="s">
        <v>45</v>
      </c>
      <c r="P5" s="12" t="s">
        <v>47</v>
      </c>
      <c r="Q5" s="29" t="s">
        <v>48</v>
      </c>
      <c r="R5" s="29" t="s">
        <v>49</v>
      </c>
      <c r="S5" s="30" t="s">
        <v>50</v>
      </c>
      <c r="T5" s="27" t="s">
        <v>51</v>
      </c>
      <c r="U5" s="31" t="s">
        <v>45</v>
      </c>
      <c r="V5" s="550"/>
      <c r="W5" s="26" t="s">
        <v>43</v>
      </c>
      <c r="X5" s="27" t="s">
        <v>44</v>
      </c>
      <c r="Y5" s="27" t="s">
        <v>45</v>
      </c>
      <c r="Z5" s="28" t="s">
        <v>47</v>
      </c>
      <c r="AA5" s="29" t="s">
        <v>48</v>
      </c>
      <c r="AB5" s="29" t="s">
        <v>49</v>
      </c>
      <c r="AC5" s="30" t="s">
        <v>50</v>
      </c>
      <c r="AD5" s="27" t="s">
        <v>51</v>
      </c>
      <c r="AE5" s="31" t="s">
        <v>45</v>
      </c>
      <c r="AF5" s="559"/>
      <c r="AG5" s="26" t="s">
        <v>43</v>
      </c>
      <c r="AH5" s="27" t="s">
        <v>44</v>
      </c>
      <c r="AI5" s="27" t="s">
        <v>45</v>
      </c>
      <c r="AJ5" s="28" t="s">
        <v>47</v>
      </c>
      <c r="AK5" s="29" t="s">
        <v>48</v>
      </c>
      <c r="AL5" s="29" t="s">
        <v>49</v>
      </c>
      <c r="AM5" s="30" t="s">
        <v>50</v>
      </c>
      <c r="AN5" s="27" t="s">
        <v>51</v>
      </c>
      <c r="AO5" s="31" t="s">
        <v>45</v>
      </c>
      <c r="AP5" s="550"/>
    </row>
    <row r="6" spans="2:43" ht="21" customHeight="1" x14ac:dyDescent="0.2">
      <c r="B6" s="435" t="s">
        <v>4</v>
      </c>
      <c r="C6" s="168">
        <v>0</v>
      </c>
      <c r="D6" s="169">
        <v>0</v>
      </c>
      <c r="E6" s="169">
        <v>0</v>
      </c>
      <c r="F6" s="170">
        <v>13</v>
      </c>
      <c r="G6" s="171">
        <v>67</v>
      </c>
      <c r="H6" s="171">
        <v>474</v>
      </c>
      <c r="I6" s="171">
        <v>694</v>
      </c>
      <c r="J6" s="169">
        <v>343</v>
      </c>
      <c r="K6" s="172">
        <v>1591</v>
      </c>
      <c r="L6" s="173">
        <v>1591</v>
      </c>
      <c r="M6" s="168">
        <v>0</v>
      </c>
      <c r="N6" s="169">
        <v>0</v>
      </c>
      <c r="O6" s="172">
        <v>0</v>
      </c>
      <c r="P6" s="175">
        <v>83</v>
      </c>
      <c r="Q6" s="171">
        <v>168</v>
      </c>
      <c r="R6" s="171">
        <v>268</v>
      </c>
      <c r="S6" s="171">
        <v>293</v>
      </c>
      <c r="T6" s="169">
        <v>157</v>
      </c>
      <c r="U6" s="172">
        <v>969</v>
      </c>
      <c r="V6" s="176">
        <v>969</v>
      </c>
      <c r="W6" s="175">
        <v>0</v>
      </c>
      <c r="X6" s="169">
        <v>0</v>
      </c>
      <c r="Y6" s="169">
        <v>0</v>
      </c>
      <c r="Z6" s="170">
        <v>0</v>
      </c>
      <c r="AA6" s="171">
        <v>0</v>
      </c>
      <c r="AB6" s="171">
        <v>0</v>
      </c>
      <c r="AC6" s="171">
        <v>5</v>
      </c>
      <c r="AD6" s="169">
        <v>4</v>
      </c>
      <c r="AE6" s="172">
        <v>9</v>
      </c>
      <c r="AF6" s="173">
        <v>9</v>
      </c>
      <c r="AG6" s="168">
        <v>0</v>
      </c>
      <c r="AH6" s="169">
        <v>0</v>
      </c>
      <c r="AI6" s="169">
        <v>0</v>
      </c>
      <c r="AJ6" s="170">
        <v>0</v>
      </c>
      <c r="AK6" s="171">
        <v>3</v>
      </c>
      <c r="AL6" s="171">
        <v>2</v>
      </c>
      <c r="AM6" s="171">
        <v>13</v>
      </c>
      <c r="AN6" s="169">
        <v>16</v>
      </c>
      <c r="AO6" s="172">
        <v>34</v>
      </c>
      <c r="AP6" s="174">
        <v>34</v>
      </c>
      <c r="AQ6" s="32"/>
    </row>
    <row r="7" spans="2:43" ht="21" customHeight="1" x14ac:dyDescent="0.2">
      <c r="B7" s="436" t="s">
        <v>5</v>
      </c>
      <c r="C7" s="177">
        <v>0</v>
      </c>
      <c r="D7" s="178">
        <v>0</v>
      </c>
      <c r="E7" s="178">
        <v>0</v>
      </c>
      <c r="F7" s="179">
        <v>9</v>
      </c>
      <c r="G7" s="180">
        <v>52</v>
      </c>
      <c r="H7" s="180">
        <v>243</v>
      </c>
      <c r="I7" s="180">
        <v>301</v>
      </c>
      <c r="J7" s="178">
        <v>158</v>
      </c>
      <c r="K7" s="181">
        <v>763</v>
      </c>
      <c r="L7" s="182">
        <v>763</v>
      </c>
      <c r="M7" s="177">
        <v>0</v>
      </c>
      <c r="N7" s="178">
        <v>0</v>
      </c>
      <c r="O7" s="181">
        <v>0</v>
      </c>
      <c r="P7" s="184">
        <v>38</v>
      </c>
      <c r="Q7" s="180">
        <v>91</v>
      </c>
      <c r="R7" s="180">
        <v>136</v>
      </c>
      <c r="S7" s="180">
        <v>156</v>
      </c>
      <c r="T7" s="178">
        <v>74</v>
      </c>
      <c r="U7" s="181">
        <v>495</v>
      </c>
      <c r="V7" s="185">
        <v>495</v>
      </c>
      <c r="W7" s="184">
        <v>0</v>
      </c>
      <c r="X7" s="178">
        <v>0</v>
      </c>
      <c r="Y7" s="178">
        <v>0</v>
      </c>
      <c r="Z7" s="179">
        <v>0</v>
      </c>
      <c r="AA7" s="180">
        <v>0</v>
      </c>
      <c r="AB7" s="180">
        <v>0</v>
      </c>
      <c r="AC7" s="180">
        <v>4</v>
      </c>
      <c r="AD7" s="178">
        <v>2</v>
      </c>
      <c r="AE7" s="181">
        <v>6</v>
      </c>
      <c r="AF7" s="182">
        <v>6</v>
      </c>
      <c r="AG7" s="177">
        <v>0</v>
      </c>
      <c r="AH7" s="178">
        <v>0</v>
      </c>
      <c r="AI7" s="178">
        <v>0</v>
      </c>
      <c r="AJ7" s="179">
        <v>0</v>
      </c>
      <c r="AK7" s="180">
        <v>0</v>
      </c>
      <c r="AL7" s="180">
        <v>1</v>
      </c>
      <c r="AM7" s="180">
        <v>4</v>
      </c>
      <c r="AN7" s="178">
        <v>5</v>
      </c>
      <c r="AO7" s="181">
        <v>10</v>
      </c>
      <c r="AP7" s="183">
        <v>10</v>
      </c>
      <c r="AQ7" s="32"/>
    </row>
    <row r="8" spans="2:43" ht="21" customHeight="1" x14ac:dyDescent="0.2">
      <c r="B8" s="437" t="s">
        <v>6</v>
      </c>
      <c r="C8" s="177">
        <v>0</v>
      </c>
      <c r="D8" s="178">
        <v>0</v>
      </c>
      <c r="E8" s="178">
        <v>0</v>
      </c>
      <c r="F8" s="179">
        <v>2</v>
      </c>
      <c r="G8" s="180">
        <v>6</v>
      </c>
      <c r="H8" s="180">
        <v>48</v>
      </c>
      <c r="I8" s="180">
        <v>82</v>
      </c>
      <c r="J8" s="178">
        <v>39</v>
      </c>
      <c r="K8" s="181">
        <v>177</v>
      </c>
      <c r="L8" s="182">
        <v>177</v>
      </c>
      <c r="M8" s="177">
        <v>0</v>
      </c>
      <c r="N8" s="178">
        <v>0</v>
      </c>
      <c r="O8" s="181">
        <v>0</v>
      </c>
      <c r="P8" s="184">
        <v>8</v>
      </c>
      <c r="Q8" s="180">
        <v>14</v>
      </c>
      <c r="R8" s="180">
        <v>32</v>
      </c>
      <c r="S8" s="180">
        <v>27</v>
      </c>
      <c r="T8" s="178">
        <v>21</v>
      </c>
      <c r="U8" s="181">
        <v>102</v>
      </c>
      <c r="V8" s="185">
        <v>102</v>
      </c>
      <c r="W8" s="184">
        <v>0</v>
      </c>
      <c r="X8" s="178">
        <v>0</v>
      </c>
      <c r="Y8" s="178">
        <v>0</v>
      </c>
      <c r="Z8" s="179">
        <v>0</v>
      </c>
      <c r="AA8" s="180">
        <v>0</v>
      </c>
      <c r="AB8" s="180">
        <v>0</v>
      </c>
      <c r="AC8" s="180">
        <v>0</v>
      </c>
      <c r="AD8" s="178">
        <v>1</v>
      </c>
      <c r="AE8" s="181">
        <v>1</v>
      </c>
      <c r="AF8" s="182">
        <v>1</v>
      </c>
      <c r="AG8" s="177">
        <v>0</v>
      </c>
      <c r="AH8" s="178">
        <v>0</v>
      </c>
      <c r="AI8" s="178">
        <v>0</v>
      </c>
      <c r="AJ8" s="179">
        <v>0</v>
      </c>
      <c r="AK8" s="180">
        <v>1</v>
      </c>
      <c r="AL8" s="180">
        <v>0</v>
      </c>
      <c r="AM8" s="180">
        <v>1</v>
      </c>
      <c r="AN8" s="178">
        <v>2</v>
      </c>
      <c r="AO8" s="181">
        <v>4</v>
      </c>
      <c r="AP8" s="183">
        <v>4</v>
      </c>
      <c r="AQ8" s="32"/>
    </row>
    <row r="9" spans="2:43" ht="21" customHeight="1" x14ac:dyDescent="0.2">
      <c r="B9" s="437" t="s">
        <v>14</v>
      </c>
      <c r="C9" s="177">
        <v>0</v>
      </c>
      <c r="D9" s="178">
        <v>0</v>
      </c>
      <c r="E9" s="178">
        <v>0</v>
      </c>
      <c r="F9" s="179">
        <v>0</v>
      </c>
      <c r="G9" s="180">
        <v>0</v>
      </c>
      <c r="H9" s="180">
        <v>36</v>
      </c>
      <c r="I9" s="180">
        <v>49</v>
      </c>
      <c r="J9" s="178">
        <v>31</v>
      </c>
      <c r="K9" s="181">
        <v>116</v>
      </c>
      <c r="L9" s="182">
        <v>116</v>
      </c>
      <c r="M9" s="177">
        <v>0</v>
      </c>
      <c r="N9" s="178">
        <v>0</v>
      </c>
      <c r="O9" s="181">
        <v>0</v>
      </c>
      <c r="P9" s="184">
        <v>0</v>
      </c>
      <c r="Q9" s="180">
        <v>10</v>
      </c>
      <c r="R9" s="180">
        <v>15</v>
      </c>
      <c r="S9" s="180">
        <v>13</v>
      </c>
      <c r="T9" s="178">
        <v>10</v>
      </c>
      <c r="U9" s="181">
        <v>48</v>
      </c>
      <c r="V9" s="185">
        <v>48</v>
      </c>
      <c r="W9" s="184">
        <v>0</v>
      </c>
      <c r="X9" s="178">
        <v>0</v>
      </c>
      <c r="Y9" s="178">
        <v>0</v>
      </c>
      <c r="Z9" s="179">
        <v>0</v>
      </c>
      <c r="AA9" s="180">
        <v>0</v>
      </c>
      <c r="AB9" s="180">
        <v>0</v>
      </c>
      <c r="AC9" s="180">
        <v>0</v>
      </c>
      <c r="AD9" s="178">
        <v>1</v>
      </c>
      <c r="AE9" s="181">
        <v>1</v>
      </c>
      <c r="AF9" s="182">
        <v>1</v>
      </c>
      <c r="AG9" s="177">
        <v>0</v>
      </c>
      <c r="AH9" s="178">
        <v>0</v>
      </c>
      <c r="AI9" s="178">
        <v>0</v>
      </c>
      <c r="AJ9" s="179">
        <v>0</v>
      </c>
      <c r="AK9" s="180">
        <v>0</v>
      </c>
      <c r="AL9" s="180">
        <v>0</v>
      </c>
      <c r="AM9" s="180">
        <v>2</v>
      </c>
      <c r="AN9" s="178">
        <v>5</v>
      </c>
      <c r="AO9" s="181">
        <v>7</v>
      </c>
      <c r="AP9" s="183">
        <v>7</v>
      </c>
      <c r="AQ9" s="32"/>
    </row>
    <row r="10" spans="2:43" ht="21" customHeight="1" x14ac:dyDescent="0.2">
      <c r="B10" s="437" t="s">
        <v>7</v>
      </c>
      <c r="C10" s="177">
        <v>0</v>
      </c>
      <c r="D10" s="178">
        <v>0</v>
      </c>
      <c r="E10" s="178">
        <v>0</v>
      </c>
      <c r="F10" s="179">
        <v>0</v>
      </c>
      <c r="G10" s="180">
        <v>2</v>
      </c>
      <c r="H10" s="180">
        <v>19</v>
      </c>
      <c r="I10" s="180">
        <v>52</v>
      </c>
      <c r="J10" s="178">
        <v>25</v>
      </c>
      <c r="K10" s="181">
        <v>98</v>
      </c>
      <c r="L10" s="182">
        <v>98</v>
      </c>
      <c r="M10" s="177">
        <v>0</v>
      </c>
      <c r="N10" s="178">
        <v>0</v>
      </c>
      <c r="O10" s="181">
        <v>0</v>
      </c>
      <c r="P10" s="184">
        <v>12</v>
      </c>
      <c r="Q10" s="180">
        <v>7</v>
      </c>
      <c r="R10" s="180">
        <v>9</v>
      </c>
      <c r="S10" s="180">
        <v>18</v>
      </c>
      <c r="T10" s="178">
        <v>4</v>
      </c>
      <c r="U10" s="181">
        <v>50</v>
      </c>
      <c r="V10" s="185">
        <v>50</v>
      </c>
      <c r="W10" s="184">
        <v>0</v>
      </c>
      <c r="X10" s="178">
        <v>0</v>
      </c>
      <c r="Y10" s="178">
        <v>0</v>
      </c>
      <c r="Z10" s="179">
        <v>0</v>
      </c>
      <c r="AA10" s="180">
        <v>0</v>
      </c>
      <c r="AB10" s="180">
        <v>0</v>
      </c>
      <c r="AC10" s="180">
        <v>0</v>
      </c>
      <c r="AD10" s="178">
        <v>0</v>
      </c>
      <c r="AE10" s="181">
        <v>0</v>
      </c>
      <c r="AF10" s="182">
        <v>0</v>
      </c>
      <c r="AG10" s="177">
        <v>0</v>
      </c>
      <c r="AH10" s="178">
        <v>0</v>
      </c>
      <c r="AI10" s="178">
        <v>0</v>
      </c>
      <c r="AJ10" s="179">
        <v>0</v>
      </c>
      <c r="AK10" s="180">
        <v>0</v>
      </c>
      <c r="AL10" s="180">
        <v>1</v>
      </c>
      <c r="AM10" s="180">
        <v>0</v>
      </c>
      <c r="AN10" s="178">
        <v>0</v>
      </c>
      <c r="AO10" s="181">
        <v>1</v>
      </c>
      <c r="AP10" s="183">
        <v>1</v>
      </c>
      <c r="AQ10" s="32"/>
    </row>
    <row r="11" spans="2:43" ht="21" customHeight="1" x14ac:dyDescent="0.2">
      <c r="B11" s="437" t="s">
        <v>8</v>
      </c>
      <c r="C11" s="177">
        <v>0</v>
      </c>
      <c r="D11" s="178">
        <v>0</v>
      </c>
      <c r="E11" s="178">
        <v>0</v>
      </c>
      <c r="F11" s="179">
        <v>1</v>
      </c>
      <c r="G11" s="180">
        <v>2</v>
      </c>
      <c r="H11" s="180">
        <v>11</v>
      </c>
      <c r="I11" s="180">
        <v>9</v>
      </c>
      <c r="J11" s="178">
        <v>7</v>
      </c>
      <c r="K11" s="181">
        <v>30</v>
      </c>
      <c r="L11" s="182">
        <v>30</v>
      </c>
      <c r="M11" s="177">
        <v>0</v>
      </c>
      <c r="N11" s="178">
        <v>0</v>
      </c>
      <c r="O11" s="181">
        <v>0</v>
      </c>
      <c r="P11" s="184">
        <v>3</v>
      </c>
      <c r="Q11" s="180">
        <v>2</v>
      </c>
      <c r="R11" s="180">
        <v>8</v>
      </c>
      <c r="S11" s="180">
        <v>4</v>
      </c>
      <c r="T11" s="178">
        <v>4</v>
      </c>
      <c r="U11" s="181">
        <v>21</v>
      </c>
      <c r="V11" s="185">
        <v>21</v>
      </c>
      <c r="W11" s="184">
        <v>0</v>
      </c>
      <c r="X11" s="178">
        <v>0</v>
      </c>
      <c r="Y11" s="178">
        <v>0</v>
      </c>
      <c r="Z11" s="179">
        <v>0</v>
      </c>
      <c r="AA11" s="180">
        <v>0</v>
      </c>
      <c r="AB11" s="180">
        <v>0</v>
      </c>
      <c r="AC11" s="180">
        <v>0</v>
      </c>
      <c r="AD11" s="178">
        <v>0</v>
      </c>
      <c r="AE11" s="181">
        <v>0</v>
      </c>
      <c r="AF11" s="182">
        <v>0</v>
      </c>
      <c r="AG11" s="177">
        <v>0</v>
      </c>
      <c r="AH11" s="178">
        <v>0</v>
      </c>
      <c r="AI11" s="178">
        <v>0</v>
      </c>
      <c r="AJ11" s="179">
        <v>0</v>
      </c>
      <c r="AK11" s="180">
        <v>0</v>
      </c>
      <c r="AL11" s="180">
        <v>0</v>
      </c>
      <c r="AM11" s="180">
        <v>1</v>
      </c>
      <c r="AN11" s="178">
        <v>0</v>
      </c>
      <c r="AO11" s="181">
        <v>1</v>
      </c>
      <c r="AP11" s="183">
        <v>1</v>
      </c>
      <c r="AQ11" s="32"/>
    </row>
    <row r="12" spans="2:43" ht="21" customHeight="1" x14ac:dyDescent="0.2">
      <c r="B12" s="437" t="s">
        <v>9</v>
      </c>
      <c r="C12" s="177">
        <v>0</v>
      </c>
      <c r="D12" s="178">
        <v>0</v>
      </c>
      <c r="E12" s="178">
        <v>0</v>
      </c>
      <c r="F12" s="179">
        <v>0</v>
      </c>
      <c r="G12" s="180">
        <v>0</v>
      </c>
      <c r="H12" s="180">
        <v>14</v>
      </c>
      <c r="I12" s="180">
        <v>24</v>
      </c>
      <c r="J12" s="178">
        <v>7</v>
      </c>
      <c r="K12" s="181">
        <v>45</v>
      </c>
      <c r="L12" s="182">
        <v>45</v>
      </c>
      <c r="M12" s="177">
        <v>0</v>
      </c>
      <c r="N12" s="178">
        <v>0</v>
      </c>
      <c r="O12" s="181">
        <v>0</v>
      </c>
      <c r="P12" s="184">
        <v>0</v>
      </c>
      <c r="Q12" s="180">
        <v>5</v>
      </c>
      <c r="R12" s="180">
        <v>10</v>
      </c>
      <c r="S12" s="180">
        <v>7</v>
      </c>
      <c r="T12" s="178">
        <v>3</v>
      </c>
      <c r="U12" s="181">
        <v>25</v>
      </c>
      <c r="V12" s="185">
        <v>25</v>
      </c>
      <c r="W12" s="184">
        <v>0</v>
      </c>
      <c r="X12" s="178">
        <v>0</v>
      </c>
      <c r="Y12" s="178">
        <v>0</v>
      </c>
      <c r="Z12" s="179">
        <v>0</v>
      </c>
      <c r="AA12" s="180">
        <v>0</v>
      </c>
      <c r="AB12" s="180">
        <v>0</v>
      </c>
      <c r="AC12" s="180">
        <v>0</v>
      </c>
      <c r="AD12" s="178">
        <v>0</v>
      </c>
      <c r="AE12" s="181">
        <v>0</v>
      </c>
      <c r="AF12" s="182">
        <v>0</v>
      </c>
      <c r="AG12" s="177">
        <v>0</v>
      </c>
      <c r="AH12" s="178">
        <v>0</v>
      </c>
      <c r="AI12" s="178">
        <v>0</v>
      </c>
      <c r="AJ12" s="179">
        <v>0</v>
      </c>
      <c r="AK12" s="180">
        <v>0</v>
      </c>
      <c r="AL12" s="180">
        <v>0</v>
      </c>
      <c r="AM12" s="180">
        <v>0</v>
      </c>
      <c r="AN12" s="178">
        <v>0</v>
      </c>
      <c r="AO12" s="181">
        <v>0</v>
      </c>
      <c r="AP12" s="183">
        <v>0</v>
      </c>
      <c r="AQ12" s="32"/>
    </row>
    <row r="13" spans="2:43" ht="21" customHeight="1" x14ac:dyDescent="0.2">
      <c r="B13" s="437" t="s">
        <v>10</v>
      </c>
      <c r="C13" s="177">
        <v>0</v>
      </c>
      <c r="D13" s="178">
        <v>0</v>
      </c>
      <c r="E13" s="178">
        <v>0</v>
      </c>
      <c r="F13" s="179">
        <v>1</v>
      </c>
      <c r="G13" s="180">
        <v>1</v>
      </c>
      <c r="H13" s="180">
        <v>22</v>
      </c>
      <c r="I13" s="180">
        <v>37</v>
      </c>
      <c r="J13" s="178">
        <v>11</v>
      </c>
      <c r="K13" s="181">
        <v>72</v>
      </c>
      <c r="L13" s="182">
        <v>72</v>
      </c>
      <c r="M13" s="177">
        <v>0</v>
      </c>
      <c r="N13" s="178">
        <v>0</v>
      </c>
      <c r="O13" s="181">
        <v>0</v>
      </c>
      <c r="P13" s="184">
        <v>5</v>
      </c>
      <c r="Q13" s="180">
        <v>3</v>
      </c>
      <c r="R13" s="180">
        <v>8</v>
      </c>
      <c r="S13" s="180">
        <v>9</v>
      </c>
      <c r="T13" s="178">
        <v>7</v>
      </c>
      <c r="U13" s="181">
        <v>32</v>
      </c>
      <c r="V13" s="185">
        <v>32</v>
      </c>
      <c r="W13" s="184">
        <v>0</v>
      </c>
      <c r="X13" s="178">
        <v>0</v>
      </c>
      <c r="Y13" s="178">
        <v>0</v>
      </c>
      <c r="Z13" s="179">
        <v>0</v>
      </c>
      <c r="AA13" s="180">
        <v>0</v>
      </c>
      <c r="AB13" s="180">
        <v>0</v>
      </c>
      <c r="AC13" s="180">
        <v>0</v>
      </c>
      <c r="AD13" s="178">
        <v>0</v>
      </c>
      <c r="AE13" s="181">
        <v>0</v>
      </c>
      <c r="AF13" s="182">
        <v>0</v>
      </c>
      <c r="AG13" s="177">
        <v>0</v>
      </c>
      <c r="AH13" s="178">
        <v>0</v>
      </c>
      <c r="AI13" s="178">
        <v>0</v>
      </c>
      <c r="AJ13" s="179">
        <v>0</v>
      </c>
      <c r="AK13" s="180">
        <v>0</v>
      </c>
      <c r="AL13" s="180">
        <v>0</v>
      </c>
      <c r="AM13" s="180">
        <v>0</v>
      </c>
      <c r="AN13" s="178">
        <v>1</v>
      </c>
      <c r="AO13" s="181">
        <v>1</v>
      </c>
      <c r="AP13" s="183">
        <v>1</v>
      </c>
      <c r="AQ13" s="32"/>
    </row>
    <row r="14" spans="2:43" ht="21" customHeight="1" x14ac:dyDescent="0.2">
      <c r="B14" s="437" t="s">
        <v>11</v>
      </c>
      <c r="C14" s="177">
        <v>0</v>
      </c>
      <c r="D14" s="178">
        <v>0</v>
      </c>
      <c r="E14" s="178">
        <v>0</v>
      </c>
      <c r="F14" s="179">
        <v>0</v>
      </c>
      <c r="G14" s="180">
        <v>0</v>
      </c>
      <c r="H14" s="180">
        <v>4</v>
      </c>
      <c r="I14" s="180">
        <v>17</v>
      </c>
      <c r="J14" s="178">
        <v>2</v>
      </c>
      <c r="K14" s="181">
        <v>23</v>
      </c>
      <c r="L14" s="182">
        <v>23</v>
      </c>
      <c r="M14" s="177">
        <v>0</v>
      </c>
      <c r="N14" s="178">
        <v>0</v>
      </c>
      <c r="O14" s="181">
        <v>0</v>
      </c>
      <c r="P14" s="184">
        <v>2</v>
      </c>
      <c r="Q14" s="180">
        <v>2</v>
      </c>
      <c r="R14" s="180">
        <v>3</v>
      </c>
      <c r="S14" s="180">
        <v>5</v>
      </c>
      <c r="T14" s="178">
        <v>7</v>
      </c>
      <c r="U14" s="181">
        <v>19</v>
      </c>
      <c r="V14" s="185">
        <v>19</v>
      </c>
      <c r="W14" s="184">
        <v>0</v>
      </c>
      <c r="X14" s="178">
        <v>0</v>
      </c>
      <c r="Y14" s="178">
        <v>0</v>
      </c>
      <c r="Z14" s="179">
        <v>0</v>
      </c>
      <c r="AA14" s="180">
        <v>0</v>
      </c>
      <c r="AB14" s="180">
        <v>0</v>
      </c>
      <c r="AC14" s="180">
        <v>0</v>
      </c>
      <c r="AD14" s="178">
        <v>0</v>
      </c>
      <c r="AE14" s="181">
        <v>0</v>
      </c>
      <c r="AF14" s="182">
        <v>0</v>
      </c>
      <c r="AG14" s="177">
        <v>0</v>
      </c>
      <c r="AH14" s="178">
        <v>0</v>
      </c>
      <c r="AI14" s="178">
        <v>0</v>
      </c>
      <c r="AJ14" s="179">
        <v>0</v>
      </c>
      <c r="AK14" s="180">
        <v>0</v>
      </c>
      <c r="AL14" s="180">
        <v>0</v>
      </c>
      <c r="AM14" s="180">
        <v>1</v>
      </c>
      <c r="AN14" s="178">
        <v>0</v>
      </c>
      <c r="AO14" s="181">
        <v>1</v>
      </c>
      <c r="AP14" s="183">
        <v>1</v>
      </c>
      <c r="AQ14" s="32"/>
    </row>
    <row r="15" spans="2:43" ht="21" customHeight="1" x14ac:dyDescent="0.2">
      <c r="B15" s="437" t="s">
        <v>12</v>
      </c>
      <c r="C15" s="177">
        <v>0</v>
      </c>
      <c r="D15" s="178">
        <v>0</v>
      </c>
      <c r="E15" s="178">
        <v>0</v>
      </c>
      <c r="F15" s="179">
        <v>0</v>
      </c>
      <c r="G15" s="180">
        <v>0</v>
      </c>
      <c r="H15" s="180">
        <v>9</v>
      </c>
      <c r="I15" s="180">
        <v>9</v>
      </c>
      <c r="J15" s="178">
        <v>7</v>
      </c>
      <c r="K15" s="181">
        <v>25</v>
      </c>
      <c r="L15" s="182">
        <v>25</v>
      </c>
      <c r="M15" s="177">
        <v>0</v>
      </c>
      <c r="N15" s="178">
        <v>0</v>
      </c>
      <c r="O15" s="181">
        <v>0</v>
      </c>
      <c r="P15" s="184">
        <v>0</v>
      </c>
      <c r="Q15" s="180">
        <v>3</v>
      </c>
      <c r="R15" s="180">
        <v>9</v>
      </c>
      <c r="S15" s="180">
        <v>11</v>
      </c>
      <c r="T15" s="178">
        <v>5</v>
      </c>
      <c r="U15" s="181">
        <v>28</v>
      </c>
      <c r="V15" s="185">
        <v>28</v>
      </c>
      <c r="W15" s="184">
        <v>0</v>
      </c>
      <c r="X15" s="178">
        <v>0</v>
      </c>
      <c r="Y15" s="178">
        <v>0</v>
      </c>
      <c r="Z15" s="179">
        <v>0</v>
      </c>
      <c r="AA15" s="180">
        <v>0</v>
      </c>
      <c r="AB15" s="180">
        <v>0</v>
      </c>
      <c r="AC15" s="180">
        <v>0</v>
      </c>
      <c r="AD15" s="178">
        <v>0</v>
      </c>
      <c r="AE15" s="181">
        <v>0</v>
      </c>
      <c r="AF15" s="182">
        <v>0</v>
      </c>
      <c r="AG15" s="177">
        <v>0</v>
      </c>
      <c r="AH15" s="178">
        <v>0</v>
      </c>
      <c r="AI15" s="178">
        <v>0</v>
      </c>
      <c r="AJ15" s="179">
        <v>0</v>
      </c>
      <c r="AK15" s="180">
        <v>0</v>
      </c>
      <c r="AL15" s="180">
        <v>0</v>
      </c>
      <c r="AM15" s="180">
        <v>0</v>
      </c>
      <c r="AN15" s="178">
        <v>1</v>
      </c>
      <c r="AO15" s="181">
        <v>1</v>
      </c>
      <c r="AP15" s="183">
        <v>1</v>
      </c>
      <c r="AQ15" s="32"/>
    </row>
    <row r="16" spans="2:43" ht="21" customHeight="1" x14ac:dyDescent="0.2">
      <c r="B16" s="437" t="s">
        <v>13</v>
      </c>
      <c r="C16" s="177">
        <v>0</v>
      </c>
      <c r="D16" s="178">
        <v>0</v>
      </c>
      <c r="E16" s="178">
        <v>0</v>
      </c>
      <c r="F16" s="179">
        <v>0</v>
      </c>
      <c r="G16" s="180">
        <v>0</v>
      </c>
      <c r="H16" s="180">
        <v>5</v>
      </c>
      <c r="I16" s="180">
        <v>11</v>
      </c>
      <c r="J16" s="178">
        <v>3</v>
      </c>
      <c r="K16" s="181">
        <v>19</v>
      </c>
      <c r="L16" s="182">
        <v>19</v>
      </c>
      <c r="M16" s="177">
        <v>0</v>
      </c>
      <c r="N16" s="178">
        <v>0</v>
      </c>
      <c r="O16" s="181">
        <v>0</v>
      </c>
      <c r="P16" s="184">
        <v>0</v>
      </c>
      <c r="Q16" s="180">
        <v>1</v>
      </c>
      <c r="R16" s="180">
        <v>6</v>
      </c>
      <c r="S16" s="180">
        <v>1</v>
      </c>
      <c r="T16" s="178">
        <v>0</v>
      </c>
      <c r="U16" s="181">
        <v>8</v>
      </c>
      <c r="V16" s="185">
        <v>8</v>
      </c>
      <c r="W16" s="184">
        <v>0</v>
      </c>
      <c r="X16" s="178">
        <v>0</v>
      </c>
      <c r="Y16" s="178">
        <v>0</v>
      </c>
      <c r="Z16" s="179">
        <v>0</v>
      </c>
      <c r="AA16" s="180">
        <v>0</v>
      </c>
      <c r="AB16" s="180">
        <v>0</v>
      </c>
      <c r="AC16" s="180">
        <v>0</v>
      </c>
      <c r="AD16" s="178">
        <v>0</v>
      </c>
      <c r="AE16" s="181">
        <v>0</v>
      </c>
      <c r="AF16" s="182">
        <v>0</v>
      </c>
      <c r="AG16" s="177">
        <v>0</v>
      </c>
      <c r="AH16" s="178">
        <v>0</v>
      </c>
      <c r="AI16" s="178">
        <v>0</v>
      </c>
      <c r="AJ16" s="179">
        <v>0</v>
      </c>
      <c r="AK16" s="180">
        <v>0</v>
      </c>
      <c r="AL16" s="180">
        <v>0</v>
      </c>
      <c r="AM16" s="180">
        <v>0</v>
      </c>
      <c r="AN16" s="178">
        <v>0</v>
      </c>
      <c r="AO16" s="181">
        <v>0</v>
      </c>
      <c r="AP16" s="183">
        <v>0</v>
      </c>
      <c r="AQ16" s="32"/>
    </row>
    <row r="17" spans="2:43" ht="21" customHeight="1" x14ac:dyDescent="0.2">
      <c r="B17" s="437" t="s">
        <v>15</v>
      </c>
      <c r="C17" s="177">
        <v>0</v>
      </c>
      <c r="D17" s="178">
        <v>0</v>
      </c>
      <c r="E17" s="178">
        <v>0</v>
      </c>
      <c r="F17" s="179">
        <v>0</v>
      </c>
      <c r="G17" s="180">
        <v>0</v>
      </c>
      <c r="H17" s="180">
        <v>3</v>
      </c>
      <c r="I17" s="180">
        <v>13</v>
      </c>
      <c r="J17" s="178">
        <v>2</v>
      </c>
      <c r="K17" s="181">
        <v>18</v>
      </c>
      <c r="L17" s="182">
        <v>18</v>
      </c>
      <c r="M17" s="177">
        <v>0</v>
      </c>
      <c r="N17" s="178">
        <v>0</v>
      </c>
      <c r="O17" s="181">
        <v>0</v>
      </c>
      <c r="P17" s="184">
        <v>1</v>
      </c>
      <c r="Q17" s="180">
        <v>1</v>
      </c>
      <c r="R17" s="180">
        <v>2</v>
      </c>
      <c r="S17" s="180">
        <v>4</v>
      </c>
      <c r="T17" s="178">
        <v>1</v>
      </c>
      <c r="U17" s="181">
        <v>9</v>
      </c>
      <c r="V17" s="185">
        <v>9</v>
      </c>
      <c r="W17" s="184">
        <v>0</v>
      </c>
      <c r="X17" s="178">
        <v>0</v>
      </c>
      <c r="Y17" s="178">
        <v>0</v>
      </c>
      <c r="Z17" s="179">
        <v>0</v>
      </c>
      <c r="AA17" s="180">
        <v>0</v>
      </c>
      <c r="AB17" s="180">
        <v>0</v>
      </c>
      <c r="AC17" s="180">
        <v>0</v>
      </c>
      <c r="AD17" s="178">
        <v>0</v>
      </c>
      <c r="AE17" s="181">
        <v>0</v>
      </c>
      <c r="AF17" s="182">
        <v>0</v>
      </c>
      <c r="AG17" s="177">
        <v>0</v>
      </c>
      <c r="AH17" s="178">
        <v>0</v>
      </c>
      <c r="AI17" s="178">
        <v>0</v>
      </c>
      <c r="AJ17" s="179">
        <v>0</v>
      </c>
      <c r="AK17" s="180">
        <v>0</v>
      </c>
      <c r="AL17" s="180">
        <v>0</v>
      </c>
      <c r="AM17" s="180">
        <v>0</v>
      </c>
      <c r="AN17" s="178">
        <v>0</v>
      </c>
      <c r="AO17" s="181">
        <v>0</v>
      </c>
      <c r="AP17" s="183">
        <v>0</v>
      </c>
      <c r="AQ17" s="32"/>
    </row>
    <row r="18" spans="2:43" ht="21" customHeight="1" x14ac:dyDescent="0.2">
      <c r="B18" s="437" t="s">
        <v>16</v>
      </c>
      <c r="C18" s="177">
        <v>0</v>
      </c>
      <c r="D18" s="178">
        <v>0</v>
      </c>
      <c r="E18" s="178">
        <v>0</v>
      </c>
      <c r="F18" s="179">
        <v>0</v>
      </c>
      <c r="G18" s="180">
        <v>1</v>
      </c>
      <c r="H18" s="180">
        <v>6</v>
      </c>
      <c r="I18" s="180">
        <v>8</v>
      </c>
      <c r="J18" s="178">
        <v>5</v>
      </c>
      <c r="K18" s="181">
        <v>20</v>
      </c>
      <c r="L18" s="182">
        <v>20</v>
      </c>
      <c r="M18" s="177">
        <v>0</v>
      </c>
      <c r="N18" s="178">
        <v>0</v>
      </c>
      <c r="O18" s="181">
        <v>0</v>
      </c>
      <c r="P18" s="184">
        <v>1</v>
      </c>
      <c r="Q18" s="180">
        <v>6</v>
      </c>
      <c r="R18" s="180">
        <v>3</v>
      </c>
      <c r="S18" s="180">
        <v>7</v>
      </c>
      <c r="T18" s="178">
        <v>0</v>
      </c>
      <c r="U18" s="181">
        <v>17</v>
      </c>
      <c r="V18" s="185">
        <v>17</v>
      </c>
      <c r="W18" s="184">
        <v>0</v>
      </c>
      <c r="X18" s="178">
        <v>0</v>
      </c>
      <c r="Y18" s="178">
        <v>0</v>
      </c>
      <c r="Z18" s="179">
        <v>0</v>
      </c>
      <c r="AA18" s="180">
        <v>0</v>
      </c>
      <c r="AB18" s="180">
        <v>0</v>
      </c>
      <c r="AC18" s="180">
        <v>0</v>
      </c>
      <c r="AD18" s="178">
        <v>0</v>
      </c>
      <c r="AE18" s="181">
        <v>0</v>
      </c>
      <c r="AF18" s="182">
        <v>0</v>
      </c>
      <c r="AG18" s="177">
        <v>0</v>
      </c>
      <c r="AH18" s="178">
        <v>0</v>
      </c>
      <c r="AI18" s="178">
        <v>0</v>
      </c>
      <c r="AJ18" s="179">
        <v>0</v>
      </c>
      <c r="AK18" s="180">
        <v>0</v>
      </c>
      <c r="AL18" s="180">
        <v>0</v>
      </c>
      <c r="AM18" s="180">
        <v>0</v>
      </c>
      <c r="AN18" s="178">
        <v>1</v>
      </c>
      <c r="AO18" s="181">
        <v>1</v>
      </c>
      <c r="AP18" s="183">
        <v>1</v>
      </c>
      <c r="AQ18" s="32"/>
    </row>
    <row r="19" spans="2:43" ht="21" customHeight="1" x14ac:dyDescent="0.2">
      <c r="B19" s="437" t="s">
        <v>17</v>
      </c>
      <c r="C19" s="177">
        <v>0</v>
      </c>
      <c r="D19" s="178">
        <v>0</v>
      </c>
      <c r="E19" s="178">
        <v>0</v>
      </c>
      <c r="F19" s="179">
        <v>0</v>
      </c>
      <c r="G19" s="180">
        <v>0</v>
      </c>
      <c r="H19" s="180">
        <v>10</v>
      </c>
      <c r="I19" s="180">
        <v>12</v>
      </c>
      <c r="J19" s="178">
        <v>9</v>
      </c>
      <c r="K19" s="181">
        <v>31</v>
      </c>
      <c r="L19" s="182">
        <v>31</v>
      </c>
      <c r="M19" s="177">
        <v>0</v>
      </c>
      <c r="N19" s="178">
        <v>0</v>
      </c>
      <c r="O19" s="181">
        <v>0</v>
      </c>
      <c r="P19" s="184">
        <v>3</v>
      </c>
      <c r="Q19" s="180">
        <v>3</v>
      </c>
      <c r="R19" s="180">
        <v>5</v>
      </c>
      <c r="S19" s="180">
        <v>5</v>
      </c>
      <c r="T19" s="178">
        <v>6</v>
      </c>
      <c r="U19" s="181">
        <v>22</v>
      </c>
      <c r="V19" s="185">
        <v>22</v>
      </c>
      <c r="W19" s="184">
        <v>0</v>
      </c>
      <c r="X19" s="178">
        <v>0</v>
      </c>
      <c r="Y19" s="178">
        <v>0</v>
      </c>
      <c r="Z19" s="179">
        <v>0</v>
      </c>
      <c r="AA19" s="180">
        <v>0</v>
      </c>
      <c r="AB19" s="180">
        <v>0</v>
      </c>
      <c r="AC19" s="180">
        <v>0</v>
      </c>
      <c r="AD19" s="178">
        <v>0</v>
      </c>
      <c r="AE19" s="181">
        <v>0</v>
      </c>
      <c r="AF19" s="182">
        <v>0</v>
      </c>
      <c r="AG19" s="177">
        <v>0</v>
      </c>
      <c r="AH19" s="178">
        <v>0</v>
      </c>
      <c r="AI19" s="178">
        <v>0</v>
      </c>
      <c r="AJ19" s="179">
        <v>0</v>
      </c>
      <c r="AK19" s="180">
        <v>0</v>
      </c>
      <c r="AL19" s="180">
        <v>0</v>
      </c>
      <c r="AM19" s="180">
        <v>1</v>
      </c>
      <c r="AN19" s="178">
        <v>0</v>
      </c>
      <c r="AO19" s="181">
        <v>1</v>
      </c>
      <c r="AP19" s="183">
        <v>1</v>
      </c>
      <c r="AQ19" s="32"/>
    </row>
    <row r="20" spans="2:43" ht="21" customHeight="1" x14ac:dyDescent="0.2">
      <c r="B20" s="437" t="s">
        <v>18</v>
      </c>
      <c r="C20" s="177">
        <v>0</v>
      </c>
      <c r="D20" s="178">
        <v>0</v>
      </c>
      <c r="E20" s="178">
        <v>0</v>
      </c>
      <c r="F20" s="179">
        <v>0</v>
      </c>
      <c r="G20" s="180">
        <v>0</v>
      </c>
      <c r="H20" s="180">
        <v>6</v>
      </c>
      <c r="I20" s="180">
        <v>19</v>
      </c>
      <c r="J20" s="178">
        <v>7</v>
      </c>
      <c r="K20" s="181">
        <v>32</v>
      </c>
      <c r="L20" s="182">
        <v>32</v>
      </c>
      <c r="M20" s="177">
        <v>0</v>
      </c>
      <c r="N20" s="178">
        <v>0</v>
      </c>
      <c r="O20" s="181">
        <v>0</v>
      </c>
      <c r="P20" s="184">
        <v>1</v>
      </c>
      <c r="Q20" s="180">
        <v>6</v>
      </c>
      <c r="R20" s="180">
        <v>4</v>
      </c>
      <c r="S20" s="180">
        <v>4</v>
      </c>
      <c r="T20" s="178">
        <v>4</v>
      </c>
      <c r="U20" s="181">
        <v>19</v>
      </c>
      <c r="V20" s="185">
        <v>19</v>
      </c>
      <c r="W20" s="184">
        <v>0</v>
      </c>
      <c r="X20" s="178">
        <v>0</v>
      </c>
      <c r="Y20" s="178">
        <v>0</v>
      </c>
      <c r="Z20" s="179">
        <v>0</v>
      </c>
      <c r="AA20" s="180">
        <v>0</v>
      </c>
      <c r="AB20" s="180">
        <v>0</v>
      </c>
      <c r="AC20" s="180">
        <v>1</v>
      </c>
      <c r="AD20" s="178">
        <v>0</v>
      </c>
      <c r="AE20" s="181">
        <v>1</v>
      </c>
      <c r="AF20" s="182">
        <v>1</v>
      </c>
      <c r="AG20" s="177">
        <v>0</v>
      </c>
      <c r="AH20" s="178">
        <v>0</v>
      </c>
      <c r="AI20" s="178">
        <v>0</v>
      </c>
      <c r="AJ20" s="179">
        <v>0</v>
      </c>
      <c r="AK20" s="180">
        <v>0</v>
      </c>
      <c r="AL20" s="180">
        <v>0</v>
      </c>
      <c r="AM20" s="180">
        <v>0</v>
      </c>
      <c r="AN20" s="178">
        <v>1</v>
      </c>
      <c r="AO20" s="181">
        <v>1</v>
      </c>
      <c r="AP20" s="183">
        <v>1</v>
      </c>
      <c r="AQ20" s="32"/>
    </row>
    <row r="21" spans="2:43" ht="21" customHeight="1" x14ac:dyDescent="0.2">
      <c r="B21" s="437" t="s">
        <v>19</v>
      </c>
      <c r="C21" s="177">
        <v>0</v>
      </c>
      <c r="D21" s="178">
        <v>0</v>
      </c>
      <c r="E21" s="178">
        <v>0</v>
      </c>
      <c r="F21" s="179">
        <v>0</v>
      </c>
      <c r="G21" s="180">
        <v>0</v>
      </c>
      <c r="H21" s="180">
        <v>6</v>
      </c>
      <c r="I21" s="180">
        <v>5</v>
      </c>
      <c r="J21" s="178">
        <v>3</v>
      </c>
      <c r="K21" s="181">
        <v>14</v>
      </c>
      <c r="L21" s="182">
        <v>14</v>
      </c>
      <c r="M21" s="177">
        <v>0</v>
      </c>
      <c r="N21" s="178">
        <v>0</v>
      </c>
      <c r="O21" s="181">
        <v>0</v>
      </c>
      <c r="P21" s="184">
        <v>2</v>
      </c>
      <c r="Q21" s="180">
        <v>0</v>
      </c>
      <c r="R21" s="180">
        <v>1</v>
      </c>
      <c r="S21" s="180">
        <v>3</v>
      </c>
      <c r="T21" s="178">
        <v>1</v>
      </c>
      <c r="U21" s="181">
        <v>7</v>
      </c>
      <c r="V21" s="185">
        <v>7</v>
      </c>
      <c r="W21" s="184">
        <v>0</v>
      </c>
      <c r="X21" s="178">
        <v>0</v>
      </c>
      <c r="Y21" s="178">
        <v>0</v>
      </c>
      <c r="Z21" s="179">
        <v>0</v>
      </c>
      <c r="AA21" s="180">
        <v>0</v>
      </c>
      <c r="AB21" s="180">
        <v>0</v>
      </c>
      <c r="AC21" s="180">
        <v>0</v>
      </c>
      <c r="AD21" s="178">
        <v>0</v>
      </c>
      <c r="AE21" s="181">
        <v>0</v>
      </c>
      <c r="AF21" s="182">
        <v>0</v>
      </c>
      <c r="AG21" s="177">
        <v>0</v>
      </c>
      <c r="AH21" s="178">
        <v>0</v>
      </c>
      <c r="AI21" s="178">
        <v>0</v>
      </c>
      <c r="AJ21" s="179">
        <v>0</v>
      </c>
      <c r="AK21" s="180">
        <v>0</v>
      </c>
      <c r="AL21" s="180">
        <v>0</v>
      </c>
      <c r="AM21" s="180">
        <v>0</v>
      </c>
      <c r="AN21" s="178">
        <v>0</v>
      </c>
      <c r="AO21" s="181">
        <v>0</v>
      </c>
      <c r="AP21" s="183">
        <v>0</v>
      </c>
      <c r="AQ21" s="32"/>
    </row>
    <row r="22" spans="2:43" ht="21" customHeight="1" x14ac:dyDescent="0.2">
      <c r="B22" s="437" t="s">
        <v>20</v>
      </c>
      <c r="C22" s="177">
        <v>0</v>
      </c>
      <c r="D22" s="178">
        <v>0</v>
      </c>
      <c r="E22" s="178">
        <v>0</v>
      </c>
      <c r="F22" s="179">
        <v>0</v>
      </c>
      <c r="G22" s="180">
        <v>1</v>
      </c>
      <c r="H22" s="180">
        <v>6</v>
      </c>
      <c r="I22" s="180">
        <v>11</v>
      </c>
      <c r="J22" s="178">
        <v>2</v>
      </c>
      <c r="K22" s="181">
        <v>20</v>
      </c>
      <c r="L22" s="182">
        <v>20</v>
      </c>
      <c r="M22" s="177">
        <v>0</v>
      </c>
      <c r="N22" s="178">
        <v>0</v>
      </c>
      <c r="O22" s="181">
        <v>0</v>
      </c>
      <c r="P22" s="184">
        <v>0</v>
      </c>
      <c r="Q22" s="180">
        <v>2</v>
      </c>
      <c r="R22" s="180">
        <v>1</v>
      </c>
      <c r="S22" s="180">
        <v>1</v>
      </c>
      <c r="T22" s="178">
        <v>0</v>
      </c>
      <c r="U22" s="181">
        <v>4</v>
      </c>
      <c r="V22" s="185">
        <v>4</v>
      </c>
      <c r="W22" s="184">
        <v>0</v>
      </c>
      <c r="X22" s="178">
        <v>0</v>
      </c>
      <c r="Y22" s="178">
        <v>0</v>
      </c>
      <c r="Z22" s="179">
        <v>0</v>
      </c>
      <c r="AA22" s="180">
        <v>0</v>
      </c>
      <c r="AB22" s="180">
        <v>0</v>
      </c>
      <c r="AC22" s="180">
        <v>0</v>
      </c>
      <c r="AD22" s="178">
        <v>0</v>
      </c>
      <c r="AE22" s="181">
        <v>0</v>
      </c>
      <c r="AF22" s="182">
        <v>0</v>
      </c>
      <c r="AG22" s="177">
        <v>0</v>
      </c>
      <c r="AH22" s="178">
        <v>0</v>
      </c>
      <c r="AI22" s="178">
        <v>0</v>
      </c>
      <c r="AJ22" s="179">
        <v>0</v>
      </c>
      <c r="AK22" s="180">
        <v>0</v>
      </c>
      <c r="AL22" s="180">
        <v>0</v>
      </c>
      <c r="AM22" s="180">
        <v>0</v>
      </c>
      <c r="AN22" s="178">
        <v>0</v>
      </c>
      <c r="AO22" s="181">
        <v>0</v>
      </c>
      <c r="AP22" s="183">
        <v>0</v>
      </c>
      <c r="AQ22" s="32"/>
    </row>
    <row r="23" spans="2:43" ht="21" customHeight="1" x14ac:dyDescent="0.2">
      <c r="B23" s="437" t="s">
        <v>21</v>
      </c>
      <c r="C23" s="177">
        <v>0</v>
      </c>
      <c r="D23" s="178">
        <v>0</v>
      </c>
      <c r="E23" s="178">
        <v>0</v>
      </c>
      <c r="F23" s="179">
        <v>0</v>
      </c>
      <c r="G23" s="180">
        <v>0</v>
      </c>
      <c r="H23" s="180">
        <v>4</v>
      </c>
      <c r="I23" s="180">
        <v>11</v>
      </c>
      <c r="J23" s="178">
        <v>9</v>
      </c>
      <c r="K23" s="181">
        <v>24</v>
      </c>
      <c r="L23" s="182">
        <v>24</v>
      </c>
      <c r="M23" s="177">
        <v>0</v>
      </c>
      <c r="N23" s="178">
        <v>0</v>
      </c>
      <c r="O23" s="181">
        <v>0</v>
      </c>
      <c r="P23" s="184">
        <v>0</v>
      </c>
      <c r="Q23" s="180">
        <v>0</v>
      </c>
      <c r="R23" s="180">
        <v>3</v>
      </c>
      <c r="S23" s="180">
        <v>0</v>
      </c>
      <c r="T23" s="178">
        <v>0</v>
      </c>
      <c r="U23" s="181">
        <v>3</v>
      </c>
      <c r="V23" s="185">
        <v>3</v>
      </c>
      <c r="W23" s="184">
        <v>0</v>
      </c>
      <c r="X23" s="178">
        <v>0</v>
      </c>
      <c r="Y23" s="178">
        <v>0</v>
      </c>
      <c r="Z23" s="179">
        <v>0</v>
      </c>
      <c r="AA23" s="180">
        <v>0</v>
      </c>
      <c r="AB23" s="180">
        <v>0</v>
      </c>
      <c r="AC23" s="180">
        <v>0</v>
      </c>
      <c r="AD23" s="178">
        <v>0</v>
      </c>
      <c r="AE23" s="181">
        <v>0</v>
      </c>
      <c r="AF23" s="182">
        <v>0</v>
      </c>
      <c r="AG23" s="177">
        <v>0</v>
      </c>
      <c r="AH23" s="178">
        <v>0</v>
      </c>
      <c r="AI23" s="178">
        <v>0</v>
      </c>
      <c r="AJ23" s="179">
        <v>0</v>
      </c>
      <c r="AK23" s="180">
        <v>0</v>
      </c>
      <c r="AL23" s="180">
        <v>0</v>
      </c>
      <c r="AM23" s="180">
        <v>1</v>
      </c>
      <c r="AN23" s="178">
        <v>0</v>
      </c>
      <c r="AO23" s="181">
        <v>1</v>
      </c>
      <c r="AP23" s="183">
        <v>1</v>
      </c>
      <c r="AQ23" s="32"/>
    </row>
    <row r="24" spans="2:43" ht="21" customHeight="1" x14ac:dyDescent="0.2">
      <c r="B24" s="437" t="s">
        <v>22</v>
      </c>
      <c r="C24" s="177">
        <v>0</v>
      </c>
      <c r="D24" s="178">
        <v>0</v>
      </c>
      <c r="E24" s="178">
        <v>0</v>
      </c>
      <c r="F24" s="179">
        <v>0</v>
      </c>
      <c r="G24" s="180">
        <v>0</v>
      </c>
      <c r="H24" s="180">
        <v>5</v>
      </c>
      <c r="I24" s="180">
        <v>4</v>
      </c>
      <c r="J24" s="178">
        <v>2</v>
      </c>
      <c r="K24" s="181">
        <v>11</v>
      </c>
      <c r="L24" s="182">
        <v>11</v>
      </c>
      <c r="M24" s="177">
        <v>0</v>
      </c>
      <c r="N24" s="178">
        <v>0</v>
      </c>
      <c r="O24" s="181">
        <v>0</v>
      </c>
      <c r="P24" s="184">
        <v>1</v>
      </c>
      <c r="Q24" s="180">
        <v>3</v>
      </c>
      <c r="R24" s="180">
        <v>1</v>
      </c>
      <c r="S24" s="180">
        <v>1</v>
      </c>
      <c r="T24" s="178">
        <v>1</v>
      </c>
      <c r="U24" s="181">
        <v>7</v>
      </c>
      <c r="V24" s="185">
        <v>7</v>
      </c>
      <c r="W24" s="184">
        <v>0</v>
      </c>
      <c r="X24" s="178">
        <v>0</v>
      </c>
      <c r="Y24" s="178">
        <v>0</v>
      </c>
      <c r="Z24" s="179">
        <v>0</v>
      </c>
      <c r="AA24" s="180">
        <v>0</v>
      </c>
      <c r="AB24" s="180">
        <v>0</v>
      </c>
      <c r="AC24" s="180">
        <v>0</v>
      </c>
      <c r="AD24" s="178">
        <v>0</v>
      </c>
      <c r="AE24" s="181">
        <v>0</v>
      </c>
      <c r="AF24" s="182">
        <v>0</v>
      </c>
      <c r="AG24" s="177">
        <v>0</v>
      </c>
      <c r="AH24" s="178">
        <v>0</v>
      </c>
      <c r="AI24" s="178">
        <v>0</v>
      </c>
      <c r="AJ24" s="179">
        <v>0</v>
      </c>
      <c r="AK24" s="180">
        <v>0</v>
      </c>
      <c r="AL24" s="180">
        <v>0</v>
      </c>
      <c r="AM24" s="180">
        <v>1</v>
      </c>
      <c r="AN24" s="178">
        <v>0</v>
      </c>
      <c r="AO24" s="181">
        <v>1</v>
      </c>
      <c r="AP24" s="183">
        <v>1</v>
      </c>
      <c r="AQ24" s="32"/>
    </row>
    <row r="25" spans="2:43" ht="21" customHeight="1" x14ac:dyDescent="0.2">
      <c r="B25" s="437" t="s">
        <v>23</v>
      </c>
      <c r="C25" s="177">
        <v>0</v>
      </c>
      <c r="D25" s="178">
        <v>0</v>
      </c>
      <c r="E25" s="178">
        <v>0</v>
      </c>
      <c r="F25" s="179">
        <v>0</v>
      </c>
      <c r="G25" s="180">
        <v>0</v>
      </c>
      <c r="H25" s="180">
        <v>7</v>
      </c>
      <c r="I25" s="180">
        <v>3</v>
      </c>
      <c r="J25" s="178">
        <v>0</v>
      </c>
      <c r="K25" s="181">
        <v>10</v>
      </c>
      <c r="L25" s="182">
        <v>10</v>
      </c>
      <c r="M25" s="177">
        <v>0</v>
      </c>
      <c r="N25" s="178">
        <v>0</v>
      </c>
      <c r="O25" s="181">
        <v>0</v>
      </c>
      <c r="P25" s="184">
        <v>2</v>
      </c>
      <c r="Q25" s="180">
        <v>1</v>
      </c>
      <c r="R25" s="180">
        <v>2</v>
      </c>
      <c r="S25" s="180">
        <v>2</v>
      </c>
      <c r="T25" s="178">
        <v>2</v>
      </c>
      <c r="U25" s="181">
        <v>9</v>
      </c>
      <c r="V25" s="185">
        <v>9</v>
      </c>
      <c r="W25" s="184">
        <v>0</v>
      </c>
      <c r="X25" s="178">
        <v>0</v>
      </c>
      <c r="Y25" s="178">
        <v>0</v>
      </c>
      <c r="Z25" s="179">
        <v>0</v>
      </c>
      <c r="AA25" s="180">
        <v>0</v>
      </c>
      <c r="AB25" s="180">
        <v>0</v>
      </c>
      <c r="AC25" s="180">
        <v>0</v>
      </c>
      <c r="AD25" s="178">
        <v>0</v>
      </c>
      <c r="AE25" s="181">
        <v>0</v>
      </c>
      <c r="AF25" s="182">
        <v>0</v>
      </c>
      <c r="AG25" s="177">
        <v>0</v>
      </c>
      <c r="AH25" s="178">
        <v>0</v>
      </c>
      <c r="AI25" s="178">
        <v>0</v>
      </c>
      <c r="AJ25" s="179">
        <v>0</v>
      </c>
      <c r="AK25" s="180">
        <v>0</v>
      </c>
      <c r="AL25" s="180">
        <v>0</v>
      </c>
      <c r="AM25" s="180">
        <v>0</v>
      </c>
      <c r="AN25" s="178">
        <v>0</v>
      </c>
      <c r="AO25" s="181">
        <v>0</v>
      </c>
      <c r="AP25" s="183">
        <v>0</v>
      </c>
      <c r="AQ25" s="32"/>
    </row>
    <row r="26" spans="2:43" ht="21" customHeight="1" x14ac:dyDescent="0.2">
      <c r="B26" s="437" t="s">
        <v>24</v>
      </c>
      <c r="C26" s="177">
        <v>0</v>
      </c>
      <c r="D26" s="178">
        <v>0</v>
      </c>
      <c r="E26" s="178">
        <v>0</v>
      </c>
      <c r="F26" s="179">
        <v>0</v>
      </c>
      <c r="G26" s="180">
        <v>0</v>
      </c>
      <c r="H26" s="180">
        <v>1</v>
      </c>
      <c r="I26" s="180">
        <v>5</v>
      </c>
      <c r="J26" s="178">
        <v>3</v>
      </c>
      <c r="K26" s="181">
        <v>9</v>
      </c>
      <c r="L26" s="182">
        <v>9</v>
      </c>
      <c r="M26" s="177">
        <v>0</v>
      </c>
      <c r="N26" s="178">
        <v>0</v>
      </c>
      <c r="O26" s="181">
        <v>0</v>
      </c>
      <c r="P26" s="184">
        <v>0</v>
      </c>
      <c r="Q26" s="180">
        <v>3</v>
      </c>
      <c r="R26" s="180">
        <v>3</v>
      </c>
      <c r="S26" s="180">
        <v>2</v>
      </c>
      <c r="T26" s="178">
        <v>0</v>
      </c>
      <c r="U26" s="181">
        <v>8</v>
      </c>
      <c r="V26" s="185">
        <v>8</v>
      </c>
      <c r="W26" s="184">
        <v>0</v>
      </c>
      <c r="X26" s="178">
        <v>0</v>
      </c>
      <c r="Y26" s="178">
        <v>0</v>
      </c>
      <c r="Z26" s="179">
        <v>0</v>
      </c>
      <c r="AA26" s="180">
        <v>0</v>
      </c>
      <c r="AB26" s="180">
        <v>0</v>
      </c>
      <c r="AC26" s="180">
        <v>0</v>
      </c>
      <c r="AD26" s="178">
        <v>0</v>
      </c>
      <c r="AE26" s="181">
        <v>0</v>
      </c>
      <c r="AF26" s="182">
        <v>0</v>
      </c>
      <c r="AG26" s="177">
        <v>0</v>
      </c>
      <c r="AH26" s="178">
        <v>0</v>
      </c>
      <c r="AI26" s="178">
        <v>0</v>
      </c>
      <c r="AJ26" s="179">
        <v>0</v>
      </c>
      <c r="AK26" s="180">
        <v>0</v>
      </c>
      <c r="AL26" s="180">
        <v>0</v>
      </c>
      <c r="AM26" s="180">
        <v>0</v>
      </c>
      <c r="AN26" s="178">
        <v>0</v>
      </c>
      <c r="AO26" s="181">
        <v>0</v>
      </c>
      <c r="AP26" s="183">
        <v>0</v>
      </c>
      <c r="AQ26" s="32"/>
    </row>
    <row r="27" spans="2:43" ht="21" customHeight="1" x14ac:dyDescent="0.2">
      <c r="B27" s="437" t="s">
        <v>25</v>
      </c>
      <c r="C27" s="177">
        <v>0</v>
      </c>
      <c r="D27" s="178">
        <v>0</v>
      </c>
      <c r="E27" s="178">
        <v>0</v>
      </c>
      <c r="F27" s="179">
        <v>0</v>
      </c>
      <c r="G27" s="180">
        <v>1</v>
      </c>
      <c r="H27" s="180">
        <v>3</v>
      </c>
      <c r="I27" s="180">
        <v>1</v>
      </c>
      <c r="J27" s="178">
        <v>2</v>
      </c>
      <c r="K27" s="181">
        <v>7</v>
      </c>
      <c r="L27" s="182">
        <v>7</v>
      </c>
      <c r="M27" s="177">
        <v>0</v>
      </c>
      <c r="N27" s="178">
        <v>0</v>
      </c>
      <c r="O27" s="181">
        <v>0</v>
      </c>
      <c r="P27" s="184">
        <v>1</v>
      </c>
      <c r="Q27" s="180">
        <v>2</v>
      </c>
      <c r="R27" s="180">
        <v>0</v>
      </c>
      <c r="S27" s="180">
        <v>1</v>
      </c>
      <c r="T27" s="178">
        <v>2</v>
      </c>
      <c r="U27" s="181">
        <v>6</v>
      </c>
      <c r="V27" s="185">
        <v>6</v>
      </c>
      <c r="W27" s="184">
        <v>0</v>
      </c>
      <c r="X27" s="178">
        <v>0</v>
      </c>
      <c r="Y27" s="178">
        <v>0</v>
      </c>
      <c r="Z27" s="179">
        <v>0</v>
      </c>
      <c r="AA27" s="180">
        <v>0</v>
      </c>
      <c r="AB27" s="180">
        <v>0</v>
      </c>
      <c r="AC27" s="180">
        <v>0</v>
      </c>
      <c r="AD27" s="178">
        <v>0</v>
      </c>
      <c r="AE27" s="181">
        <v>0</v>
      </c>
      <c r="AF27" s="182">
        <v>0</v>
      </c>
      <c r="AG27" s="177">
        <v>0</v>
      </c>
      <c r="AH27" s="178">
        <v>0</v>
      </c>
      <c r="AI27" s="178">
        <v>0</v>
      </c>
      <c r="AJ27" s="179">
        <v>0</v>
      </c>
      <c r="AK27" s="180">
        <v>0</v>
      </c>
      <c r="AL27" s="180">
        <v>0</v>
      </c>
      <c r="AM27" s="180">
        <v>0</v>
      </c>
      <c r="AN27" s="178">
        <v>0</v>
      </c>
      <c r="AO27" s="181">
        <v>0</v>
      </c>
      <c r="AP27" s="183">
        <v>0</v>
      </c>
      <c r="AQ27" s="32"/>
    </row>
    <row r="28" spans="2:43" ht="21" customHeight="1" x14ac:dyDescent="0.2">
      <c r="B28" s="437" t="s">
        <v>26</v>
      </c>
      <c r="C28" s="177">
        <v>0</v>
      </c>
      <c r="D28" s="178">
        <v>0</v>
      </c>
      <c r="E28" s="178">
        <v>0</v>
      </c>
      <c r="F28" s="179">
        <v>0</v>
      </c>
      <c r="G28" s="180">
        <v>0</v>
      </c>
      <c r="H28" s="180">
        <v>2</v>
      </c>
      <c r="I28" s="180">
        <v>2</v>
      </c>
      <c r="J28" s="178">
        <v>2</v>
      </c>
      <c r="K28" s="181">
        <v>6</v>
      </c>
      <c r="L28" s="182">
        <v>6</v>
      </c>
      <c r="M28" s="177">
        <v>0</v>
      </c>
      <c r="N28" s="178">
        <v>0</v>
      </c>
      <c r="O28" s="181">
        <v>0</v>
      </c>
      <c r="P28" s="184">
        <v>0</v>
      </c>
      <c r="Q28" s="180">
        <v>1</v>
      </c>
      <c r="R28" s="180">
        <v>2</v>
      </c>
      <c r="S28" s="180">
        <v>0</v>
      </c>
      <c r="T28" s="178">
        <v>0</v>
      </c>
      <c r="U28" s="181">
        <v>3</v>
      </c>
      <c r="V28" s="185">
        <v>3</v>
      </c>
      <c r="W28" s="184">
        <v>0</v>
      </c>
      <c r="X28" s="178">
        <v>0</v>
      </c>
      <c r="Y28" s="178">
        <v>0</v>
      </c>
      <c r="Z28" s="179">
        <v>0</v>
      </c>
      <c r="AA28" s="180">
        <v>0</v>
      </c>
      <c r="AB28" s="180">
        <v>0</v>
      </c>
      <c r="AC28" s="180">
        <v>0</v>
      </c>
      <c r="AD28" s="178">
        <v>0</v>
      </c>
      <c r="AE28" s="181">
        <v>0</v>
      </c>
      <c r="AF28" s="182">
        <v>0</v>
      </c>
      <c r="AG28" s="177">
        <v>0</v>
      </c>
      <c r="AH28" s="178">
        <v>0</v>
      </c>
      <c r="AI28" s="178">
        <v>0</v>
      </c>
      <c r="AJ28" s="179">
        <v>0</v>
      </c>
      <c r="AK28" s="180">
        <v>0</v>
      </c>
      <c r="AL28" s="180">
        <v>0</v>
      </c>
      <c r="AM28" s="180">
        <v>0</v>
      </c>
      <c r="AN28" s="178">
        <v>0</v>
      </c>
      <c r="AO28" s="181">
        <v>0</v>
      </c>
      <c r="AP28" s="183">
        <v>0</v>
      </c>
      <c r="AQ28" s="32"/>
    </row>
    <row r="29" spans="2:43" ht="21" customHeight="1" x14ac:dyDescent="0.2">
      <c r="B29" s="437" t="s">
        <v>27</v>
      </c>
      <c r="C29" s="177">
        <v>0</v>
      </c>
      <c r="D29" s="178">
        <v>0</v>
      </c>
      <c r="E29" s="178">
        <v>0</v>
      </c>
      <c r="F29" s="179">
        <v>0</v>
      </c>
      <c r="G29" s="180">
        <v>1</v>
      </c>
      <c r="H29" s="180">
        <v>1</v>
      </c>
      <c r="I29" s="180">
        <v>0</v>
      </c>
      <c r="J29" s="178">
        <v>1</v>
      </c>
      <c r="K29" s="181">
        <v>3</v>
      </c>
      <c r="L29" s="182">
        <v>3</v>
      </c>
      <c r="M29" s="177">
        <v>0</v>
      </c>
      <c r="N29" s="178">
        <v>0</v>
      </c>
      <c r="O29" s="181">
        <v>0</v>
      </c>
      <c r="P29" s="184">
        <v>0</v>
      </c>
      <c r="Q29" s="180">
        <v>1</v>
      </c>
      <c r="R29" s="180">
        <v>1</v>
      </c>
      <c r="S29" s="180">
        <v>4</v>
      </c>
      <c r="T29" s="178">
        <v>1</v>
      </c>
      <c r="U29" s="181">
        <v>7</v>
      </c>
      <c r="V29" s="185">
        <v>7</v>
      </c>
      <c r="W29" s="184">
        <v>0</v>
      </c>
      <c r="X29" s="178">
        <v>0</v>
      </c>
      <c r="Y29" s="178">
        <v>0</v>
      </c>
      <c r="Z29" s="179">
        <v>0</v>
      </c>
      <c r="AA29" s="180">
        <v>0</v>
      </c>
      <c r="AB29" s="180">
        <v>0</v>
      </c>
      <c r="AC29" s="180">
        <v>0</v>
      </c>
      <c r="AD29" s="178">
        <v>0</v>
      </c>
      <c r="AE29" s="181">
        <v>0</v>
      </c>
      <c r="AF29" s="182">
        <v>0</v>
      </c>
      <c r="AG29" s="177">
        <v>0</v>
      </c>
      <c r="AH29" s="178">
        <v>0</v>
      </c>
      <c r="AI29" s="178">
        <v>0</v>
      </c>
      <c r="AJ29" s="179">
        <v>0</v>
      </c>
      <c r="AK29" s="180">
        <v>0</v>
      </c>
      <c r="AL29" s="180">
        <v>0</v>
      </c>
      <c r="AM29" s="180">
        <v>0</v>
      </c>
      <c r="AN29" s="178">
        <v>0</v>
      </c>
      <c r="AO29" s="181">
        <v>0</v>
      </c>
      <c r="AP29" s="183">
        <v>0</v>
      </c>
      <c r="AQ29" s="32"/>
    </row>
    <row r="30" spans="2:43" ht="21" customHeight="1" x14ac:dyDescent="0.2">
      <c r="B30" s="437" t="s">
        <v>28</v>
      </c>
      <c r="C30" s="177">
        <v>0</v>
      </c>
      <c r="D30" s="178">
        <v>0</v>
      </c>
      <c r="E30" s="178">
        <v>0</v>
      </c>
      <c r="F30" s="179">
        <v>0</v>
      </c>
      <c r="G30" s="180">
        <v>0</v>
      </c>
      <c r="H30" s="180">
        <v>0</v>
      </c>
      <c r="I30" s="180">
        <v>1</v>
      </c>
      <c r="J30" s="178">
        <v>1</v>
      </c>
      <c r="K30" s="181">
        <v>2</v>
      </c>
      <c r="L30" s="182">
        <v>2</v>
      </c>
      <c r="M30" s="177">
        <v>0</v>
      </c>
      <c r="N30" s="178">
        <v>0</v>
      </c>
      <c r="O30" s="181">
        <v>0</v>
      </c>
      <c r="P30" s="184">
        <v>0</v>
      </c>
      <c r="Q30" s="180">
        <v>0</v>
      </c>
      <c r="R30" s="180">
        <v>0</v>
      </c>
      <c r="S30" s="180">
        <v>0</v>
      </c>
      <c r="T30" s="178">
        <v>1</v>
      </c>
      <c r="U30" s="181">
        <v>1</v>
      </c>
      <c r="V30" s="185">
        <v>1</v>
      </c>
      <c r="W30" s="184">
        <v>0</v>
      </c>
      <c r="X30" s="178">
        <v>0</v>
      </c>
      <c r="Y30" s="178">
        <v>0</v>
      </c>
      <c r="Z30" s="179">
        <v>0</v>
      </c>
      <c r="AA30" s="180">
        <v>0</v>
      </c>
      <c r="AB30" s="180">
        <v>0</v>
      </c>
      <c r="AC30" s="180">
        <v>0</v>
      </c>
      <c r="AD30" s="178">
        <v>0</v>
      </c>
      <c r="AE30" s="181">
        <v>0</v>
      </c>
      <c r="AF30" s="182">
        <v>0</v>
      </c>
      <c r="AG30" s="177">
        <v>0</v>
      </c>
      <c r="AH30" s="178">
        <v>0</v>
      </c>
      <c r="AI30" s="178">
        <v>0</v>
      </c>
      <c r="AJ30" s="179">
        <v>0</v>
      </c>
      <c r="AK30" s="180">
        <v>0</v>
      </c>
      <c r="AL30" s="180">
        <v>0</v>
      </c>
      <c r="AM30" s="180">
        <v>0</v>
      </c>
      <c r="AN30" s="178">
        <v>0</v>
      </c>
      <c r="AO30" s="181">
        <v>0</v>
      </c>
      <c r="AP30" s="183">
        <v>0</v>
      </c>
      <c r="AQ30" s="32"/>
    </row>
    <row r="31" spans="2:43" ht="21" customHeight="1" x14ac:dyDescent="0.2">
      <c r="B31" s="437" t="s">
        <v>29</v>
      </c>
      <c r="C31" s="177">
        <v>0</v>
      </c>
      <c r="D31" s="178">
        <v>0</v>
      </c>
      <c r="E31" s="178">
        <v>0</v>
      </c>
      <c r="F31" s="179">
        <v>0</v>
      </c>
      <c r="G31" s="180">
        <v>0</v>
      </c>
      <c r="H31" s="180">
        <v>0</v>
      </c>
      <c r="I31" s="180">
        <v>0</v>
      </c>
      <c r="J31" s="178">
        <v>1</v>
      </c>
      <c r="K31" s="181">
        <v>1</v>
      </c>
      <c r="L31" s="182">
        <v>1</v>
      </c>
      <c r="M31" s="177">
        <v>0</v>
      </c>
      <c r="N31" s="178">
        <v>0</v>
      </c>
      <c r="O31" s="181">
        <v>0</v>
      </c>
      <c r="P31" s="184">
        <v>0</v>
      </c>
      <c r="Q31" s="180">
        <v>0</v>
      </c>
      <c r="R31" s="180">
        <v>0</v>
      </c>
      <c r="S31" s="180">
        <v>1</v>
      </c>
      <c r="T31" s="178">
        <v>1</v>
      </c>
      <c r="U31" s="181">
        <v>2</v>
      </c>
      <c r="V31" s="185">
        <v>2</v>
      </c>
      <c r="W31" s="184">
        <v>0</v>
      </c>
      <c r="X31" s="178">
        <v>0</v>
      </c>
      <c r="Y31" s="178">
        <v>0</v>
      </c>
      <c r="Z31" s="179">
        <v>0</v>
      </c>
      <c r="AA31" s="180">
        <v>0</v>
      </c>
      <c r="AB31" s="180">
        <v>0</v>
      </c>
      <c r="AC31" s="180">
        <v>0</v>
      </c>
      <c r="AD31" s="178">
        <v>0</v>
      </c>
      <c r="AE31" s="181">
        <v>0</v>
      </c>
      <c r="AF31" s="182">
        <v>0</v>
      </c>
      <c r="AG31" s="177">
        <v>0</v>
      </c>
      <c r="AH31" s="178">
        <v>0</v>
      </c>
      <c r="AI31" s="178">
        <v>0</v>
      </c>
      <c r="AJ31" s="179">
        <v>0</v>
      </c>
      <c r="AK31" s="180">
        <v>0</v>
      </c>
      <c r="AL31" s="180">
        <v>0</v>
      </c>
      <c r="AM31" s="180">
        <v>0</v>
      </c>
      <c r="AN31" s="178">
        <v>0</v>
      </c>
      <c r="AO31" s="181">
        <v>0</v>
      </c>
      <c r="AP31" s="183">
        <v>0</v>
      </c>
      <c r="AQ31" s="32"/>
    </row>
    <row r="32" spans="2:43" ht="21" customHeight="1" x14ac:dyDescent="0.2">
      <c r="B32" s="437" t="s">
        <v>30</v>
      </c>
      <c r="C32" s="177">
        <v>0</v>
      </c>
      <c r="D32" s="178">
        <v>0</v>
      </c>
      <c r="E32" s="178">
        <v>0</v>
      </c>
      <c r="F32" s="179">
        <v>0</v>
      </c>
      <c r="G32" s="180">
        <v>0</v>
      </c>
      <c r="H32" s="180">
        <v>0</v>
      </c>
      <c r="I32" s="180">
        <v>0</v>
      </c>
      <c r="J32" s="178">
        <v>1</v>
      </c>
      <c r="K32" s="181">
        <v>1</v>
      </c>
      <c r="L32" s="182">
        <v>1</v>
      </c>
      <c r="M32" s="177">
        <v>0</v>
      </c>
      <c r="N32" s="178">
        <v>0</v>
      </c>
      <c r="O32" s="181">
        <v>0</v>
      </c>
      <c r="P32" s="184">
        <v>1</v>
      </c>
      <c r="Q32" s="180">
        <v>1</v>
      </c>
      <c r="R32" s="180">
        <v>1</v>
      </c>
      <c r="S32" s="180">
        <v>4</v>
      </c>
      <c r="T32" s="178">
        <v>0</v>
      </c>
      <c r="U32" s="181">
        <v>7</v>
      </c>
      <c r="V32" s="185">
        <v>7</v>
      </c>
      <c r="W32" s="184">
        <v>0</v>
      </c>
      <c r="X32" s="178">
        <v>0</v>
      </c>
      <c r="Y32" s="178">
        <v>0</v>
      </c>
      <c r="Z32" s="179">
        <v>0</v>
      </c>
      <c r="AA32" s="180">
        <v>0</v>
      </c>
      <c r="AB32" s="180">
        <v>0</v>
      </c>
      <c r="AC32" s="180">
        <v>0</v>
      </c>
      <c r="AD32" s="178">
        <v>0</v>
      </c>
      <c r="AE32" s="181">
        <v>0</v>
      </c>
      <c r="AF32" s="182">
        <v>0</v>
      </c>
      <c r="AG32" s="177">
        <v>0</v>
      </c>
      <c r="AH32" s="178">
        <v>0</v>
      </c>
      <c r="AI32" s="178">
        <v>0</v>
      </c>
      <c r="AJ32" s="179">
        <v>0</v>
      </c>
      <c r="AK32" s="180">
        <v>0</v>
      </c>
      <c r="AL32" s="180">
        <v>0</v>
      </c>
      <c r="AM32" s="180">
        <v>1</v>
      </c>
      <c r="AN32" s="178">
        <v>0</v>
      </c>
      <c r="AO32" s="181">
        <v>1</v>
      </c>
      <c r="AP32" s="183">
        <v>1</v>
      </c>
      <c r="AQ32" s="32"/>
    </row>
    <row r="33" spans="2:43" ht="21" customHeight="1" x14ac:dyDescent="0.2">
      <c r="B33" s="437" t="s">
        <v>31</v>
      </c>
      <c r="C33" s="177">
        <v>0</v>
      </c>
      <c r="D33" s="178">
        <v>0</v>
      </c>
      <c r="E33" s="178">
        <v>0</v>
      </c>
      <c r="F33" s="179">
        <v>0</v>
      </c>
      <c r="G33" s="180">
        <v>0</v>
      </c>
      <c r="H33" s="180">
        <v>2</v>
      </c>
      <c r="I33" s="180">
        <v>1</v>
      </c>
      <c r="J33" s="178">
        <v>0</v>
      </c>
      <c r="K33" s="181">
        <v>3</v>
      </c>
      <c r="L33" s="182">
        <v>3</v>
      </c>
      <c r="M33" s="177">
        <v>0</v>
      </c>
      <c r="N33" s="178">
        <v>0</v>
      </c>
      <c r="O33" s="181">
        <v>0</v>
      </c>
      <c r="P33" s="184">
        <v>0</v>
      </c>
      <c r="Q33" s="180">
        <v>0</v>
      </c>
      <c r="R33" s="180">
        <v>0</v>
      </c>
      <c r="S33" s="180">
        <v>0</v>
      </c>
      <c r="T33" s="178">
        <v>0</v>
      </c>
      <c r="U33" s="181">
        <v>0</v>
      </c>
      <c r="V33" s="185">
        <v>0</v>
      </c>
      <c r="W33" s="184">
        <v>0</v>
      </c>
      <c r="X33" s="178">
        <v>0</v>
      </c>
      <c r="Y33" s="178">
        <v>0</v>
      </c>
      <c r="Z33" s="179">
        <v>0</v>
      </c>
      <c r="AA33" s="180">
        <v>0</v>
      </c>
      <c r="AB33" s="180">
        <v>0</v>
      </c>
      <c r="AC33" s="180">
        <v>0</v>
      </c>
      <c r="AD33" s="178">
        <v>0</v>
      </c>
      <c r="AE33" s="181">
        <v>0</v>
      </c>
      <c r="AF33" s="182">
        <v>0</v>
      </c>
      <c r="AG33" s="177">
        <v>0</v>
      </c>
      <c r="AH33" s="178">
        <v>0</v>
      </c>
      <c r="AI33" s="178">
        <v>0</v>
      </c>
      <c r="AJ33" s="179">
        <v>0</v>
      </c>
      <c r="AK33" s="180">
        <v>0</v>
      </c>
      <c r="AL33" s="180">
        <v>0</v>
      </c>
      <c r="AM33" s="180">
        <v>0</v>
      </c>
      <c r="AN33" s="178">
        <v>0</v>
      </c>
      <c r="AO33" s="181">
        <v>0</v>
      </c>
      <c r="AP33" s="183">
        <v>0</v>
      </c>
      <c r="AQ33" s="32"/>
    </row>
    <row r="34" spans="2:43" ht="21" customHeight="1" x14ac:dyDescent="0.2">
      <c r="B34" s="437" t="s">
        <v>32</v>
      </c>
      <c r="C34" s="177">
        <v>0</v>
      </c>
      <c r="D34" s="178">
        <v>0</v>
      </c>
      <c r="E34" s="178">
        <v>0</v>
      </c>
      <c r="F34" s="179">
        <v>0</v>
      </c>
      <c r="G34" s="180">
        <v>0</v>
      </c>
      <c r="H34" s="180">
        <v>0</v>
      </c>
      <c r="I34" s="180">
        <v>4</v>
      </c>
      <c r="J34" s="178">
        <v>0</v>
      </c>
      <c r="K34" s="181">
        <v>4</v>
      </c>
      <c r="L34" s="182">
        <v>4</v>
      </c>
      <c r="M34" s="177">
        <v>0</v>
      </c>
      <c r="N34" s="178">
        <v>0</v>
      </c>
      <c r="O34" s="181">
        <v>0</v>
      </c>
      <c r="P34" s="184">
        <v>1</v>
      </c>
      <c r="Q34" s="180">
        <v>0</v>
      </c>
      <c r="R34" s="180">
        <v>0</v>
      </c>
      <c r="S34" s="180">
        <v>2</v>
      </c>
      <c r="T34" s="178">
        <v>1</v>
      </c>
      <c r="U34" s="181">
        <v>4</v>
      </c>
      <c r="V34" s="185">
        <v>4</v>
      </c>
      <c r="W34" s="184">
        <v>0</v>
      </c>
      <c r="X34" s="178">
        <v>0</v>
      </c>
      <c r="Y34" s="178">
        <v>0</v>
      </c>
      <c r="Z34" s="179">
        <v>0</v>
      </c>
      <c r="AA34" s="180">
        <v>0</v>
      </c>
      <c r="AB34" s="180">
        <v>0</v>
      </c>
      <c r="AC34" s="180">
        <v>0</v>
      </c>
      <c r="AD34" s="178">
        <v>0</v>
      </c>
      <c r="AE34" s="181">
        <v>0</v>
      </c>
      <c r="AF34" s="182">
        <v>0</v>
      </c>
      <c r="AG34" s="177">
        <v>0</v>
      </c>
      <c r="AH34" s="178">
        <v>0</v>
      </c>
      <c r="AI34" s="178">
        <v>0</v>
      </c>
      <c r="AJ34" s="179">
        <v>0</v>
      </c>
      <c r="AK34" s="180">
        <v>0</v>
      </c>
      <c r="AL34" s="180">
        <v>0</v>
      </c>
      <c r="AM34" s="180">
        <v>0</v>
      </c>
      <c r="AN34" s="178">
        <v>0</v>
      </c>
      <c r="AO34" s="181">
        <v>0</v>
      </c>
      <c r="AP34" s="183">
        <v>0</v>
      </c>
      <c r="AQ34" s="32"/>
    </row>
    <row r="35" spans="2:43" ht="21" customHeight="1" x14ac:dyDescent="0.2">
      <c r="B35" s="437" t="s">
        <v>33</v>
      </c>
      <c r="C35" s="177">
        <v>0</v>
      </c>
      <c r="D35" s="178">
        <v>0</v>
      </c>
      <c r="E35" s="178">
        <v>0</v>
      </c>
      <c r="F35" s="179">
        <v>0</v>
      </c>
      <c r="G35" s="180">
        <v>0</v>
      </c>
      <c r="H35" s="180">
        <v>0</v>
      </c>
      <c r="I35" s="180">
        <v>0</v>
      </c>
      <c r="J35" s="178">
        <v>0</v>
      </c>
      <c r="K35" s="181">
        <v>0</v>
      </c>
      <c r="L35" s="182">
        <v>0</v>
      </c>
      <c r="M35" s="177">
        <v>0</v>
      </c>
      <c r="N35" s="178">
        <v>0</v>
      </c>
      <c r="O35" s="181">
        <v>0</v>
      </c>
      <c r="P35" s="184">
        <v>0</v>
      </c>
      <c r="Q35" s="180">
        <v>0</v>
      </c>
      <c r="R35" s="180">
        <v>0</v>
      </c>
      <c r="S35" s="180">
        <v>0</v>
      </c>
      <c r="T35" s="178">
        <v>0</v>
      </c>
      <c r="U35" s="181">
        <v>0</v>
      </c>
      <c r="V35" s="185">
        <v>0</v>
      </c>
      <c r="W35" s="184">
        <v>0</v>
      </c>
      <c r="X35" s="178">
        <v>0</v>
      </c>
      <c r="Y35" s="178">
        <v>0</v>
      </c>
      <c r="Z35" s="179">
        <v>0</v>
      </c>
      <c r="AA35" s="180">
        <v>0</v>
      </c>
      <c r="AB35" s="180">
        <v>0</v>
      </c>
      <c r="AC35" s="180">
        <v>0</v>
      </c>
      <c r="AD35" s="178">
        <v>0</v>
      </c>
      <c r="AE35" s="181">
        <v>0</v>
      </c>
      <c r="AF35" s="182">
        <v>0</v>
      </c>
      <c r="AG35" s="177">
        <v>0</v>
      </c>
      <c r="AH35" s="178">
        <v>0</v>
      </c>
      <c r="AI35" s="178">
        <v>0</v>
      </c>
      <c r="AJ35" s="179">
        <v>0</v>
      </c>
      <c r="AK35" s="180">
        <v>2</v>
      </c>
      <c r="AL35" s="180">
        <v>0</v>
      </c>
      <c r="AM35" s="180">
        <v>0</v>
      </c>
      <c r="AN35" s="178">
        <v>0</v>
      </c>
      <c r="AO35" s="181">
        <v>2</v>
      </c>
      <c r="AP35" s="183">
        <v>2</v>
      </c>
      <c r="AQ35" s="32"/>
    </row>
    <row r="36" spans="2:43" ht="21" customHeight="1" x14ac:dyDescent="0.2">
      <c r="B36" s="437" t="s">
        <v>34</v>
      </c>
      <c r="C36" s="177">
        <v>0</v>
      </c>
      <c r="D36" s="178">
        <v>0</v>
      </c>
      <c r="E36" s="178">
        <v>0</v>
      </c>
      <c r="F36" s="179">
        <v>0</v>
      </c>
      <c r="G36" s="180">
        <v>0</v>
      </c>
      <c r="H36" s="180">
        <v>0</v>
      </c>
      <c r="I36" s="180">
        <v>1</v>
      </c>
      <c r="J36" s="178">
        <v>0</v>
      </c>
      <c r="K36" s="181">
        <v>1</v>
      </c>
      <c r="L36" s="182">
        <v>1</v>
      </c>
      <c r="M36" s="177">
        <v>0</v>
      </c>
      <c r="N36" s="178">
        <v>0</v>
      </c>
      <c r="O36" s="181">
        <v>0</v>
      </c>
      <c r="P36" s="184">
        <v>0</v>
      </c>
      <c r="Q36" s="180">
        <v>0</v>
      </c>
      <c r="R36" s="180">
        <v>1</v>
      </c>
      <c r="S36" s="180">
        <v>0</v>
      </c>
      <c r="T36" s="178">
        <v>0</v>
      </c>
      <c r="U36" s="181">
        <v>1</v>
      </c>
      <c r="V36" s="185">
        <v>1</v>
      </c>
      <c r="W36" s="184">
        <v>0</v>
      </c>
      <c r="X36" s="178">
        <v>0</v>
      </c>
      <c r="Y36" s="178">
        <v>0</v>
      </c>
      <c r="Z36" s="179">
        <v>0</v>
      </c>
      <c r="AA36" s="180">
        <v>0</v>
      </c>
      <c r="AB36" s="180">
        <v>0</v>
      </c>
      <c r="AC36" s="180">
        <v>0</v>
      </c>
      <c r="AD36" s="178">
        <v>0</v>
      </c>
      <c r="AE36" s="181">
        <v>0</v>
      </c>
      <c r="AF36" s="182">
        <v>0</v>
      </c>
      <c r="AG36" s="177">
        <v>0</v>
      </c>
      <c r="AH36" s="178">
        <v>0</v>
      </c>
      <c r="AI36" s="178">
        <v>0</v>
      </c>
      <c r="AJ36" s="179">
        <v>0</v>
      </c>
      <c r="AK36" s="180">
        <v>0</v>
      </c>
      <c r="AL36" s="180">
        <v>0</v>
      </c>
      <c r="AM36" s="180">
        <v>0</v>
      </c>
      <c r="AN36" s="178">
        <v>0</v>
      </c>
      <c r="AO36" s="181">
        <v>0</v>
      </c>
      <c r="AP36" s="183">
        <v>0</v>
      </c>
      <c r="AQ36" s="32"/>
    </row>
    <row r="37" spans="2:43" ht="21" customHeight="1" x14ac:dyDescent="0.2">
      <c r="B37" s="437" t="s">
        <v>35</v>
      </c>
      <c r="C37" s="177">
        <v>0</v>
      </c>
      <c r="D37" s="178">
        <v>0</v>
      </c>
      <c r="E37" s="178">
        <v>0</v>
      </c>
      <c r="F37" s="179">
        <v>0</v>
      </c>
      <c r="G37" s="180">
        <v>0</v>
      </c>
      <c r="H37" s="180">
        <v>0</v>
      </c>
      <c r="I37" s="180">
        <v>1</v>
      </c>
      <c r="J37" s="178">
        <v>2</v>
      </c>
      <c r="K37" s="181">
        <v>3</v>
      </c>
      <c r="L37" s="182">
        <v>3</v>
      </c>
      <c r="M37" s="177">
        <v>0</v>
      </c>
      <c r="N37" s="178">
        <v>0</v>
      </c>
      <c r="O37" s="181">
        <v>0</v>
      </c>
      <c r="P37" s="184">
        <v>1</v>
      </c>
      <c r="Q37" s="180">
        <v>0</v>
      </c>
      <c r="R37" s="180">
        <v>2</v>
      </c>
      <c r="S37" s="180">
        <v>0</v>
      </c>
      <c r="T37" s="178">
        <v>0</v>
      </c>
      <c r="U37" s="181">
        <v>3</v>
      </c>
      <c r="V37" s="185">
        <v>3</v>
      </c>
      <c r="W37" s="184">
        <v>0</v>
      </c>
      <c r="X37" s="178">
        <v>0</v>
      </c>
      <c r="Y37" s="178">
        <v>0</v>
      </c>
      <c r="Z37" s="179">
        <v>0</v>
      </c>
      <c r="AA37" s="180">
        <v>0</v>
      </c>
      <c r="AB37" s="180">
        <v>0</v>
      </c>
      <c r="AC37" s="180">
        <v>0</v>
      </c>
      <c r="AD37" s="178">
        <v>0</v>
      </c>
      <c r="AE37" s="181">
        <v>0</v>
      </c>
      <c r="AF37" s="182">
        <v>0</v>
      </c>
      <c r="AG37" s="177">
        <v>0</v>
      </c>
      <c r="AH37" s="178">
        <v>0</v>
      </c>
      <c r="AI37" s="178">
        <v>0</v>
      </c>
      <c r="AJ37" s="179">
        <v>0</v>
      </c>
      <c r="AK37" s="180">
        <v>0</v>
      </c>
      <c r="AL37" s="180">
        <v>0</v>
      </c>
      <c r="AM37" s="180">
        <v>0</v>
      </c>
      <c r="AN37" s="178">
        <v>0</v>
      </c>
      <c r="AO37" s="181">
        <v>0</v>
      </c>
      <c r="AP37" s="183">
        <v>0</v>
      </c>
      <c r="AQ37" s="32"/>
    </row>
    <row r="38" spans="2:43" ht="21" customHeight="1" x14ac:dyDescent="0.2">
      <c r="B38" s="437" t="s">
        <v>36</v>
      </c>
      <c r="C38" s="177">
        <v>0</v>
      </c>
      <c r="D38" s="178">
        <v>0</v>
      </c>
      <c r="E38" s="178">
        <v>0</v>
      </c>
      <c r="F38" s="179">
        <v>0</v>
      </c>
      <c r="G38" s="180">
        <v>0</v>
      </c>
      <c r="H38" s="180">
        <v>0</v>
      </c>
      <c r="I38" s="180">
        <v>1</v>
      </c>
      <c r="J38" s="178">
        <v>1</v>
      </c>
      <c r="K38" s="181">
        <v>2</v>
      </c>
      <c r="L38" s="182">
        <v>2</v>
      </c>
      <c r="M38" s="177">
        <v>0</v>
      </c>
      <c r="N38" s="178">
        <v>0</v>
      </c>
      <c r="O38" s="181">
        <v>0</v>
      </c>
      <c r="P38" s="184">
        <v>0</v>
      </c>
      <c r="Q38" s="180">
        <v>0</v>
      </c>
      <c r="R38" s="180">
        <v>0</v>
      </c>
      <c r="S38" s="180">
        <v>1</v>
      </c>
      <c r="T38" s="178">
        <v>1</v>
      </c>
      <c r="U38" s="181">
        <v>2</v>
      </c>
      <c r="V38" s="185">
        <v>2</v>
      </c>
      <c r="W38" s="184">
        <v>0</v>
      </c>
      <c r="X38" s="178">
        <v>0</v>
      </c>
      <c r="Y38" s="178">
        <v>0</v>
      </c>
      <c r="Z38" s="179">
        <v>0</v>
      </c>
      <c r="AA38" s="180">
        <v>0</v>
      </c>
      <c r="AB38" s="180">
        <v>0</v>
      </c>
      <c r="AC38" s="180">
        <v>0</v>
      </c>
      <c r="AD38" s="178">
        <v>0</v>
      </c>
      <c r="AE38" s="181">
        <v>0</v>
      </c>
      <c r="AF38" s="182">
        <v>0</v>
      </c>
      <c r="AG38" s="177">
        <v>0</v>
      </c>
      <c r="AH38" s="178">
        <v>0</v>
      </c>
      <c r="AI38" s="178">
        <v>0</v>
      </c>
      <c r="AJ38" s="179">
        <v>0</v>
      </c>
      <c r="AK38" s="180">
        <v>0</v>
      </c>
      <c r="AL38" s="180">
        <v>0</v>
      </c>
      <c r="AM38" s="180">
        <v>0</v>
      </c>
      <c r="AN38" s="178">
        <v>0</v>
      </c>
      <c r="AO38" s="181">
        <v>0</v>
      </c>
      <c r="AP38" s="183">
        <v>0</v>
      </c>
      <c r="AQ38" s="32"/>
    </row>
    <row r="39" spans="2:43" ht="21" customHeight="1" thickBot="1" x14ac:dyDescent="0.25">
      <c r="B39" s="438" t="s">
        <v>37</v>
      </c>
      <c r="C39" s="186">
        <v>0</v>
      </c>
      <c r="D39" s="187">
        <v>0</v>
      </c>
      <c r="E39" s="187">
        <v>0</v>
      </c>
      <c r="F39" s="188">
        <v>0</v>
      </c>
      <c r="G39" s="189">
        <v>0</v>
      </c>
      <c r="H39" s="189">
        <v>1</v>
      </c>
      <c r="I39" s="189">
        <v>0</v>
      </c>
      <c r="J39" s="187">
        <v>0</v>
      </c>
      <c r="K39" s="190">
        <v>1</v>
      </c>
      <c r="L39" s="191">
        <v>1</v>
      </c>
      <c r="M39" s="186">
        <v>0</v>
      </c>
      <c r="N39" s="187">
        <v>0</v>
      </c>
      <c r="O39" s="190">
        <v>0</v>
      </c>
      <c r="P39" s="193">
        <v>0</v>
      </c>
      <c r="Q39" s="189">
        <v>0</v>
      </c>
      <c r="R39" s="189">
        <v>0</v>
      </c>
      <c r="S39" s="189">
        <v>0</v>
      </c>
      <c r="T39" s="187">
        <v>0</v>
      </c>
      <c r="U39" s="190">
        <v>0</v>
      </c>
      <c r="V39" s="194">
        <v>0</v>
      </c>
      <c r="W39" s="193">
        <v>0</v>
      </c>
      <c r="X39" s="187">
        <v>0</v>
      </c>
      <c r="Y39" s="187">
        <v>0</v>
      </c>
      <c r="Z39" s="188">
        <v>0</v>
      </c>
      <c r="AA39" s="189">
        <v>0</v>
      </c>
      <c r="AB39" s="189">
        <v>0</v>
      </c>
      <c r="AC39" s="189">
        <v>0</v>
      </c>
      <c r="AD39" s="187">
        <v>0</v>
      </c>
      <c r="AE39" s="190">
        <v>0</v>
      </c>
      <c r="AF39" s="191">
        <v>0</v>
      </c>
      <c r="AG39" s="186">
        <v>0</v>
      </c>
      <c r="AH39" s="187">
        <v>0</v>
      </c>
      <c r="AI39" s="187">
        <v>0</v>
      </c>
      <c r="AJ39" s="188">
        <v>0</v>
      </c>
      <c r="AK39" s="189">
        <v>0</v>
      </c>
      <c r="AL39" s="189">
        <v>0</v>
      </c>
      <c r="AM39" s="189">
        <v>0</v>
      </c>
      <c r="AN39" s="187">
        <v>0</v>
      </c>
      <c r="AO39" s="190">
        <v>0</v>
      </c>
      <c r="AP39" s="192">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B3:B4"/>
    <mergeCell ref="C3:L3"/>
    <mergeCell ref="M3:V3"/>
    <mergeCell ref="C4:E4"/>
    <mergeCell ref="F4:K4"/>
    <mergeCell ref="L4:L5"/>
    <mergeCell ref="H1:I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33">
        <f>第１表!F2</f>
        <v>6</v>
      </c>
      <c r="G1" s="229">
        <f>第１表!G2</f>
        <v>3</v>
      </c>
      <c r="H1" s="577">
        <f>IF(G1&lt;3,G1-2+12,G1-2)</f>
        <v>1</v>
      </c>
      <c r="I1" s="577"/>
    </row>
    <row r="2" spans="2:43" ht="24" customHeight="1" thickBot="1" x14ac:dyDescent="0.25">
      <c r="B2" s="15" t="s">
        <v>157</v>
      </c>
      <c r="F2" s="15" t="s">
        <v>138</v>
      </c>
    </row>
    <row r="3" spans="2:43" ht="21" customHeight="1" x14ac:dyDescent="0.2">
      <c r="B3" s="571"/>
      <c r="C3" s="561" t="s">
        <v>57</v>
      </c>
      <c r="D3" s="562"/>
      <c r="E3" s="562"/>
      <c r="F3" s="562"/>
      <c r="G3" s="562"/>
      <c r="H3" s="562"/>
      <c r="I3" s="562"/>
      <c r="J3" s="562"/>
      <c r="K3" s="562"/>
      <c r="L3" s="562"/>
      <c r="M3" s="561" t="s">
        <v>58</v>
      </c>
      <c r="N3" s="574"/>
      <c r="O3" s="574"/>
      <c r="P3" s="574"/>
      <c r="Q3" s="574"/>
      <c r="R3" s="574"/>
      <c r="S3" s="574"/>
      <c r="T3" s="574"/>
      <c r="U3" s="574"/>
      <c r="V3" s="574"/>
      <c r="W3" s="561" t="s">
        <v>59</v>
      </c>
      <c r="X3" s="562"/>
      <c r="Y3" s="562"/>
      <c r="Z3" s="562"/>
      <c r="AA3" s="562"/>
      <c r="AB3" s="562"/>
      <c r="AC3" s="562"/>
      <c r="AD3" s="562"/>
      <c r="AE3" s="562"/>
      <c r="AF3" s="562"/>
      <c r="AG3" s="570" t="s">
        <v>149</v>
      </c>
      <c r="AH3" s="562"/>
      <c r="AI3" s="562"/>
      <c r="AJ3" s="562"/>
      <c r="AK3" s="562"/>
      <c r="AL3" s="562"/>
      <c r="AM3" s="562"/>
      <c r="AN3" s="562"/>
      <c r="AO3" s="562"/>
      <c r="AP3" s="563"/>
    </row>
    <row r="4" spans="2:43" ht="21" customHeight="1" x14ac:dyDescent="0.2">
      <c r="B4" s="573"/>
      <c r="C4" s="543" t="s">
        <v>61</v>
      </c>
      <c r="D4" s="544"/>
      <c r="E4" s="545"/>
      <c r="F4" s="546" t="s">
        <v>62</v>
      </c>
      <c r="G4" s="547"/>
      <c r="H4" s="547"/>
      <c r="I4" s="547"/>
      <c r="J4" s="547"/>
      <c r="K4" s="548"/>
      <c r="L4" s="558" t="s">
        <v>52</v>
      </c>
      <c r="M4" s="543" t="s">
        <v>61</v>
      </c>
      <c r="N4" s="544"/>
      <c r="O4" s="545"/>
      <c r="P4" s="546" t="s">
        <v>62</v>
      </c>
      <c r="Q4" s="547"/>
      <c r="R4" s="547"/>
      <c r="S4" s="547"/>
      <c r="T4" s="547"/>
      <c r="U4" s="548"/>
      <c r="V4" s="549" t="s">
        <v>52</v>
      </c>
      <c r="W4" s="543" t="s">
        <v>61</v>
      </c>
      <c r="X4" s="544"/>
      <c r="Y4" s="545"/>
      <c r="Z4" s="546" t="s">
        <v>62</v>
      </c>
      <c r="AA4" s="547"/>
      <c r="AB4" s="547"/>
      <c r="AC4" s="547"/>
      <c r="AD4" s="547"/>
      <c r="AE4" s="548"/>
      <c r="AF4" s="558" t="s">
        <v>52</v>
      </c>
      <c r="AG4" s="543" t="s">
        <v>61</v>
      </c>
      <c r="AH4" s="544"/>
      <c r="AI4" s="545"/>
      <c r="AJ4" s="546" t="s">
        <v>62</v>
      </c>
      <c r="AK4" s="547"/>
      <c r="AL4" s="547"/>
      <c r="AM4" s="547"/>
      <c r="AN4" s="547"/>
      <c r="AO4" s="548"/>
      <c r="AP4" s="549" t="s">
        <v>52</v>
      </c>
    </row>
    <row r="5" spans="2:43" ht="30" customHeight="1" thickBot="1" x14ac:dyDescent="0.25">
      <c r="B5" s="320" t="s">
        <v>42</v>
      </c>
      <c r="C5" s="26" t="s">
        <v>43</v>
      </c>
      <c r="D5" s="27" t="s">
        <v>44</v>
      </c>
      <c r="E5" s="27" t="s">
        <v>45</v>
      </c>
      <c r="F5" s="28" t="s">
        <v>47</v>
      </c>
      <c r="G5" s="29" t="s">
        <v>48</v>
      </c>
      <c r="H5" s="29" t="s">
        <v>49</v>
      </c>
      <c r="I5" s="30" t="s">
        <v>50</v>
      </c>
      <c r="J5" s="27" t="s">
        <v>51</v>
      </c>
      <c r="K5" s="31" t="s">
        <v>95</v>
      </c>
      <c r="L5" s="559"/>
      <c r="M5" s="26" t="s">
        <v>43</v>
      </c>
      <c r="N5" s="27" t="s">
        <v>44</v>
      </c>
      <c r="O5" s="31" t="s">
        <v>45</v>
      </c>
      <c r="P5" s="12" t="s">
        <v>47</v>
      </c>
      <c r="Q5" s="29" t="s">
        <v>48</v>
      </c>
      <c r="R5" s="29" t="s">
        <v>49</v>
      </c>
      <c r="S5" s="30" t="s">
        <v>50</v>
      </c>
      <c r="T5" s="27" t="s">
        <v>51</v>
      </c>
      <c r="U5" s="31" t="s">
        <v>45</v>
      </c>
      <c r="V5" s="550"/>
      <c r="W5" s="26" t="s">
        <v>43</v>
      </c>
      <c r="X5" s="27" t="s">
        <v>44</v>
      </c>
      <c r="Y5" s="27" t="s">
        <v>45</v>
      </c>
      <c r="Z5" s="28" t="s">
        <v>47</v>
      </c>
      <c r="AA5" s="29" t="s">
        <v>48</v>
      </c>
      <c r="AB5" s="29" t="s">
        <v>49</v>
      </c>
      <c r="AC5" s="30" t="s">
        <v>50</v>
      </c>
      <c r="AD5" s="27" t="s">
        <v>51</v>
      </c>
      <c r="AE5" s="31" t="s">
        <v>45</v>
      </c>
      <c r="AF5" s="559"/>
      <c r="AG5" s="26" t="s">
        <v>43</v>
      </c>
      <c r="AH5" s="27" t="s">
        <v>44</v>
      </c>
      <c r="AI5" s="27" t="s">
        <v>45</v>
      </c>
      <c r="AJ5" s="28" t="s">
        <v>47</v>
      </c>
      <c r="AK5" s="29" t="s">
        <v>48</v>
      </c>
      <c r="AL5" s="29" t="s">
        <v>49</v>
      </c>
      <c r="AM5" s="30" t="s">
        <v>50</v>
      </c>
      <c r="AN5" s="27" t="s">
        <v>51</v>
      </c>
      <c r="AO5" s="31" t="s">
        <v>45</v>
      </c>
      <c r="AP5" s="550"/>
    </row>
    <row r="6" spans="2:43" ht="21" customHeight="1" x14ac:dyDescent="0.2">
      <c r="B6" s="435" t="s">
        <v>4</v>
      </c>
      <c r="C6" s="168">
        <v>0</v>
      </c>
      <c r="D6" s="169">
        <v>0</v>
      </c>
      <c r="E6" s="169">
        <v>0</v>
      </c>
      <c r="F6" s="170">
        <v>12</v>
      </c>
      <c r="G6" s="171">
        <v>37</v>
      </c>
      <c r="H6" s="171">
        <v>291</v>
      </c>
      <c r="I6" s="171">
        <v>405</v>
      </c>
      <c r="J6" s="169">
        <v>289</v>
      </c>
      <c r="K6" s="172">
        <v>1034</v>
      </c>
      <c r="L6" s="173">
        <v>1034</v>
      </c>
      <c r="M6" s="168">
        <v>0</v>
      </c>
      <c r="N6" s="169">
        <v>0</v>
      </c>
      <c r="O6" s="172">
        <v>0</v>
      </c>
      <c r="P6" s="175">
        <v>59</v>
      </c>
      <c r="Q6" s="171">
        <v>128</v>
      </c>
      <c r="R6" s="171">
        <v>190</v>
      </c>
      <c r="S6" s="171">
        <v>255</v>
      </c>
      <c r="T6" s="169">
        <v>120</v>
      </c>
      <c r="U6" s="172">
        <v>752</v>
      </c>
      <c r="V6" s="176">
        <v>752</v>
      </c>
      <c r="W6" s="175">
        <v>0</v>
      </c>
      <c r="X6" s="169">
        <v>0</v>
      </c>
      <c r="Y6" s="169">
        <v>0</v>
      </c>
      <c r="Z6" s="170">
        <v>0</v>
      </c>
      <c r="AA6" s="171">
        <v>0</v>
      </c>
      <c r="AB6" s="171">
        <v>1</v>
      </c>
      <c r="AC6" s="171">
        <v>3</v>
      </c>
      <c r="AD6" s="169">
        <v>3</v>
      </c>
      <c r="AE6" s="172">
        <v>7</v>
      </c>
      <c r="AF6" s="173">
        <v>7</v>
      </c>
      <c r="AG6" s="168">
        <v>0</v>
      </c>
      <c r="AH6" s="169">
        <v>0</v>
      </c>
      <c r="AI6" s="169">
        <v>0</v>
      </c>
      <c r="AJ6" s="170">
        <v>0</v>
      </c>
      <c r="AK6" s="171">
        <v>1</v>
      </c>
      <c r="AL6" s="171">
        <v>1</v>
      </c>
      <c r="AM6" s="171">
        <v>9</v>
      </c>
      <c r="AN6" s="169">
        <v>24</v>
      </c>
      <c r="AO6" s="172">
        <v>35</v>
      </c>
      <c r="AP6" s="174">
        <v>35</v>
      </c>
      <c r="AQ6" s="32"/>
    </row>
    <row r="7" spans="2:43" ht="21" customHeight="1" x14ac:dyDescent="0.2">
      <c r="B7" s="436" t="s">
        <v>5</v>
      </c>
      <c r="C7" s="177">
        <v>0</v>
      </c>
      <c r="D7" s="178">
        <v>0</v>
      </c>
      <c r="E7" s="178">
        <v>0</v>
      </c>
      <c r="F7" s="179">
        <v>9</v>
      </c>
      <c r="G7" s="180">
        <v>26</v>
      </c>
      <c r="H7" s="180">
        <v>157</v>
      </c>
      <c r="I7" s="180">
        <v>184</v>
      </c>
      <c r="J7" s="178">
        <v>118</v>
      </c>
      <c r="K7" s="181">
        <v>494</v>
      </c>
      <c r="L7" s="182">
        <v>494</v>
      </c>
      <c r="M7" s="177">
        <v>0</v>
      </c>
      <c r="N7" s="178">
        <v>0</v>
      </c>
      <c r="O7" s="181">
        <v>0</v>
      </c>
      <c r="P7" s="184">
        <v>25</v>
      </c>
      <c r="Q7" s="180">
        <v>69</v>
      </c>
      <c r="R7" s="180">
        <v>89</v>
      </c>
      <c r="S7" s="180">
        <v>117</v>
      </c>
      <c r="T7" s="178">
        <v>65</v>
      </c>
      <c r="U7" s="181">
        <v>365</v>
      </c>
      <c r="V7" s="185">
        <v>365</v>
      </c>
      <c r="W7" s="184">
        <v>0</v>
      </c>
      <c r="X7" s="178">
        <v>0</v>
      </c>
      <c r="Y7" s="178">
        <v>0</v>
      </c>
      <c r="Z7" s="179">
        <v>0</v>
      </c>
      <c r="AA7" s="180">
        <v>0</v>
      </c>
      <c r="AB7" s="180">
        <v>0</v>
      </c>
      <c r="AC7" s="180">
        <v>1</v>
      </c>
      <c r="AD7" s="178">
        <v>1</v>
      </c>
      <c r="AE7" s="181">
        <v>2</v>
      </c>
      <c r="AF7" s="182">
        <v>2</v>
      </c>
      <c r="AG7" s="177">
        <v>0</v>
      </c>
      <c r="AH7" s="178">
        <v>0</v>
      </c>
      <c r="AI7" s="178">
        <v>0</v>
      </c>
      <c r="AJ7" s="179">
        <v>0</v>
      </c>
      <c r="AK7" s="180">
        <v>0</v>
      </c>
      <c r="AL7" s="180">
        <v>0</v>
      </c>
      <c r="AM7" s="180">
        <v>6</v>
      </c>
      <c r="AN7" s="178">
        <v>9</v>
      </c>
      <c r="AO7" s="181">
        <v>15</v>
      </c>
      <c r="AP7" s="183">
        <v>15</v>
      </c>
      <c r="AQ7" s="32"/>
    </row>
    <row r="8" spans="2:43" ht="21" customHeight="1" x14ac:dyDescent="0.2">
      <c r="B8" s="437" t="s">
        <v>6</v>
      </c>
      <c r="C8" s="177">
        <v>0</v>
      </c>
      <c r="D8" s="178">
        <v>0</v>
      </c>
      <c r="E8" s="178">
        <v>0</v>
      </c>
      <c r="F8" s="179">
        <v>2</v>
      </c>
      <c r="G8" s="180">
        <v>4</v>
      </c>
      <c r="H8" s="180">
        <v>34</v>
      </c>
      <c r="I8" s="180">
        <v>44</v>
      </c>
      <c r="J8" s="178">
        <v>42</v>
      </c>
      <c r="K8" s="181">
        <v>126</v>
      </c>
      <c r="L8" s="182">
        <v>126</v>
      </c>
      <c r="M8" s="177">
        <v>0</v>
      </c>
      <c r="N8" s="178">
        <v>0</v>
      </c>
      <c r="O8" s="181">
        <v>0</v>
      </c>
      <c r="P8" s="184">
        <v>11</v>
      </c>
      <c r="Q8" s="180">
        <v>10</v>
      </c>
      <c r="R8" s="180">
        <v>22</v>
      </c>
      <c r="S8" s="180">
        <v>42</v>
      </c>
      <c r="T8" s="178">
        <v>17</v>
      </c>
      <c r="U8" s="181">
        <v>102</v>
      </c>
      <c r="V8" s="185">
        <v>102</v>
      </c>
      <c r="W8" s="184">
        <v>0</v>
      </c>
      <c r="X8" s="178">
        <v>0</v>
      </c>
      <c r="Y8" s="178">
        <v>0</v>
      </c>
      <c r="Z8" s="179">
        <v>0</v>
      </c>
      <c r="AA8" s="180">
        <v>0</v>
      </c>
      <c r="AB8" s="180">
        <v>1</v>
      </c>
      <c r="AC8" s="180">
        <v>1</v>
      </c>
      <c r="AD8" s="178">
        <v>1</v>
      </c>
      <c r="AE8" s="181">
        <v>3</v>
      </c>
      <c r="AF8" s="182">
        <v>3</v>
      </c>
      <c r="AG8" s="177">
        <v>0</v>
      </c>
      <c r="AH8" s="178">
        <v>0</v>
      </c>
      <c r="AI8" s="178">
        <v>0</v>
      </c>
      <c r="AJ8" s="179">
        <v>0</v>
      </c>
      <c r="AK8" s="180">
        <v>0</v>
      </c>
      <c r="AL8" s="180">
        <v>0</v>
      </c>
      <c r="AM8" s="180">
        <v>0</v>
      </c>
      <c r="AN8" s="178">
        <v>4</v>
      </c>
      <c r="AO8" s="181">
        <v>4</v>
      </c>
      <c r="AP8" s="183">
        <v>4</v>
      </c>
      <c r="AQ8" s="32"/>
    </row>
    <row r="9" spans="2:43" ht="21" customHeight="1" x14ac:dyDescent="0.2">
      <c r="B9" s="437" t="s">
        <v>14</v>
      </c>
      <c r="C9" s="177">
        <v>0</v>
      </c>
      <c r="D9" s="178">
        <v>0</v>
      </c>
      <c r="E9" s="178">
        <v>0</v>
      </c>
      <c r="F9" s="179">
        <v>0</v>
      </c>
      <c r="G9" s="180">
        <v>0</v>
      </c>
      <c r="H9" s="180">
        <v>22</v>
      </c>
      <c r="I9" s="180">
        <v>38</v>
      </c>
      <c r="J9" s="178">
        <v>20</v>
      </c>
      <c r="K9" s="181">
        <v>80</v>
      </c>
      <c r="L9" s="182">
        <v>80</v>
      </c>
      <c r="M9" s="177">
        <v>0</v>
      </c>
      <c r="N9" s="178">
        <v>0</v>
      </c>
      <c r="O9" s="181">
        <v>0</v>
      </c>
      <c r="P9" s="184">
        <v>2</v>
      </c>
      <c r="Q9" s="180">
        <v>8</v>
      </c>
      <c r="R9" s="180">
        <v>8</v>
      </c>
      <c r="S9" s="180">
        <v>16</v>
      </c>
      <c r="T9" s="178">
        <v>10</v>
      </c>
      <c r="U9" s="181">
        <v>44</v>
      </c>
      <c r="V9" s="185">
        <v>44</v>
      </c>
      <c r="W9" s="184">
        <v>0</v>
      </c>
      <c r="X9" s="178">
        <v>0</v>
      </c>
      <c r="Y9" s="178">
        <v>0</v>
      </c>
      <c r="Z9" s="179">
        <v>0</v>
      </c>
      <c r="AA9" s="180">
        <v>0</v>
      </c>
      <c r="AB9" s="180">
        <v>0</v>
      </c>
      <c r="AC9" s="180">
        <v>1</v>
      </c>
      <c r="AD9" s="178">
        <v>1</v>
      </c>
      <c r="AE9" s="181">
        <v>2</v>
      </c>
      <c r="AF9" s="182">
        <v>2</v>
      </c>
      <c r="AG9" s="177">
        <v>0</v>
      </c>
      <c r="AH9" s="178">
        <v>0</v>
      </c>
      <c r="AI9" s="178">
        <v>0</v>
      </c>
      <c r="AJ9" s="179">
        <v>0</v>
      </c>
      <c r="AK9" s="180">
        <v>0</v>
      </c>
      <c r="AL9" s="180">
        <v>1</v>
      </c>
      <c r="AM9" s="180">
        <v>0</v>
      </c>
      <c r="AN9" s="178">
        <v>3</v>
      </c>
      <c r="AO9" s="181">
        <v>4</v>
      </c>
      <c r="AP9" s="183">
        <v>4</v>
      </c>
      <c r="AQ9" s="32"/>
    </row>
    <row r="10" spans="2:43" ht="21" customHeight="1" x14ac:dyDescent="0.2">
      <c r="B10" s="437" t="s">
        <v>7</v>
      </c>
      <c r="C10" s="177">
        <v>0</v>
      </c>
      <c r="D10" s="178">
        <v>0</v>
      </c>
      <c r="E10" s="178">
        <v>0</v>
      </c>
      <c r="F10" s="179">
        <v>0</v>
      </c>
      <c r="G10" s="180">
        <v>1</v>
      </c>
      <c r="H10" s="180">
        <v>8</v>
      </c>
      <c r="I10" s="180">
        <v>17</v>
      </c>
      <c r="J10" s="178">
        <v>12</v>
      </c>
      <c r="K10" s="181">
        <v>38</v>
      </c>
      <c r="L10" s="182">
        <v>38</v>
      </c>
      <c r="M10" s="177">
        <v>0</v>
      </c>
      <c r="N10" s="178">
        <v>0</v>
      </c>
      <c r="O10" s="181">
        <v>0</v>
      </c>
      <c r="P10" s="184">
        <v>1</v>
      </c>
      <c r="Q10" s="180">
        <v>1</v>
      </c>
      <c r="R10" s="180">
        <v>4</v>
      </c>
      <c r="S10" s="180">
        <v>9</v>
      </c>
      <c r="T10" s="178">
        <v>1</v>
      </c>
      <c r="U10" s="181">
        <v>16</v>
      </c>
      <c r="V10" s="185">
        <v>16</v>
      </c>
      <c r="W10" s="184">
        <v>0</v>
      </c>
      <c r="X10" s="178">
        <v>0</v>
      </c>
      <c r="Y10" s="178">
        <v>0</v>
      </c>
      <c r="Z10" s="179">
        <v>0</v>
      </c>
      <c r="AA10" s="180">
        <v>0</v>
      </c>
      <c r="AB10" s="180">
        <v>0</v>
      </c>
      <c r="AC10" s="180">
        <v>0</v>
      </c>
      <c r="AD10" s="178">
        <v>0</v>
      </c>
      <c r="AE10" s="181">
        <v>0</v>
      </c>
      <c r="AF10" s="182">
        <v>0</v>
      </c>
      <c r="AG10" s="177">
        <v>0</v>
      </c>
      <c r="AH10" s="178">
        <v>0</v>
      </c>
      <c r="AI10" s="178">
        <v>0</v>
      </c>
      <c r="AJ10" s="179">
        <v>0</v>
      </c>
      <c r="AK10" s="180">
        <v>0</v>
      </c>
      <c r="AL10" s="180">
        <v>0</v>
      </c>
      <c r="AM10" s="180">
        <v>0</v>
      </c>
      <c r="AN10" s="178">
        <v>0</v>
      </c>
      <c r="AO10" s="181">
        <v>0</v>
      </c>
      <c r="AP10" s="183">
        <v>0</v>
      </c>
      <c r="AQ10" s="32"/>
    </row>
    <row r="11" spans="2:43" ht="21" customHeight="1" x14ac:dyDescent="0.2">
      <c r="B11" s="437" t="s">
        <v>8</v>
      </c>
      <c r="C11" s="177">
        <v>0</v>
      </c>
      <c r="D11" s="178">
        <v>0</v>
      </c>
      <c r="E11" s="178">
        <v>0</v>
      </c>
      <c r="F11" s="179">
        <v>0</v>
      </c>
      <c r="G11" s="180">
        <v>1</v>
      </c>
      <c r="H11" s="180">
        <v>6</v>
      </c>
      <c r="I11" s="180">
        <v>9</v>
      </c>
      <c r="J11" s="178">
        <v>5</v>
      </c>
      <c r="K11" s="181">
        <v>21</v>
      </c>
      <c r="L11" s="182">
        <v>21</v>
      </c>
      <c r="M11" s="177">
        <v>0</v>
      </c>
      <c r="N11" s="178">
        <v>0</v>
      </c>
      <c r="O11" s="181">
        <v>0</v>
      </c>
      <c r="P11" s="184">
        <v>3</v>
      </c>
      <c r="Q11" s="180">
        <v>3</v>
      </c>
      <c r="R11" s="180">
        <v>8</v>
      </c>
      <c r="S11" s="180">
        <v>5</v>
      </c>
      <c r="T11" s="178">
        <v>1</v>
      </c>
      <c r="U11" s="181">
        <v>20</v>
      </c>
      <c r="V11" s="185">
        <v>20</v>
      </c>
      <c r="W11" s="184">
        <v>0</v>
      </c>
      <c r="X11" s="178">
        <v>0</v>
      </c>
      <c r="Y11" s="178">
        <v>0</v>
      </c>
      <c r="Z11" s="179">
        <v>0</v>
      </c>
      <c r="AA11" s="180">
        <v>0</v>
      </c>
      <c r="AB11" s="180">
        <v>0</v>
      </c>
      <c r="AC11" s="180">
        <v>0</v>
      </c>
      <c r="AD11" s="178">
        <v>0</v>
      </c>
      <c r="AE11" s="181">
        <v>0</v>
      </c>
      <c r="AF11" s="182">
        <v>0</v>
      </c>
      <c r="AG11" s="177">
        <v>0</v>
      </c>
      <c r="AH11" s="178">
        <v>0</v>
      </c>
      <c r="AI11" s="178">
        <v>0</v>
      </c>
      <c r="AJ11" s="179">
        <v>0</v>
      </c>
      <c r="AK11" s="180">
        <v>1</v>
      </c>
      <c r="AL11" s="180">
        <v>0</v>
      </c>
      <c r="AM11" s="180">
        <v>0</v>
      </c>
      <c r="AN11" s="178">
        <v>0</v>
      </c>
      <c r="AO11" s="181">
        <v>1</v>
      </c>
      <c r="AP11" s="183">
        <v>1</v>
      </c>
      <c r="AQ11" s="32"/>
    </row>
    <row r="12" spans="2:43" ht="21" customHeight="1" x14ac:dyDescent="0.2">
      <c r="B12" s="437" t="s">
        <v>9</v>
      </c>
      <c r="C12" s="177">
        <v>0</v>
      </c>
      <c r="D12" s="178">
        <v>0</v>
      </c>
      <c r="E12" s="178">
        <v>0</v>
      </c>
      <c r="F12" s="179">
        <v>1</v>
      </c>
      <c r="G12" s="180">
        <v>0</v>
      </c>
      <c r="H12" s="180">
        <v>6</v>
      </c>
      <c r="I12" s="180">
        <v>16</v>
      </c>
      <c r="J12" s="178">
        <v>13</v>
      </c>
      <c r="K12" s="181">
        <v>36</v>
      </c>
      <c r="L12" s="182">
        <v>36</v>
      </c>
      <c r="M12" s="177">
        <v>0</v>
      </c>
      <c r="N12" s="178">
        <v>0</v>
      </c>
      <c r="O12" s="181">
        <v>0</v>
      </c>
      <c r="P12" s="184">
        <v>1</v>
      </c>
      <c r="Q12" s="180">
        <v>5</v>
      </c>
      <c r="R12" s="180">
        <v>9</v>
      </c>
      <c r="S12" s="180">
        <v>7</v>
      </c>
      <c r="T12" s="178">
        <v>7</v>
      </c>
      <c r="U12" s="181">
        <v>29</v>
      </c>
      <c r="V12" s="185">
        <v>29</v>
      </c>
      <c r="W12" s="184">
        <v>0</v>
      </c>
      <c r="X12" s="178">
        <v>0</v>
      </c>
      <c r="Y12" s="178">
        <v>0</v>
      </c>
      <c r="Z12" s="179">
        <v>0</v>
      </c>
      <c r="AA12" s="180">
        <v>0</v>
      </c>
      <c r="AB12" s="180">
        <v>0</v>
      </c>
      <c r="AC12" s="180">
        <v>0</v>
      </c>
      <c r="AD12" s="178">
        <v>0</v>
      </c>
      <c r="AE12" s="181">
        <v>0</v>
      </c>
      <c r="AF12" s="182">
        <v>0</v>
      </c>
      <c r="AG12" s="177">
        <v>0</v>
      </c>
      <c r="AH12" s="178">
        <v>0</v>
      </c>
      <c r="AI12" s="178">
        <v>0</v>
      </c>
      <c r="AJ12" s="179">
        <v>0</v>
      </c>
      <c r="AK12" s="180">
        <v>0</v>
      </c>
      <c r="AL12" s="180">
        <v>0</v>
      </c>
      <c r="AM12" s="180">
        <v>0</v>
      </c>
      <c r="AN12" s="178">
        <v>0</v>
      </c>
      <c r="AO12" s="181">
        <v>0</v>
      </c>
      <c r="AP12" s="183">
        <v>0</v>
      </c>
      <c r="AQ12" s="32"/>
    </row>
    <row r="13" spans="2:43" ht="21" customHeight="1" x14ac:dyDescent="0.2">
      <c r="B13" s="437" t="s">
        <v>10</v>
      </c>
      <c r="C13" s="177">
        <v>0</v>
      </c>
      <c r="D13" s="178">
        <v>0</v>
      </c>
      <c r="E13" s="178">
        <v>0</v>
      </c>
      <c r="F13" s="179">
        <v>0</v>
      </c>
      <c r="G13" s="180">
        <v>1</v>
      </c>
      <c r="H13" s="180">
        <v>14</v>
      </c>
      <c r="I13" s="180">
        <v>16</v>
      </c>
      <c r="J13" s="178">
        <v>18</v>
      </c>
      <c r="K13" s="181">
        <v>49</v>
      </c>
      <c r="L13" s="182">
        <v>49</v>
      </c>
      <c r="M13" s="177">
        <v>0</v>
      </c>
      <c r="N13" s="178">
        <v>0</v>
      </c>
      <c r="O13" s="181">
        <v>0</v>
      </c>
      <c r="P13" s="184">
        <v>1</v>
      </c>
      <c r="Q13" s="180">
        <v>2</v>
      </c>
      <c r="R13" s="180">
        <v>5</v>
      </c>
      <c r="S13" s="180">
        <v>10</v>
      </c>
      <c r="T13" s="178">
        <v>2</v>
      </c>
      <c r="U13" s="181">
        <v>20</v>
      </c>
      <c r="V13" s="185">
        <v>20</v>
      </c>
      <c r="W13" s="184">
        <v>0</v>
      </c>
      <c r="X13" s="178">
        <v>0</v>
      </c>
      <c r="Y13" s="178">
        <v>0</v>
      </c>
      <c r="Z13" s="179">
        <v>0</v>
      </c>
      <c r="AA13" s="180">
        <v>0</v>
      </c>
      <c r="AB13" s="180">
        <v>0</v>
      </c>
      <c r="AC13" s="180">
        <v>0</v>
      </c>
      <c r="AD13" s="178">
        <v>0</v>
      </c>
      <c r="AE13" s="181">
        <v>0</v>
      </c>
      <c r="AF13" s="182">
        <v>0</v>
      </c>
      <c r="AG13" s="177">
        <v>0</v>
      </c>
      <c r="AH13" s="178">
        <v>0</v>
      </c>
      <c r="AI13" s="178">
        <v>0</v>
      </c>
      <c r="AJ13" s="179">
        <v>0</v>
      </c>
      <c r="AK13" s="180">
        <v>0</v>
      </c>
      <c r="AL13" s="180">
        <v>0</v>
      </c>
      <c r="AM13" s="180">
        <v>0</v>
      </c>
      <c r="AN13" s="178">
        <v>1</v>
      </c>
      <c r="AO13" s="181">
        <v>1</v>
      </c>
      <c r="AP13" s="183">
        <v>1</v>
      </c>
      <c r="AQ13" s="32"/>
    </row>
    <row r="14" spans="2:43" ht="21" customHeight="1" x14ac:dyDescent="0.2">
      <c r="B14" s="437" t="s">
        <v>11</v>
      </c>
      <c r="C14" s="177">
        <v>0</v>
      </c>
      <c r="D14" s="178">
        <v>0</v>
      </c>
      <c r="E14" s="178">
        <v>0</v>
      </c>
      <c r="F14" s="179">
        <v>0</v>
      </c>
      <c r="G14" s="180">
        <v>0</v>
      </c>
      <c r="H14" s="180">
        <v>7</v>
      </c>
      <c r="I14" s="180">
        <v>7</v>
      </c>
      <c r="J14" s="178">
        <v>6</v>
      </c>
      <c r="K14" s="181">
        <v>20</v>
      </c>
      <c r="L14" s="182">
        <v>20</v>
      </c>
      <c r="M14" s="177">
        <v>0</v>
      </c>
      <c r="N14" s="178">
        <v>0</v>
      </c>
      <c r="O14" s="181">
        <v>0</v>
      </c>
      <c r="P14" s="184">
        <v>1</v>
      </c>
      <c r="Q14" s="180">
        <v>3</v>
      </c>
      <c r="R14" s="180">
        <v>4</v>
      </c>
      <c r="S14" s="180">
        <v>2</v>
      </c>
      <c r="T14" s="178">
        <v>0</v>
      </c>
      <c r="U14" s="181">
        <v>10</v>
      </c>
      <c r="V14" s="185">
        <v>10</v>
      </c>
      <c r="W14" s="184">
        <v>0</v>
      </c>
      <c r="X14" s="178">
        <v>0</v>
      </c>
      <c r="Y14" s="178">
        <v>0</v>
      </c>
      <c r="Z14" s="179">
        <v>0</v>
      </c>
      <c r="AA14" s="180">
        <v>0</v>
      </c>
      <c r="AB14" s="180">
        <v>0</v>
      </c>
      <c r="AC14" s="180">
        <v>0</v>
      </c>
      <c r="AD14" s="178">
        <v>0</v>
      </c>
      <c r="AE14" s="181">
        <v>0</v>
      </c>
      <c r="AF14" s="182">
        <v>0</v>
      </c>
      <c r="AG14" s="177">
        <v>0</v>
      </c>
      <c r="AH14" s="178">
        <v>0</v>
      </c>
      <c r="AI14" s="178">
        <v>0</v>
      </c>
      <c r="AJ14" s="179">
        <v>0</v>
      </c>
      <c r="AK14" s="180">
        <v>0</v>
      </c>
      <c r="AL14" s="180">
        <v>0</v>
      </c>
      <c r="AM14" s="180">
        <v>0</v>
      </c>
      <c r="AN14" s="178">
        <v>0</v>
      </c>
      <c r="AO14" s="181">
        <v>0</v>
      </c>
      <c r="AP14" s="183">
        <v>0</v>
      </c>
      <c r="AQ14" s="32"/>
    </row>
    <row r="15" spans="2:43" ht="21" customHeight="1" x14ac:dyDescent="0.2">
      <c r="B15" s="437" t="s">
        <v>12</v>
      </c>
      <c r="C15" s="177">
        <v>0</v>
      </c>
      <c r="D15" s="178">
        <v>0</v>
      </c>
      <c r="E15" s="178">
        <v>0</v>
      </c>
      <c r="F15" s="179">
        <v>0</v>
      </c>
      <c r="G15" s="180">
        <v>0</v>
      </c>
      <c r="H15" s="180">
        <v>1</v>
      </c>
      <c r="I15" s="180">
        <v>11</v>
      </c>
      <c r="J15" s="178">
        <v>4</v>
      </c>
      <c r="K15" s="181">
        <v>16</v>
      </c>
      <c r="L15" s="182">
        <v>16</v>
      </c>
      <c r="M15" s="177">
        <v>0</v>
      </c>
      <c r="N15" s="178">
        <v>0</v>
      </c>
      <c r="O15" s="181">
        <v>0</v>
      </c>
      <c r="P15" s="184">
        <v>1</v>
      </c>
      <c r="Q15" s="180">
        <v>4</v>
      </c>
      <c r="R15" s="180">
        <v>4</v>
      </c>
      <c r="S15" s="180">
        <v>6</v>
      </c>
      <c r="T15" s="178">
        <v>4</v>
      </c>
      <c r="U15" s="181">
        <v>19</v>
      </c>
      <c r="V15" s="185">
        <v>19</v>
      </c>
      <c r="W15" s="184">
        <v>0</v>
      </c>
      <c r="X15" s="178">
        <v>0</v>
      </c>
      <c r="Y15" s="178">
        <v>0</v>
      </c>
      <c r="Z15" s="179">
        <v>0</v>
      </c>
      <c r="AA15" s="180">
        <v>0</v>
      </c>
      <c r="AB15" s="180">
        <v>0</v>
      </c>
      <c r="AC15" s="180">
        <v>0</v>
      </c>
      <c r="AD15" s="178">
        <v>0</v>
      </c>
      <c r="AE15" s="181">
        <v>0</v>
      </c>
      <c r="AF15" s="182">
        <v>0</v>
      </c>
      <c r="AG15" s="177">
        <v>0</v>
      </c>
      <c r="AH15" s="178">
        <v>0</v>
      </c>
      <c r="AI15" s="178">
        <v>0</v>
      </c>
      <c r="AJ15" s="179">
        <v>0</v>
      </c>
      <c r="AK15" s="180">
        <v>0</v>
      </c>
      <c r="AL15" s="180">
        <v>0</v>
      </c>
      <c r="AM15" s="180">
        <v>3</v>
      </c>
      <c r="AN15" s="178">
        <v>0</v>
      </c>
      <c r="AO15" s="181">
        <v>3</v>
      </c>
      <c r="AP15" s="183">
        <v>3</v>
      </c>
      <c r="AQ15" s="32"/>
    </row>
    <row r="16" spans="2:43" ht="21" customHeight="1" x14ac:dyDescent="0.2">
      <c r="B16" s="437" t="s">
        <v>13</v>
      </c>
      <c r="C16" s="177">
        <v>0</v>
      </c>
      <c r="D16" s="178">
        <v>0</v>
      </c>
      <c r="E16" s="178">
        <v>0</v>
      </c>
      <c r="F16" s="179">
        <v>0</v>
      </c>
      <c r="G16" s="180">
        <v>0</v>
      </c>
      <c r="H16" s="180">
        <v>0</v>
      </c>
      <c r="I16" s="180">
        <v>6</v>
      </c>
      <c r="J16" s="178">
        <v>5</v>
      </c>
      <c r="K16" s="181">
        <v>11</v>
      </c>
      <c r="L16" s="182">
        <v>11</v>
      </c>
      <c r="M16" s="177">
        <v>0</v>
      </c>
      <c r="N16" s="178">
        <v>0</v>
      </c>
      <c r="O16" s="181">
        <v>0</v>
      </c>
      <c r="P16" s="184">
        <v>0</v>
      </c>
      <c r="Q16" s="180">
        <v>1</v>
      </c>
      <c r="R16" s="180">
        <v>1</v>
      </c>
      <c r="S16" s="180">
        <v>1</v>
      </c>
      <c r="T16" s="178">
        <v>1</v>
      </c>
      <c r="U16" s="181">
        <v>4</v>
      </c>
      <c r="V16" s="185">
        <v>4</v>
      </c>
      <c r="W16" s="184">
        <v>0</v>
      </c>
      <c r="X16" s="178">
        <v>0</v>
      </c>
      <c r="Y16" s="178">
        <v>0</v>
      </c>
      <c r="Z16" s="179">
        <v>0</v>
      </c>
      <c r="AA16" s="180">
        <v>0</v>
      </c>
      <c r="AB16" s="180">
        <v>0</v>
      </c>
      <c r="AC16" s="180">
        <v>0</v>
      </c>
      <c r="AD16" s="178">
        <v>0</v>
      </c>
      <c r="AE16" s="181">
        <v>0</v>
      </c>
      <c r="AF16" s="182">
        <v>0</v>
      </c>
      <c r="AG16" s="177">
        <v>0</v>
      </c>
      <c r="AH16" s="178">
        <v>0</v>
      </c>
      <c r="AI16" s="178">
        <v>0</v>
      </c>
      <c r="AJ16" s="179">
        <v>0</v>
      </c>
      <c r="AK16" s="180">
        <v>0</v>
      </c>
      <c r="AL16" s="180">
        <v>0</v>
      </c>
      <c r="AM16" s="180">
        <v>0</v>
      </c>
      <c r="AN16" s="178">
        <v>0</v>
      </c>
      <c r="AO16" s="181">
        <v>0</v>
      </c>
      <c r="AP16" s="183">
        <v>0</v>
      </c>
      <c r="AQ16" s="32"/>
    </row>
    <row r="17" spans="2:43" ht="21" customHeight="1" x14ac:dyDescent="0.2">
      <c r="B17" s="437" t="s">
        <v>15</v>
      </c>
      <c r="C17" s="177">
        <v>0</v>
      </c>
      <c r="D17" s="178">
        <v>0</v>
      </c>
      <c r="E17" s="178">
        <v>0</v>
      </c>
      <c r="F17" s="179">
        <v>0</v>
      </c>
      <c r="G17" s="180">
        <v>0</v>
      </c>
      <c r="H17" s="180">
        <v>0</v>
      </c>
      <c r="I17" s="180">
        <v>0</v>
      </c>
      <c r="J17" s="178">
        <v>2</v>
      </c>
      <c r="K17" s="181">
        <v>2</v>
      </c>
      <c r="L17" s="182">
        <v>2</v>
      </c>
      <c r="M17" s="177">
        <v>0</v>
      </c>
      <c r="N17" s="178">
        <v>0</v>
      </c>
      <c r="O17" s="181">
        <v>0</v>
      </c>
      <c r="P17" s="184">
        <v>0</v>
      </c>
      <c r="Q17" s="180">
        <v>0</v>
      </c>
      <c r="R17" s="180">
        <v>2</v>
      </c>
      <c r="S17" s="180">
        <v>2</v>
      </c>
      <c r="T17" s="178">
        <v>0</v>
      </c>
      <c r="U17" s="181">
        <v>4</v>
      </c>
      <c r="V17" s="185">
        <v>4</v>
      </c>
      <c r="W17" s="184">
        <v>0</v>
      </c>
      <c r="X17" s="178">
        <v>0</v>
      </c>
      <c r="Y17" s="178">
        <v>0</v>
      </c>
      <c r="Z17" s="179">
        <v>0</v>
      </c>
      <c r="AA17" s="180">
        <v>0</v>
      </c>
      <c r="AB17" s="180">
        <v>0</v>
      </c>
      <c r="AC17" s="180">
        <v>0</v>
      </c>
      <c r="AD17" s="178">
        <v>0</v>
      </c>
      <c r="AE17" s="181">
        <v>0</v>
      </c>
      <c r="AF17" s="182">
        <v>0</v>
      </c>
      <c r="AG17" s="177">
        <v>0</v>
      </c>
      <c r="AH17" s="178">
        <v>0</v>
      </c>
      <c r="AI17" s="178">
        <v>0</v>
      </c>
      <c r="AJ17" s="179">
        <v>0</v>
      </c>
      <c r="AK17" s="180">
        <v>0</v>
      </c>
      <c r="AL17" s="180">
        <v>0</v>
      </c>
      <c r="AM17" s="180">
        <v>0</v>
      </c>
      <c r="AN17" s="178">
        <v>0</v>
      </c>
      <c r="AO17" s="181">
        <v>0</v>
      </c>
      <c r="AP17" s="183">
        <v>0</v>
      </c>
      <c r="AQ17" s="32"/>
    </row>
    <row r="18" spans="2:43" ht="21" customHeight="1" x14ac:dyDescent="0.2">
      <c r="B18" s="437" t="s">
        <v>16</v>
      </c>
      <c r="C18" s="177">
        <v>0</v>
      </c>
      <c r="D18" s="178">
        <v>0</v>
      </c>
      <c r="E18" s="178">
        <v>0</v>
      </c>
      <c r="F18" s="179">
        <v>0</v>
      </c>
      <c r="G18" s="180">
        <v>0</v>
      </c>
      <c r="H18" s="180">
        <v>6</v>
      </c>
      <c r="I18" s="180">
        <v>8</v>
      </c>
      <c r="J18" s="178">
        <v>3</v>
      </c>
      <c r="K18" s="181">
        <v>17</v>
      </c>
      <c r="L18" s="182">
        <v>17</v>
      </c>
      <c r="M18" s="177">
        <v>0</v>
      </c>
      <c r="N18" s="178">
        <v>0</v>
      </c>
      <c r="O18" s="181">
        <v>0</v>
      </c>
      <c r="P18" s="184">
        <v>1</v>
      </c>
      <c r="Q18" s="180">
        <v>2</v>
      </c>
      <c r="R18" s="180">
        <v>3</v>
      </c>
      <c r="S18" s="180">
        <v>3</v>
      </c>
      <c r="T18" s="178">
        <v>0</v>
      </c>
      <c r="U18" s="181">
        <v>9</v>
      </c>
      <c r="V18" s="185">
        <v>9</v>
      </c>
      <c r="W18" s="184">
        <v>0</v>
      </c>
      <c r="X18" s="178">
        <v>0</v>
      </c>
      <c r="Y18" s="178">
        <v>0</v>
      </c>
      <c r="Z18" s="179">
        <v>0</v>
      </c>
      <c r="AA18" s="180">
        <v>0</v>
      </c>
      <c r="AB18" s="180">
        <v>0</v>
      </c>
      <c r="AC18" s="180">
        <v>0</v>
      </c>
      <c r="AD18" s="178">
        <v>0</v>
      </c>
      <c r="AE18" s="181">
        <v>0</v>
      </c>
      <c r="AF18" s="182">
        <v>0</v>
      </c>
      <c r="AG18" s="177">
        <v>0</v>
      </c>
      <c r="AH18" s="178">
        <v>0</v>
      </c>
      <c r="AI18" s="178">
        <v>0</v>
      </c>
      <c r="AJ18" s="179">
        <v>0</v>
      </c>
      <c r="AK18" s="180">
        <v>0</v>
      </c>
      <c r="AL18" s="180">
        <v>0</v>
      </c>
      <c r="AM18" s="180">
        <v>0</v>
      </c>
      <c r="AN18" s="178">
        <v>0</v>
      </c>
      <c r="AO18" s="181">
        <v>0</v>
      </c>
      <c r="AP18" s="183">
        <v>0</v>
      </c>
      <c r="AQ18" s="32"/>
    </row>
    <row r="19" spans="2:43" ht="21" customHeight="1" x14ac:dyDescent="0.2">
      <c r="B19" s="437" t="s">
        <v>17</v>
      </c>
      <c r="C19" s="177">
        <v>0</v>
      </c>
      <c r="D19" s="178">
        <v>0</v>
      </c>
      <c r="E19" s="178">
        <v>0</v>
      </c>
      <c r="F19" s="179">
        <v>0</v>
      </c>
      <c r="G19" s="180">
        <v>1</v>
      </c>
      <c r="H19" s="180">
        <v>5</v>
      </c>
      <c r="I19" s="180">
        <v>4</v>
      </c>
      <c r="J19" s="178">
        <v>7</v>
      </c>
      <c r="K19" s="181">
        <v>17</v>
      </c>
      <c r="L19" s="182">
        <v>17</v>
      </c>
      <c r="M19" s="177">
        <v>0</v>
      </c>
      <c r="N19" s="178">
        <v>0</v>
      </c>
      <c r="O19" s="181">
        <v>0</v>
      </c>
      <c r="P19" s="184">
        <v>3</v>
      </c>
      <c r="Q19" s="180">
        <v>5</v>
      </c>
      <c r="R19" s="180">
        <v>10</v>
      </c>
      <c r="S19" s="180">
        <v>8</v>
      </c>
      <c r="T19" s="178">
        <v>4</v>
      </c>
      <c r="U19" s="181">
        <v>30</v>
      </c>
      <c r="V19" s="185">
        <v>30</v>
      </c>
      <c r="W19" s="184">
        <v>0</v>
      </c>
      <c r="X19" s="178">
        <v>0</v>
      </c>
      <c r="Y19" s="178">
        <v>0</v>
      </c>
      <c r="Z19" s="179">
        <v>0</v>
      </c>
      <c r="AA19" s="180">
        <v>0</v>
      </c>
      <c r="AB19" s="180">
        <v>0</v>
      </c>
      <c r="AC19" s="180">
        <v>0</v>
      </c>
      <c r="AD19" s="178">
        <v>0</v>
      </c>
      <c r="AE19" s="181">
        <v>0</v>
      </c>
      <c r="AF19" s="182">
        <v>0</v>
      </c>
      <c r="AG19" s="177">
        <v>0</v>
      </c>
      <c r="AH19" s="178">
        <v>0</v>
      </c>
      <c r="AI19" s="178">
        <v>0</v>
      </c>
      <c r="AJ19" s="179">
        <v>0</v>
      </c>
      <c r="AK19" s="180">
        <v>0</v>
      </c>
      <c r="AL19" s="180">
        <v>0</v>
      </c>
      <c r="AM19" s="180">
        <v>0</v>
      </c>
      <c r="AN19" s="178">
        <v>1</v>
      </c>
      <c r="AO19" s="181">
        <v>1</v>
      </c>
      <c r="AP19" s="183">
        <v>1</v>
      </c>
      <c r="AQ19" s="32"/>
    </row>
    <row r="20" spans="2:43" ht="21" customHeight="1" x14ac:dyDescent="0.2">
      <c r="B20" s="437" t="s">
        <v>18</v>
      </c>
      <c r="C20" s="177">
        <v>0</v>
      </c>
      <c r="D20" s="178">
        <v>0</v>
      </c>
      <c r="E20" s="178">
        <v>0</v>
      </c>
      <c r="F20" s="179">
        <v>0</v>
      </c>
      <c r="G20" s="180">
        <v>1</v>
      </c>
      <c r="H20" s="180">
        <v>7</v>
      </c>
      <c r="I20" s="180">
        <v>11</v>
      </c>
      <c r="J20" s="178">
        <v>8</v>
      </c>
      <c r="K20" s="181">
        <v>27</v>
      </c>
      <c r="L20" s="182">
        <v>27</v>
      </c>
      <c r="M20" s="177">
        <v>0</v>
      </c>
      <c r="N20" s="178">
        <v>0</v>
      </c>
      <c r="O20" s="181">
        <v>0</v>
      </c>
      <c r="P20" s="184">
        <v>3</v>
      </c>
      <c r="Q20" s="180">
        <v>0</v>
      </c>
      <c r="R20" s="180">
        <v>4</v>
      </c>
      <c r="S20" s="180">
        <v>7</v>
      </c>
      <c r="T20" s="178">
        <v>2</v>
      </c>
      <c r="U20" s="181">
        <v>16</v>
      </c>
      <c r="V20" s="185">
        <v>16</v>
      </c>
      <c r="W20" s="184">
        <v>0</v>
      </c>
      <c r="X20" s="178">
        <v>0</v>
      </c>
      <c r="Y20" s="178">
        <v>0</v>
      </c>
      <c r="Z20" s="179">
        <v>0</v>
      </c>
      <c r="AA20" s="180">
        <v>0</v>
      </c>
      <c r="AB20" s="180">
        <v>0</v>
      </c>
      <c r="AC20" s="180">
        <v>0</v>
      </c>
      <c r="AD20" s="178">
        <v>0</v>
      </c>
      <c r="AE20" s="181">
        <v>0</v>
      </c>
      <c r="AF20" s="182">
        <v>0</v>
      </c>
      <c r="AG20" s="177">
        <v>0</v>
      </c>
      <c r="AH20" s="178">
        <v>0</v>
      </c>
      <c r="AI20" s="178">
        <v>0</v>
      </c>
      <c r="AJ20" s="179">
        <v>0</v>
      </c>
      <c r="AK20" s="180">
        <v>0</v>
      </c>
      <c r="AL20" s="180">
        <v>0</v>
      </c>
      <c r="AM20" s="180">
        <v>0</v>
      </c>
      <c r="AN20" s="178">
        <v>1</v>
      </c>
      <c r="AO20" s="181">
        <v>1</v>
      </c>
      <c r="AP20" s="183">
        <v>1</v>
      </c>
      <c r="AQ20" s="32"/>
    </row>
    <row r="21" spans="2:43" ht="21" customHeight="1" x14ac:dyDescent="0.2">
      <c r="B21" s="437" t="s">
        <v>19</v>
      </c>
      <c r="C21" s="177">
        <v>0</v>
      </c>
      <c r="D21" s="178">
        <v>0</v>
      </c>
      <c r="E21" s="178">
        <v>0</v>
      </c>
      <c r="F21" s="179">
        <v>0</v>
      </c>
      <c r="G21" s="180">
        <v>0</v>
      </c>
      <c r="H21" s="180">
        <v>3</v>
      </c>
      <c r="I21" s="180">
        <v>2</v>
      </c>
      <c r="J21" s="178">
        <v>3</v>
      </c>
      <c r="K21" s="181">
        <v>8</v>
      </c>
      <c r="L21" s="182">
        <v>8</v>
      </c>
      <c r="M21" s="177">
        <v>0</v>
      </c>
      <c r="N21" s="178">
        <v>0</v>
      </c>
      <c r="O21" s="181">
        <v>0</v>
      </c>
      <c r="P21" s="184">
        <v>1</v>
      </c>
      <c r="Q21" s="180">
        <v>4</v>
      </c>
      <c r="R21" s="180">
        <v>2</v>
      </c>
      <c r="S21" s="180">
        <v>1</v>
      </c>
      <c r="T21" s="178">
        <v>0</v>
      </c>
      <c r="U21" s="181">
        <v>8</v>
      </c>
      <c r="V21" s="185">
        <v>8</v>
      </c>
      <c r="W21" s="184">
        <v>0</v>
      </c>
      <c r="X21" s="178">
        <v>0</v>
      </c>
      <c r="Y21" s="178">
        <v>0</v>
      </c>
      <c r="Z21" s="179">
        <v>0</v>
      </c>
      <c r="AA21" s="180">
        <v>0</v>
      </c>
      <c r="AB21" s="180">
        <v>0</v>
      </c>
      <c r="AC21" s="180">
        <v>0</v>
      </c>
      <c r="AD21" s="178">
        <v>0</v>
      </c>
      <c r="AE21" s="181">
        <v>0</v>
      </c>
      <c r="AF21" s="182">
        <v>0</v>
      </c>
      <c r="AG21" s="177">
        <v>0</v>
      </c>
      <c r="AH21" s="178">
        <v>0</v>
      </c>
      <c r="AI21" s="178">
        <v>0</v>
      </c>
      <c r="AJ21" s="179">
        <v>0</v>
      </c>
      <c r="AK21" s="180">
        <v>0</v>
      </c>
      <c r="AL21" s="180">
        <v>0</v>
      </c>
      <c r="AM21" s="180">
        <v>0</v>
      </c>
      <c r="AN21" s="178">
        <v>1</v>
      </c>
      <c r="AO21" s="181">
        <v>1</v>
      </c>
      <c r="AP21" s="183">
        <v>1</v>
      </c>
      <c r="AQ21" s="32"/>
    </row>
    <row r="22" spans="2:43" ht="21" customHeight="1" x14ac:dyDescent="0.2">
      <c r="B22" s="437" t="s">
        <v>20</v>
      </c>
      <c r="C22" s="177">
        <v>0</v>
      </c>
      <c r="D22" s="178">
        <v>0</v>
      </c>
      <c r="E22" s="178">
        <v>0</v>
      </c>
      <c r="F22" s="179">
        <v>0</v>
      </c>
      <c r="G22" s="180">
        <v>1</v>
      </c>
      <c r="H22" s="180">
        <v>2</v>
      </c>
      <c r="I22" s="180">
        <v>11</v>
      </c>
      <c r="J22" s="178">
        <v>6</v>
      </c>
      <c r="K22" s="181">
        <v>20</v>
      </c>
      <c r="L22" s="182">
        <v>20</v>
      </c>
      <c r="M22" s="177">
        <v>0</v>
      </c>
      <c r="N22" s="178">
        <v>0</v>
      </c>
      <c r="O22" s="181">
        <v>0</v>
      </c>
      <c r="P22" s="184">
        <v>3</v>
      </c>
      <c r="Q22" s="180">
        <v>1</v>
      </c>
      <c r="R22" s="180">
        <v>2</v>
      </c>
      <c r="S22" s="180">
        <v>7</v>
      </c>
      <c r="T22" s="178">
        <v>1</v>
      </c>
      <c r="U22" s="181">
        <v>14</v>
      </c>
      <c r="V22" s="185">
        <v>14</v>
      </c>
      <c r="W22" s="184">
        <v>0</v>
      </c>
      <c r="X22" s="178">
        <v>0</v>
      </c>
      <c r="Y22" s="178">
        <v>0</v>
      </c>
      <c r="Z22" s="179">
        <v>0</v>
      </c>
      <c r="AA22" s="180">
        <v>0</v>
      </c>
      <c r="AB22" s="180">
        <v>0</v>
      </c>
      <c r="AC22" s="180">
        <v>0</v>
      </c>
      <c r="AD22" s="178">
        <v>0</v>
      </c>
      <c r="AE22" s="181">
        <v>0</v>
      </c>
      <c r="AF22" s="182">
        <v>0</v>
      </c>
      <c r="AG22" s="177">
        <v>0</v>
      </c>
      <c r="AH22" s="178">
        <v>0</v>
      </c>
      <c r="AI22" s="178">
        <v>0</v>
      </c>
      <c r="AJ22" s="179">
        <v>0</v>
      </c>
      <c r="AK22" s="180">
        <v>0</v>
      </c>
      <c r="AL22" s="180">
        <v>0</v>
      </c>
      <c r="AM22" s="180">
        <v>0</v>
      </c>
      <c r="AN22" s="178">
        <v>0</v>
      </c>
      <c r="AO22" s="181">
        <v>0</v>
      </c>
      <c r="AP22" s="183">
        <v>0</v>
      </c>
      <c r="AQ22" s="32"/>
    </row>
    <row r="23" spans="2:43" ht="21" customHeight="1" x14ac:dyDescent="0.2">
      <c r="B23" s="437" t="s">
        <v>21</v>
      </c>
      <c r="C23" s="177">
        <v>0</v>
      </c>
      <c r="D23" s="178">
        <v>0</v>
      </c>
      <c r="E23" s="178">
        <v>0</v>
      </c>
      <c r="F23" s="179">
        <v>0</v>
      </c>
      <c r="G23" s="180">
        <v>0</v>
      </c>
      <c r="H23" s="180">
        <v>2</v>
      </c>
      <c r="I23" s="180">
        <v>6</v>
      </c>
      <c r="J23" s="178">
        <v>5</v>
      </c>
      <c r="K23" s="181">
        <v>13</v>
      </c>
      <c r="L23" s="182">
        <v>13</v>
      </c>
      <c r="M23" s="177">
        <v>0</v>
      </c>
      <c r="N23" s="178">
        <v>0</v>
      </c>
      <c r="O23" s="181">
        <v>0</v>
      </c>
      <c r="P23" s="184">
        <v>0</v>
      </c>
      <c r="Q23" s="180">
        <v>3</v>
      </c>
      <c r="R23" s="180">
        <v>3</v>
      </c>
      <c r="S23" s="180">
        <v>1</v>
      </c>
      <c r="T23" s="178">
        <v>0</v>
      </c>
      <c r="U23" s="181">
        <v>7</v>
      </c>
      <c r="V23" s="185">
        <v>7</v>
      </c>
      <c r="W23" s="184">
        <v>0</v>
      </c>
      <c r="X23" s="178">
        <v>0</v>
      </c>
      <c r="Y23" s="178">
        <v>0</v>
      </c>
      <c r="Z23" s="179">
        <v>0</v>
      </c>
      <c r="AA23" s="180">
        <v>0</v>
      </c>
      <c r="AB23" s="180">
        <v>0</v>
      </c>
      <c r="AC23" s="180">
        <v>0</v>
      </c>
      <c r="AD23" s="178">
        <v>0</v>
      </c>
      <c r="AE23" s="181">
        <v>0</v>
      </c>
      <c r="AF23" s="182">
        <v>0</v>
      </c>
      <c r="AG23" s="177">
        <v>0</v>
      </c>
      <c r="AH23" s="178">
        <v>0</v>
      </c>
      <c r="AI23" s="178">
        <v>0</v>
      </c>
      <c r="AJ23" s="179">
        <v>0</v>
      </c>
      <c r="AK23" s="180">
        <v>0</v>
      </c>
      <c r="AL23" s="180">
        <v>0</v>
      </c>
      <c r="AM23" s="180">
        <v>0</v>
      </c>
      <c r="AN23" s="178">
        <v>0</v>
      </c>
      <c r="AO23" s="181">
        <v>0</v>
      </c>
      <c r="AP23" s="183">
        <v>0</v>
      </c>
      <c r="AQ23" s="32"/>
    </row>
    <row r="24" spans="2:43" ht="21" customHeight="1" x14ac:dyDescent="0.2">
      <c r="B24" s="437" t="s">
        <v>22</v>
      </c>
      <c r="C24" s="177">
        <v>0</v>
      </c>
      <c r="D24" s="178">
        <v>0</v>
      </c>
      <c r="E24" s="178">
        <v>0</v>
      </c>
      <c r="F24" s="179">
        <v>0</v>
      </c>
      <c r="G24" s="180">
        <v>1</v>
      </c>
      <c r="H24" s="180">
        <v>1</v>
      </c>
      <c r="I24" s="180">
        <v>1</v>
      </c>
      <c r="J24" s="178">
        <v>0</v>
      </c>
      <c r="K24" s="181">
        <v>3</v>
      </c>
      <c r="L24" s="182">
        <v>3</v>
      </c>
      <c r="M24" s="177">
        <v>0</v>
      </c>
      <c r="N24" s="178">
        <v>0</v>
      </c>
      <c r="O24" s="181">
        <v>0</v>
      </c>
      <c r="P24" s="184">
        <v>0</v>
      </c>
      <c r="Q24" s="180">
        <v>1</v>
      </c>
      <c r="R24" s="180">
        <v>0</v>
      </c>
      <c r="S24" s="180">
        <v>2</v>
      </c>
      <c r="T24" s="178">
        <v>0</v>
      </c>
      <c r="U24" s="181">
        <v>3</v>
      </c>
      <c r="V24" s="185">
        <v>3</v>
      </c>
      <c r="W24" s="184">
        <v>0</v>
      </c>
      <c r="X24" s="178">
        <v>0</v>
      </c>
      <c r="Y24" s="178">
        <v>0</v>
      </c>
      <c r="Z24" s="179">
        <v>0</v>
      </c>
      <c r="AA24" s="180">
        <v>0</v>
      </c>
      <c r="AB24" s="180">
        <v>0</v>
      </c>
      <c r="AC24" s="180">
        <v>0</v>
      </c>
      <c r="AD24" s="178">
        <v>0</v>
      </c>
      <c r="AE24" s="181">
        <v>0</v>
      </c>
      <c r="AF24" s="182">
        <v>0</v>
      </c>
      <c r="AG24" s="177">
        <v>0</v>
      </c>
      <c r="AH24" s="178">
        <v>0</v>
      </c>
      <c r="AI24" s="178">
        <v>0</v>
      </c>
      <c r="AJ24" s="179">
        <v>0</v>
      </c>
      <c r="AK24" s="180">
        <v>0</v>
      </c>
      <c r="AL24" s="180">
        <v>0</v>
      </c>
      <c r="AM24" s="180">
        <v>0</v>
      </c>
      <c r="AN24" s="178">
        <v>0</v>
      </c>
      <c r="AO24" s="181">
        <v>0</v>
      </c>
      <c r="AP24" s="183">
        <v>0</v>
      </c>
      <c r="AQ24" s="32"/>
    </row>
    <row r="25" spans="2:43" ht="21" customHeight="1" x14ac:dyDescent="0.2">
      <c r="B25" s="437" t="s">
        <v>23</v>
      </c>
      <c r="C25" s="177">
        <v>0</v>
      </c>
      <c r="D25" s="178">
        <v>0</v>
      </c>
      <c r="E25" s="178">
        <v>0</v>
      </c>
      <c r="F25" s="179">
        <v>0</v>
      </c>
      <c r="G25" s="180">
        <v>0</v>
      </c>
      <c r="H25" s="180">
        <v>2</v>
      </c>
      <c r="I25" s="180">
        <v>3</v>
      </c>
      <c r="J25" s="178">
        <v>2</v>
      </c>
      <c r="K25" s="181">
        <v>7</v>
      </c>
      <c r="L25" s="182">
        <v>7</v>
      </c>
      <c r="M25" s="177">
        <v>0</v>
      </c>
      <c r="N25" s="178">
        <v>0</v>
      </c>
      <c r="O25" s="181">
        <v>0</v>
      </c>
      <c r="P25" s="184">
        <v>0</v>
      </c>
      <c r="Q25" s="180">
        <v>0</v>
      </c>
      <c r="R25" s="180">
        <v>0</v>
      </c>
      <c r="S25" s="180">
        <v>0</v>
      </c>
      <c r="T25" s="178">
        <v>1</v>
      </c>
      <c r="U25" s="181">
        <v>1</v>
      </c>
      <c r="V25" s="185">
        <v>1</v>
      </c>
      <c r="W25" s="184">
        <v>0</v>
      </c>
      <c r="X25" s="178">
        <v>0</v>
      </c>
      <c r="Y25" s="178">
        <v>0</v>
      </c>
      <c r="Z25" s="179">
        <v>0</v>
      </c>
      <c r="AA25" s="180">
        <v>0</v>
      </c>
      <c r="AB25" s="180">
        <v>0</v>
      </c>
      <c r="AC25" s="180">
        <v>0</v>
      </c>
      <c r="AD25" s="178">
        <v>0</v>
      </c>
      <c r="AE25" s="181">
        <v>0</v>
      </c>
      <c r="AF25" s="182">
        <v>0</v>
      </c>
      <c r="AG25" s="177">
        <v>0</v>
      </c>
      <c r="AH25" s="178">
        <v>0</v>
      </c>
      <c r="AI25" s="178">
        <v>0</v>
      </c>
      <c r="AJ25" s="179">
        <v>0</v>
      </c>
      <c r="AK25" s="180">
        <v>0</v>
      </c>
      <c r="AL25" s="180">
        <v>0</v>
      </c>
      <c r="AM25" s="180">
        <v>0</v>
      </c>
      <c r="AN25" s="178">
        <v>1</v>
      </c>
      <c r="AO25" s="181">
        <v>1</v>
      </c>
      <c r="AP25" s="183">
        <v>1</v>
      </c>
      <c r="AQ25" s="32"/>
    </row>
    <row r="26" spans="2:43" ht="21" customHeight="1" x14ac:dyDescent="0.2">
      <c r="B26" s="437" t="s">
        <v>24</v>
      </c>
      <c r="C26" s="177">
        <v>0</v>
      </c>
      <c r="D26" s="178">
        <v>0</v>
      </c>
      <c r="E26" s="178">
        <v>0</v>
      </c>
      <c r="F26" s="179">
        <v>0</v>
      </c>
      <c r="G26" s="180">
        <v>0</v>
      </c>
      <c r="H26" s="180">
        <v>1</v>
      </c>
      <c r="I26" s="180">
        <v>3</v>
      </c>
      <c r="J26" s="178">
        <v>1</v>
      </c>
      <c r="K26" s="181">
        <v>5</v>
      </c>
      <c r="L26" s="182">
        <v>5</v>
      </c>
      <c r="M26" s="177">
        <v>0</v>
      </c>
      <c r="N26" s="178">
        <v>0</v>
      </c>
      <c r="O26" s="181">
        <v>0</v>
      </c>
      <c r="P26" s="184">
        <v>0</v>
      </c>
      <c r="Q26" s="180">
        <v>0</v>
      </c>
      <c r="R26" s="180">
        <v>2</v>
      </c>
      <c r="S26" s="180">
        <v>0</v>
      </c>
      <c r="T26" s="178">
        <v>0</v>
      </c>
      <c r="U26" s="181">
        <v>2</v>
      </c>
      <c r="V26" s="185">
        <v>2</v>
      </c>
      <c r="W26" s="184">
        <v>0</v>
      </c>
      <c r="X26" s="178">
        <v>0</v>
      </c>
      <c r="Y26" s="178">
        <v>0</v>
      </c>
      <c r="Z26" s="179">
        <v>0</v>
      </c>
      <c r="AA26" s="180">
        <v>0</v>
      </c>
      <c r="AB26" s="180">
        <v>0</v>
      </c>
      <c r="AC26" s="180">
        <v>0</v>
      </c>
      <c r="AD26" s="178">
        <v>0</v>
      </c>
      <c r="AE26" s="181">
        <v>0</v>
      </c>
      <c r="AF26" s="182">
        <v>0</v>
      </c>
      <c r="AG26" s="177">
        <v>0</v>
      </c>
      <c r="AH26" s="178">
        <v>0</v>
      </c>
      <c r="AI26" s="178">
        <v>0</v>
      </c>
      <c r="AJ26" s="179">
        <v>0</v>
      </c>
      <c r="AK26" s="180">
        <v>0</v>
      </c>
      <c r="AL26" s="180">
        <v>0</v>
      </c>
      <c r="AM26" s="180">
        <v>0</v>
      </c>
      <c r="AN26" s="178">
        <v>0</v>
      </c>
      <c r="AO26" s="181">
        <v>0</v>
      </c>
      <c r="AP26" s="183">
        <v>0</v>
      </c>
      <c r="AQ26" s="32"/>
    </row>
    <row r="27" spans="2:43" ht="21" customHeight="1" x14ac:dyDescent="0.2">
      <c r="B27" s="437" t="s">
        <v>25</v>
      </c>
      <c r="C27" s="177">
        <v>0</v>
      </c>
      <c r="D27" s="178">
        <v>0</v>
      </c>
      <c r="E27" s="178">
        <v>0</v>
      </c>
      <c r="F27" s="179">
        <v>0</v>
      </c>
      <c r="G27" s="180">
        <v>0</v>
      </c>
      <c r="H27" s="180">
        <v>2</v>
      </c>
      <c r="I27" s="180">
        <v>2</v>
      </c>
      <c r="J27" s="178">
        <v>3</v>
      </c>
      <c r="K27" s="181">
        <v>7</v>
      </c>
      <c r="L27" s="182">
        <v>7</v>
      </c>
      <c r="M27" s="177">
        <v>0</v>
      </c>
      <c r="N27" s="178">
        <v>0</v>
      </c>
      <c r="O27" s="181">
        <v>0</v>
      </c>
      <c r="P27" s="184">
        <v>1</v>
      </c>
      <c r="Q27" s="180">
        <v>3</v>
      </c>
      <c r="R27" s="180">
        <v>0</v>
      </c>
      <c r="S27" s="180">
        <v>2</v>
      </c>
      <c r="T27" s="178">
        <v>0</v>
      </c>
      <c r="U27" s="181">
        <v>6</v>
      </c>
      <c r="V27" s="185">
        <v>6</v>
      </c>
      <c r="W27" s="184">
        <v>0</v>
      </c>
      <c r="X27" s="178">
        <v>0</v>
      </c>
      <c r="Y27" s="178">
        <v>0</v>
      </c>
      <c r="Z27" s="179">
        <v>0</v>
      </c>
      <c r="AA27" s="180">
        <v>0</v>
      </c>
      <c r="AB27" s="180">
        <v>0</v>
      </c>
      <c r="AC27" s="180">
        <v>0</v>
      </c>
      <c r="AD27" s="178">
        <v>0</v>
      </c>
      <c r="AE27" s="181">
        <v>0</v>
      </c>
      <c r="AF27" s="182">
        <v>0</v>
      </c>
      <c r="AG27" s="177">
        <v>0</v>
      </c>
      <c r="AH27" s="178">
        <v>0</v>
      </c>
      <c r="AI27" s="178">
        <v>0</v>
      </c>
      <c r="AJ27" s="179">
        <v>0</v>
      </c>
      <c r="AK27" s="180">
        <v>0</v>
      </c>
      <c r="AL27" s="180">
        <v>0</v>
      </c>
      <c r="AM27" s="180">
        <v>0</v>
      </c>
      <c r="AN27" s="178">
        <v>0</v>
      </c>
      <c r="AO27" s="181">
        <v>0</v>
      </c>
      <c r="AP27" s="183">
        <v>0</v>
      </c>
      <c r="AQ27" s="32"/>
    </row>
    <row r="28" spans="2:43" ht="21" customHeight="1" x14ac:dyDescent="0.2">
      <c r="B28" s="437" t="s">
        <v>26</v>
      </c>
      <c r="C28" s="177">
        <v>0</v>
      </c>
      <c r="D28" s="178">
        <v>0</v>
      </c>
      <c r="E28" s="178">
        <v>0</v>
      </c>
      <c r="F28" s="179">
        <v>0</v>
      </c>
      <c r="G28" s="180">
        <v>0</v>
      </c>
      <c r="H28" s="180">
        <v>1</v>
      </c>
      <c r="I28" s="180">
        <v>0</v>
      </c>
      <c r="J28" s="178">
        <v>1</v>
      </c>
      <c r="K28" s="181">
        <v>2</v>
      </c>
      <c r="L28" s="182">
        <v>2</v>
      </c>
      <c r="M28" s="177">
        <v>0</v>
      </c>
      <c r="N28" s="178">
        <v>0</v>
      </c>
      <c r="O28" s="181">
        <v>0</v>
      </c>
      <c r="P28" s="184">
        <v>0</v>
      </c>
      <c r="Q28" s="180">
        <v>3</v>
      </c>
      <c r="R28" s="180">
        <v>2</v>
      </c>
      <c r="S28" s="180">
        <v>3</v>
      </c>
      <c r="T28" s="178">
        <v>0</v>
      </c>
      <c r="U28" s="181">
        <v>8</v>
      </c>
      <c r="V28" s="185">
        <v>8</v>
      </c>
      <c r="W28" s="184">
        <v>0</v>
      </c>
      <c r="X28" s="178">
        <v>0</v>
      </c>
      <c r="Y28" s="178">
        <v>0</v>
      </c>
      <c r="Z28" s="179">
        <v>0</v>
      </c>
      <c r="AA28" s="180">
        <v>0</v>
      </c>
      <c r="AB28" s="180">
        <v>0</v>
      </c>
      <c r="AC28" s="180">
        <v>0</v>
      </c>
      <c r="AD28" s="178">
        <v>0</v>
      </c>
      <c r="AE28" s="181">
        <v>0</v>
      </c>
      <c r="AF28" s="182">
        <v>0</v>
      </c>
      <c r="AG28" s="177">
        <v>0</v>
      </c>
      <c r="AH28" s="178">
        <v>0</v>
      </c>
      <c r="AI28" s="178">
        <v>0</v>
      </c>
      <c r="AJ28" s="179">
        <v>0</v>
      </c>
      <c r="AK28" s="180">
        <v>0</v>
      </c>
      <c r="AL28" s="180">
        <v>0</v>
      </c>
      <c r="AM28" s="180">
        <v>0</v>
      </c>
      <c r="AN28" s="178">
        <v>0</v>
      </c>
      <c r="AO28" s="181">
        <v>0</v>
      </c>
      <c r="AP28" s="183">
        <v>0</v>
      </c>
      <c r="AQ28" s="32"/>
    </row>
    <row r="29" spans="2:43" ht="21" customHeight="1" x14ac:dyDescent="0.2">
      <c r="B29" s="437" t="s">
        <v>27</v>
      </c>
      <c r="C29" s="177">
        <v>0</v>
      </c>
      <c r="D29" s="178">
        <v>0</v>
      </c>
      <c r="E29" s="178">
        <v>0</v>
      </c>
      <c r="F29" s="179">
        <v>0</v>
      </c>
      <c r="G29" s="180">
        <v>0</v>
      </c>
      <c r="H29" s="180">
        <v>1</v>
      </c>
      <c r="I29" s="180">
        <v>1</v>
      </c>
      <c r="J29" s="178">
        <v>1</v>
      </c>
      <c r="K29" s="181">
        <v>3</v>
      </c>
      <c r="L29" s="182">
        <v>3</v>
      </c>
      <c r="M29" s="177">
        <v>0</v>
      </c>
      <c r="N29" s="178">
        <v>0</v>
      </c>
      <c r="O29" s="181">
        <v>0</v>
      </c>
      <c r="P29" s="184">
        <v>1</v>
      </c>
      <c r="Q29" s="180">
        <v>0</v>
      </c>
      <c r="R29" s="180">
        <v>0</v>
      </c>
      <c r="S29" s="180">
        <v>0</v>
      </c>
      <c r="T29" s="178">
        <v>1</v>
      </c>
      <c r="U29" s="181">
        <v>2</v>
      </c>
      <c r="V29" s="185">
        <v>2</v>
      </c>
      <c r="W29" s="184">
        <v>0</v>
      </c>
      <c r="X29" s="178">
        <v>0</v>
      </c>
      <c r="Y29" s="178">
        <v>0</v>
      </c>
      <c r="Z29" s="179">
        <v>0</v>
      </c>
      <c r="AA29" s="180">
        <v>0</v>
      </c>
      <c r="AB29" s="180">
        <v>0</v>
      </c>
      <c r="AC29" s="180">
        <v>0</v>
      </c>
      <c r="AD29" s="178">
        <v>0</v>
      </c>
      <c r="AE29" s="181">
        <v>0</v>
      </c>
      <c r="AF29" s="182">
        <v>0</v>
      </c>
      <c r="AG29" s="177">
        <v>0</v>
      </c>
      <c r="AH29" s="178">
        <v>0</v>
      </c>
      <c r="AI29" s="178">
        <v>0</v>
      </c>
      <c r="AJ29" s="179">
        <v>0</v>
      </c>
      <c r="AK29" s="180">
        <v>0</v>
      </c>
      <c r="AL29" s="180">
        <v>0</v>
      </c>
      <c r="AM29" s="180">
        <v>0</v>
      </c>
      <c r="AN29" s="178">
        <v>0</v>
      </c>
      <c r="AO29" s="181">
        <v>0</v>
      </c>
      <c r="AP29" s="183">
        <v>0</v>
      </c>
      <c r="AQ29" s="32"/>
    </row>
    <row r="30" spans="2:43" ht="21" customHeight="1" x14ac:dyDescent="0.2">
      <c r="B30" s="437" t="s">
        <v>28</v>
      </c>
      <c r="C30" s="177">
        <v>0</v>
      </c>
      <c r="D30" s="178">
        <v>0</v>
      </c>
      <c r="E30" s="178">
        <v>0</v>
      </c>
      <c r="F30" s="179">
        <v>0</v>
      </c>
      <c r="G30" s="180">
        <v>0</v>
      </c>
      <c r="H30" s="180">
        <v>0</v>
      </c>
      <c r="I30" s="180">
        <v>0</v>
      </c>
      <c r="J30" s="178">
        <v>0</v>
      </c>
      <c r="K30" s="181">
        <v>0</v>
      </c>
      <c r="L30" s="182">
        <v>0</v>
      </c>
      <c r="M30" s="177">
        <v>0</v>
      </c>
      <c r="N30" s="178">
        <v>0</v>
      </c>
      <c r="O30" s="181">
        <v>0</v>
      </c>
      <c r="P30" s="184">
        <v>0</v>
      </c>
      <c r="Q30" s="180">
        <v>0</v>
      </c>
      <c r="R30" s="180">
        <v>1</v>
      </c>
      <c r="S30" s="180">
        <v>0</v>
      </c>
      <c r="T30" s="178">
        <v>0</v>
      </c>
      <c r="U30" s="181">
        <v>1</v>
      </c>
      <c r="V30" s="185">
        <v>1</v>
      </c>
      <c r="W30" s="184">
        <v>0</v>
      </c>
      <c r="X30" s="178">
        <v>0</v>
      </c>
      <c r="Y30" s="178">
        <v>0</v>
      </c>
      <c r="Z30" s="179">
        <v>0</v>
      </c>
      <c r="AA30" s="180">
        <v>0</v>
      </c>
      <c r="AB30" s="180">
        <v>0</v>
      </c>
      <c r="AC30" s="180">
        <v>0</v>
      </c>
      <c r="AD30" s="178">
        <v>0</v>
      </c>
      <c r="AE30" s="181">
        <v>0</v>
      </c>
      <c r="AF30" s="182">
        <v>0</v>
      </c>
      <c r="AG30" s="177">
        <v>0</v>
      </c>
      <c r="AH30" s="178">
        <v>0</v>
      </c>
      <c r="AI30" s="178">
        <v>0</v>
      </c>
      <c r="AJ30" s="179">
        <v>0</v>
      </c>
      <c r="AK30" s="180">
        <v>0</v>
      </c>
      <c r="AL30" s="180">
        <v>0</v>
      </c>
      <c r="AM30" s="180">
        <v>0</v>
      </c>
      <c r="AN30" s="178">
        <v>0</v>
      </c>
      <c r="AO30" s="181">
        <v>0</v>
      </c>
      <c r="AP30" s="183">
        <v>0</v>
      </c>
      <c r="AQ30" s="32"/>
    </row>
    <row r="31" spans="2:43" ht="21" customHeight="1" x14ac:dyDescent="0.2">
      <c r="B31" s="437" t="s">
        <v>29</v>
      </c>
      <c r="C31" s="177">
        <v>0</v>
      </c>
      <c r="D31" s="178">
        <v>0</v>
      </c>
      <c r="E31" s="178">
        <v>0</v>
      </c>
      <c r="F31" s="179">
        <v>0</v>
      </c>
      <c r="G31" s="180">
        <v>0</v>
      </c>
      <c r="H31" s="180">
        <v>0</v>
      </c>
      <c r="I31" s="180">
        <v>1</v>
      </c>
      <c r="J31" s="178">
        <v>0</v>
      </c>
      <c r="K31" s="181">
        <v>1</v>
      </c>
      <c r="L31" s="182">
        <v>1</v>
      </c>
      <c r="M31" s="177">
        <v>0</v>
      </c>
      <c r="N31" s="178">
        <v>0</v>
      </c>
      <c r="O31" s="181">
        <v>0</v>
      </c>
      <c r="P31" s="184">
        <v>0</v>
      </c>
      <c r="Q31" s="180">
        <v>0</v>
      </c>
      <c r="R31" s="180">
        <v>0</v>
      </c>
      <c r="S31" s="180">
        <v>1</v>
      </c>
      <c r="T31" s="178">
        <v>1</v>
      </c>
      <c r="U31" s="181">
        <v>2</v>
      </c>
      <c r="V31" s="185">
        <v>2</v>
      </c>
      <c r="W31" s="184">
        <v>0</v>
      </c>
      <c r="X31" s="178">
        <v>0</v>
      </c>
      <c r="Y31" s="178">
        <v>0</v>
      </c>
      <c r="Z31" s="179">
        <v>0</v>
      </c>
      <c r="AA31" s="180">
        <v>0</v>
      </c>
      <c r="AB31" s="180">
        <v>0</v>
      </c>
      <c r="AC31" s="180">
        <v>0</v>
      </c>
      <c r="AD31" s="178">
        <v>0</v>
      </c>
      <c r="AE31" s="181">
        <v>0</v>
      </c>
      <c r="AF31" s="182">
        <v>0</v>
      </c>
      <c r="AG31" s="177">
        <v>0</v>
      </c>
      <c r="AH31" s="178">
        <v>0</v>
      </c>
      <c r="AI31" s="178">
        <v>0</v>
      </c>
      <c r="AJ31" s="179">
        <v>0</v>
      </c>
      <c r="AK31" s="180">
        <v>0</v>
      </c>
      <c r="AL31" s="180">
        <v>0</v>
      </c>
      <c r="AM31" s="180">
        <v>0</v>
      </c>
      <c r="AN31" s="178">
        <v>0</v>
      </c>
      <c r="AO31" s="181">
        <v>0</v>
      </c>
      <c r="AP31" s="183">
        <v>0</v>
      </c>
      <c r="AQ31" s="32"/>
    </row>
    <row r="32" spans="2:43" ht="21" customHeight="1" x14ac:dyDescent="0.2">
      <c r="B32" s="437" t="s">
        <v>30</v>
      </c>
      <c r="C32" s="177">
        <v>0</v>
      </c>
      <c r="D32" s="178">
        <v>0</v>
      </c>
      <c r="E32" s="178">
        <v>0</v>
      </c>
      <c r="F32" s="179">
        <v>0</v>
      </c>
      <c r="G32" s="180">
        <v>0</v>
      </c>
      <c r="H32" s="180">
        <v>1</v>
      </c>
      <c r="I32" s="180">
        <v>1</v>
      </c>
      <c r="J32" s="178">
        <v>1</v>
      </c>
      <c r="K32" s="181">
        <v>3</v>
      </c>
      <c r="L32" s="182">
        <v>3</v>
      </c>
      <c r="M32" s="177">
        <v>0</v>
      </c>
      <c r="N32" s="178">
        <v>0</v>
      </c>
      <c r="O32" s="181">
        <v>0</v>
      </c>
      <c r="P32" s="184">
        <v>0</v>
      </c>
      <c r="Q32" s="180">
        <v>0</v>
      </c>
      <c r="R32" s="180">
        <v>0</v>
      </c>
      <c r="S32" s="180">
        <v>0</v>
      </c>
      <c r="T32" s="178">
        <v>0</v>
      </c>
      <c r="U32" s="181">
        <v>0</v>
      </c>
      <c r="V32" s="185">
        <v>0</v>
      </c>
      <c r="W32" s="184">
        <v>0</v>
      </c>
      <c r="X32" s="178">
        <v>0</v>
      </c>
      <c r="Y32" s="178">
        <v>0</v>
      </c>
      <c r="Z32" s="179">
        <v>0</v>
      </c>
      <c r="AA32" s="180">
        <v>0</v>
      </c>
      <c r="AB32" s="180">
        <v>0</v>
      </c>
      <c r="AC32" s="180">
        <v>0</v>
      </c>
      <c r="AD32" s="178">
        <v>0</v>
      </c>
      <c r="AE32" s="181">
        <v>0</v>
      </c>
      <c r="AF32" s="182">
        <v>0</v>
      </c>
      <c r="AG32" s="177">
        <v>0</v>
      </c>
      <c r="AH32" s="178">
        <v>0</v>
      </c>
      <c r="AI32" s="178">
        <v>0</v>
      </c>
      <c r="AJ32" s="179">
        <v>0</v>
      </c>
      <c r="AK32" s="180">
        <v>0</v>
      </c>
      <c r="AL32" s="180">
        <v>0</v>
      </c>
      <c r="AM32" s="180">
        <v>0</v>
      </c>
      <c r="AN32" s="178">
        <v>0</v>
      </c>
      <c r="AO32" s="181">
        <v>0</v>
      </c>
      <c r="AP32" s="183">
        <v>0</v>
      </c>
      <c r="AQ32" s="32"/>
    </row>
    <row r="33" spans="2:43" ht="21" customHeight="1" x14ac:dyDescent="0.2">
      <c r="B33" s="437" t="s">
        <v>31</v>
      </c>
      <c r="C33" s="177">
        <v>0</v>
      </c>
      <c r="D33" s="178">
        <v>0</v>
      </c>
      <c r="E33" s="178">
        <v>0</v>
      </c>
      <c r="F33" s="179">
        <v>0</v>
      </c>
      <c r="G33" s="180">
        <v>0</v>
      </c>
      <c r="H33" s="180">
        <v>1</v>
      </c>
      <c r="I33" s="180">
        <v>1</v>
      </c>
      <c r="J33" s="178">
        <v>1</v>
      </c>
      <c r="K33" s="181">
        <v>3</v>
      </c>
      <c r="L33" s="182">
        <v>3</v>
      </c>
      <c r="M33" s="177">
        <v>0</v>
      </c>
      <c r="N33" s="178">
        <v>0</v>
      </c>
      <c r="O33" s="181">
        <v>0</v>
      </c>
      <c r="P33" s="184">
        <v>0</v>
      </c>
      <c r="Q33" s="180">
        <v>0</v>
      </c>
      <c r="R33" s="180">
        <v>3</v>
      </c>
      <c r="S33" s="180">
        <v>0</v>
      </c>
      <c r="T33" s="178">
        <v>0</v>
      </c>
      <c r="U33" s="181">
        <v>3</v>
      </c>
      <c r="V33" s="185">
        <v>3</v>
      </c>
      <c r="W33" s="184">
        <v>0</v>
      </c>
      <c r="X33" s="178">
        <v>0</v>
      </c>
      <c r="Y33" s="178">
        <v>0</v>
      </c>
      <c r="Z33" s="179">
        <v>0</v>
      </c>
      <c r="AA33" s="180">
        <v>0</v>
      </c>
      <c r="AB33" s="180">
        <v>0</v>
      </c>
      <c r="AC33" s="180">
        <v>0</v>
      </c>
      <c r="AD33" s="178">
        <v>0</v>
      </c>
      <c r="AE33" s="181">
        <v>0</v>
      </c>
      <c r="AF33" s="182">
        <v>0</v>
      </c>
      <c r="AG33" s="177">
        <v>0</v>
      </c>
      <c r="AH33" s="178">
        <v>0</v>
      </c>
      <c r="AI33" s="178">
        <v>0</v>
      </c>
      <c r="AJ33" s="179">
        <v>0</v>
      </c>
      <c r="AK33" s="180">
        <v>0</v>
      </c>
      <c r="AL33" s="180">
        <v>0</v>
      </c>
      <c r="AM33" s="180">
        <v>0</v>
      </c>
      <c r="AN33" s="178">
        <v>0</v>
      </c>
      <c r="AO33" s="181">
        <v>0</v>
      </c>
      <c r="AP33" s="183">
        <v>0</v>
      </c>
      <c r="AQ33" s="32"/>
    </row>
    <row r="34" spans="2:43" ht="21" customHeight="1" x14ac:dyDescent="0.2">
      <c r="B34" s="437" t="s">
        <v>32</v>
      </c>
      <c r="C34" s="177">
        <v>0</v>
      </c>
      <c r="D34" s="178">
        <v>0</v>
      </c>
      <c r="E34" s="178">
        <v>0</v>
      </c>
      <c r="F34" s="179">
        <v>0</v>
      </c>
      <c r="G34" s="180">
        <v>0</v>
      </c>
      <c r="H34" s="180">
        <v>1</v>
      </c>
      <c r="I34" s="180">
        <v>0</v>
      </c>
      <c r="J34" s="178">
        <v>1</v>
      </c>
      <c r="K34" s="181">
        <v>2</v>
      </c>
      <c r="L34" s="182">
        <v>2</v>
      </c>
      <c r="M34" s="177">
        <v>0</v>
      </c>
      <c r="N34" s="178">
        <v>0</v>
      </c>
      <c r="O34" s="181">
        <v>0</v>
      </c>
      <c r="P34" s="184">
        <v>0</v>
      </c>
      <c r="Q34" s="180">
        <v>0</v>
      </c>
      <c r="R34" s="180">
        <v>0</v>
      </c>
      <c r="S34" s="180">
        <v>1</v>
      </c>
      <c r="T34" s="178">
        <v>1</v>
      </c>
      <c r="U34" s="181">
        <v>2</v>
      </c>
      <c r="V34" s="185">
        <v>2</v>
      </c>
      <c r="W34" s="184">
        <v>0</v>
      </c>
      <c r="X34" s="178">
        <v>0</v>
      </c>
      <c r="Y34" s="178">
        <v>0</v>
      </c>
      <c r="Z34" s="179">
        <v>0</v>
      </c>
      <c r="AA34" s="180">
        <v>0</v>
      </c>
      <c r="AB34" s="180">
        <v>0</v>
      </c>
      <c r="AC34" s="180">
        <v>0</v>
      </c>
      <c r="AD34" s="178">
        <v>0</v>
      </c>
      <c r="AE34" s="181">
        <v>0</v>
      </c>
      <c r="AF34" s="182">
        <v>0</v>
      </c>
      <c r="AG34" s="177">
        <v>0</v>
      </c>
      <c r="AH34" s="178">
        <v>0</v>
      </c>
      <c r="AI34" s="178">
        <v>0</v>
      </c>
      <c r="AJ34" s="179">
        <v>0</v>
      </c>
      <c r="AK34" s="180">
        <v>0</v>
      </c>
      <c r="AL34" s="180">
        <v>0</v>
      </c>
      <c r="AM34" s="180">
        <v>0</v>
      </c>
      <c r="AN34" s="178">
        <v>0</v>
      </c>
      <c r="AO34" s="181">
        <v>0</v>
      </c>
      <c r="AP34" s="183">
        <v>0</v>
      </c>
      <c r="AQ34" s="32"/>
    </row>
    <row r="35" spans="2:43" ht="21" customHeight="1" x14ac:dyDescent="0.2">
      <c r="B35" s="437" t="s">
        <v>33</v>
      </c>
      <c r="C35" s="177">
        <v>0</v>
      </c>
      <c r="D35" s="178">
        <v>0</v>
      </c>
      <c r="E35" s="178">
        <v>0</v>
      </c>
      <c r="F35" s="179">
        <v>0</v>
      </c>
      <c r="G35" s="180">
        <v>0</v>
      </c>
      <c r="H35" s="180">
        <v>0</v>
      </c>
      <c r="I35" s="180">
        <v>0</v>
      </c>
      <c r="J35" s="178">
        <v>0</v>
      </c>
      <c r="K35" s="181">
        <v>0</v>
      </c>
      <c r="L35" s="182">
        <v>0</v>
      </c>
      <c r="M35" s="177">
        <v>0</v>
      </c>
      <c r="N35" s="178">
        <v>0</v>
      </c>
      <c r="O35" s="181">
        <v>0</v>
      </c>
      <c r="P35" s="184">
        <v>0</v>
      </c>
      <c r="Q35" s="180">
        <v>0</v>
      </c>
      <c r="R35" s="180">
        <v>1</v>
      </c>
      <c r="S35" s="180">
        <v>0</v>
      </c>
      <c r="T35" s="178">
        <v>1</v>
      </c>
      <c r="U35" s="181">
        <v>2</v>
      </c>
      <c r="V35" s="185">
        <v>2</v>
      </c>
      <c r="W35" s="184">
        <v>0</v>
      </c>
      <c r="X35" s="178">
        <v>0</v>
      </c>
      <c r="Y35" s="178">
        <v>0</v>
      </c>
      <c r="Z35" s="179">
        <v>0</v>
      </c>
      <c r="AA35" s="180">
        <v>0</v>
      </c>
      <c r="AB35" s="180">
        <v>0</v>
      </c>
      <c r="AC35" s="180">
        <v>0</v>
      </c>
      <c r="AD35" s="178">
        <v>0</v>
      </c>
      <c r="AE35" s="181">
        <v>0</v>
      </c>
      <c r="AF35" s="182">
        <v>0</v>
      </c>
      <c r="AG35" s="177">
        <v>0</v>
      </c>
      <c r="AH35" s="178">
        <v>0</v>
      </c>
      <c r="AI35" s="178">
        <v>0</v>
      </c>
      <c r="AJ35" s="179">
        <v>0</v>
      </c>
      <c r="AK35" s="180">
        <v>0</v>
      </c>
      <c r="AL35" s="180">
        <v>0</v>
      </c>
      <c r="AM35" s="180">
        <v>0</v>
      </c>
      <c r="AN35" s="178">
        <v>3</v>
      </c>
      <c r="AO35" s="181">
        <v>3</v>
      </c>
      <c r="AP35" s="183">
        <v>3</v>
      </c>
      <c r="AQ35" s="32"/>
    </row>
    <row r="36" spans="2:43" ht="21" customHeight="1" x14ac:dyDescent="0.2">
      <c r="B36" s="437" t="s">
        <v>34</v>
      </c>
      <c r="C36" s="177">
        <v>0</v>
      </c>
      <c r="D36" s="178">
        <v>0</v>
      </c>
      <c r="E36" s="178">
        <v>0</v>
      </c>
      <c r="F36" s="179">
        <v>0</v>
      </c>
      <c r="G36" s="180">
        <v>0</v>
      </c>
      <c r="H36" s="180">
        <v>0</v>
      </c>
      <c r="I36" s="180">
        <v>0</v>
      </c>
      <c r="J36" s="178">
        <v>0</v>
      </c>
      <c r="K36" s="181">
        <v>0</v>
      </c>
      <c r="L36" s="182">
        <v>0</v>
      </c>
      <c r="M36" s="177">
        <v>0</v>
      </c>
      <c r="N36" s="178">
        <v>0</v>
      </c>
      <c r="O36" s="181">
        <v>0</v>
      </c>
      <c r="P36" s="184">
        <v>0</v>
      </c>
      <c r="Q36" s="180">
        <v>0</v>
      </c>
      <c r="R36" s="180">
        <v>0</v>
      </c>
      <c r="S36" s="180">
        <v>1</v>
      </c>
      <c r="T36" s="178">
        <v>0</v>
      </c>
      <c r="U36" s="181">
        <v>1</v>
      </c>
      <c r="V36" s="185">
        <v>1</v>
      </c>
      <c r="W36" s="184">
        <v>0</v>
      </c>
      <c r="X36" s="178">
        <v>0</v>
      </c>
      <c r="Y36" s="178">
        <v>0</v>
      </c>
      <c r="Z36" s="179">
        <v>0</v>
      </c>
      <c r="AA36" s="180">
        <v>0</v>
      </c>
      <c r="AB36" s="180">
        <v>0</v>
      </c>
      <c r="AC36" s="180">
        <v>0</v>
      </c>
      <c r="AD36" s="178">
        <v>0</v>
      </c>
      <c r="AE36" s="181">
        <v>0</v>
      </c>
      <c r="AF36" s="182">
        <v>0</v>
      </c>
      <c r="AG36" s="177">
        <v>0</v>
      </c>
      <c r="AH36" s="178">
        <v>0</v>
      </c>
      <c r="AI36" s="178">
        <v>0</v>
      </c>
      <c r="AJ36" s="179">
        <v>0</v>
      </c>
      <c r="AK36" s="180">
        <v>0</v>
      </c>
      <c r="AL36" s="180">
        <v>0</v>
      </c>
      <c r="AM36" s="180">
        <v>0</v>
      </c>
      <c r="AN36" s="178">
        <v>0</v>
      </c>
      <c r="AO36" s="181">
        <v>0</v>
      </c>
      <c r="AP36" s="183">
        <v>0</v>
      </c>
      <c r="AQ36" s="32"/>
    </row>
    <row r="37" spans="2:43" ht="21" customHeight="1" x14ac:dyDescent="0.2">
      <c r="B37" s="437" t="s">
        <v>35</v>
      </c>
      <c r="C37" s="177">
        <v>0</v>
      </c>
      <c r="D37" s="178">
        <v>0</v>
      </c>
      <c r="E37" s="178">
        <v>0</v>
      </c>
      <c r="F37" s="179">
        <v>0</v>
      </c>
      <c r="G37" s="180">
        <v>0</v>
      </c>
      <c r="H37" s="180">
        <v>0</v>
      </c>
      <c r="I37" s="180">
        <v>1</v>
      </c>
      <c r="J37" s="178">
        <v>0</v>
      </c>
      <c r="K37" s="181">
        <v>1</v>
      </c>
      <c r="L37" s="182">
        <v>1</v>
      </c>
      <c r="M37" s="177">
        <v>0</v>
      </c>
      <c r="N37" s="178">
        <v>0</v>
      </c>
      <c r="O37" s="181">
        <v>0</v>
      </c>
      <c r="P37" s="184">
        <v>0</v>
      </c>
      <c r="Q37" s="180">
        <v>0</v>
      </c>
      <c r="R37" s="180">
        <v>0</v>
      </c>
      <c r="S37" s="180">
        <v>0</v>
      </c>
      <c r="T37" s="178">
        <v>0</v>
      </c>
      <c r="U37" s="181">
        <v>0</v>
      </c>
      <c r="V37" s="185">
        <v>0</v>
      </c>
      <c r="W37" s="184">
        <v>0</v>
      </c>
      <c r="X37" s="178">
        <v>0</v>
      </c>
      <c r="Y37" s="178">
        <v>0</v>
      </c>
      <c r="Z37" s="179">
        <v>0</v>
      </c>
      <c r="AA37" s="180">
        <v>0</v>
      </c>
      <c r="AB37" s="180">
        <v>0</v>
      </c>
      <c r="AC37" s="180">
        <v>0</v>
      </c>
      <c r="AD37" s="178">
        <v>0</v>
      </c>
      <c r="AE37" s="181">
        <v>0</v>
      </c>
      <c r="AF37" s="182">
        <v>0</v>
      </c>
      <c r="AG37" s="177">
        <v>0</v>
      </c>
      <c r="AH37" s="178">
        <v>0</v>
      </c>
      <c r="AI37" s="178">
        <v>0</v>
      </c>
      <c r="AJ37" s="179">
        <v>0</v>
      </c>
      <c r="AK37" s="180">
        <v>0</v>
      </c>
      <c r="AL37" s="180">
        <v>0</v>
      </c>
      <c r="AM37" s="180">
        <v>0</v>
      </c>
      <c r="AN37" s="178">
        <v>0</v>
      </c>
      <c r="AO37" s="181">
        <v>0</v>
      </c>
      <c r="AP37" s="183">
        <v>0</v>
      </c>
      <c r="AQ37" s="32"/>
    </row>
    <row r="38" spans="2:43" ht="21" customHeight="1" x14ac:dyDescent="0.2">
      <c r="B38" s="437" t="s">
        <v>36</v>
      </c>
      <c r="C38" s="177">
        <v>0</v>
      </c>
      <c r="D38" s="178">
        <v>0</v>
      </c>
      <c r="E38" s="178">
        <v>0</v>
      </c>
      <c r="F38" s="179">
        <v>0</v>
      </c>
      <c r="G38" s="180">
        <v>0</v>
      </c>
      <c r="H38" s="180">
        <v>0</v>
      </c>
      <c r="I38" s="180">
        <v>1</v>
      </c>
      <c r="J38" s="178">
        <v>1</v>
      </c>
      <c r="K38" s="181">
        <v>2</v>
      </c>
      <c r="L38" s="182">
        <v>2</v>
      </c>
      <c r="M38" s="177">
        <v>0</v>
      </c>
      <c r="N38" s="178">
        <v>0</v>
      </c>
      <c r="O38" s="181">
        <v>0</v>
      </c>
      <c r="P38" s="184">
        <v>0</v>
      </c>
      <c r="Q38" s="180">
        <v>0</v>
      </c>
      <c r="R38" s="180">
        <v>1</v>
      </c>
      <c r="S38" s="180">
        <v>1</v>
      </c>
      <c r="T38" s="178">
        <v>0</v>
      </c>
      <c r="U38" s="181">
        <v>2</v>
      </c>
      <c r="V38" s="185">
        <v>2</v>
      </c>
      <c r="W38" s="184">
        <v>0</v>
      </c>
      <c r="X38" s="178">
        <v>0</v>
      </c>
      <c r="Y38" s="178">
        <v>0</v>
      </c>
      <c r="Z38" s="179">
        <v>0</v>
      </c>
      <c r="AA38" s="180">
        <v>0</v>
      </c>
      <c r="AB38" s="180">
        <v>0</v>
      </c>
      <c r="AC38" s="180">
        <v>0</v>
      </c>
      <c r="AD38" s="178">
        <v>0</v>
      </c>
      <c r="AE38" s="181">
        <v>0</v>
      </c>
      <c r="AF38" s="182">
        <v>0</v>
      </c>
      <c r="AG38" s="177">
        <v>0</v>
      </c>
      <c r="AH38" s="178">
        <v>0</v>
      </c>
      <c r="AI38" s="178">
        <v>0</v>
      </c>
      <c r="AJ38" s="179">
        <v>0</v>
      </c>
      <c r="AK38" s="180">
        <v>0</v>
      </c>
      <c r="AL38" s="180">
        <v>0</v>
      </c>
      <c r="AM38" s="180">
        <v>0</v>
      </c>
      <c r="AN38" s="178">
        <v>0</v>
      </c>
      <c r="AO38" s="181">
        <v>0</v>
      </c>
      <c r="AP38" s="183">
        <v>0</v>
      </c>
      <c r="AQ38" s="32"/>
    </row>
    <row r="39" spans="2:43" ht="21" customHeight="1" thickBot="1" x14ac:dyDescent="0.25">
      <c r="B39" s="438" t="s">
        <v>37</v>
      </c>
      <c r="C39" s="186">
        <v>0</v>
      </c>
      <c r="D39" s="187">
        <v>0</v>
      </c>
      <c r="E39" s="187">
        <v>0</v>
      </c>
      <c r="F39" s="188">
        <v>0</v>
      </c>
      <c r="G39" s="189">
        <v>0</v>
      </c>
      <c r="H39" s="189">
        <v>0</v>
      </c>
      <c r="I39" s="189">
        <v>0</v>
      </c>
      <c r="J39" s="187">
        <v>0</v>
      </c>
      <c r="K39" s="190">
        <v>0</v>
      </c>
      <c r="L39" s="191">
        <v>0</v>
      </c>
      <c r="M39" s="186">
        <v>0</v>
      </c>
      <c r="N39" s="187">
        <v>0</v>
      </c>
      <c r="O39" s="190">
        <v>0</v>
      </c>
      <c r="P39" s="193">
        <v>0</v>
      </c>
      <c r="Q39" s="189">
        <v>0</v>
      </c>
      <c r="R39" s="189">
        <v>0</v>
      </c>
      <c r="S39" s="189">
        <v>0</v>
      </c>
      <c r="T39" s="187">
        <v>0</v>
      </c>
      <c r="U39" s="190">
        <v>0</v>
      </c>
      <c r="V39" s="194">
        <v>0</v>
      </c>
      <c r="W39" s="193">
        <v>0</v>
      </c>
      <c r="X39" s="187">
        <v>0</v>
      </c>
      <c r="Y39" s="187">
        <v>0</v>
      </c>
      <c r="Z39" s="188">
        <v>0</v>
      </c>
      <c r="AA39" s="189">
        <v>0</v>
      </c>
      <c r="AB39" s="189">
        <v>0</v>
      </c>
      <c r="AC39" s="189">
        <v>0</v>
      </c>
      <c r="AD39" s="187">
        <v>0</v>
      </c>
      <c r="AE39" s="190">
        <v>0</v>
      </c>
      <c r="AF39" s="191">
        <v>0</v>
      </c>
      <c r="AG39" s="186">
        <v>0</v>
      </c>
      <c r="AH39" s="187">
        <v>0</v>
      </c>
      <c r="AI39" s="187">
        <v>0</v>
      </c>
      <c r="AJ39" s="188">
        <v>0</v>
      </c>
      <c r="AK39" s="189">
        <v>0</v>
      </c>
      <c r="AL39" s="189">
        <v>0</v>
      </c>
      <c r="AM39" s="189">
        <v>0</v>
      </c>
      <c r="AN39" s="187">
        <v>0</v>
      </c>
      <c r="AO39" s="190">
        <v>0</v>
      </c>
      <c r="AP39" s="192">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Z4:AE4"/>
    <mergeCell ref="AF4:AF5"/>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4" customWidth="1"/>
    <col min="83" max="83" width="7.77734375" style="34" customWidth="1"/>
    <col min="84" max="90" width="9" style="34"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4" customWidth="1"/>
    <col min="116" max="116" width="7.33203125" style="34" customWidth="1"/>
    <col min="117" max="121" width="8.88671875" style="34" customWidth="1"/>
    <col min="122" max="123" width="9.6640625" style="34"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4" customWidth="1"/>
    <col min="171" max="171" width="7.33203125" style="34" customWidth="1"/>
    <col min="172" max="176" width="8.88671875" style="34" customWidth="1"/>
    <col min="177" max="178" width="9.6640625" style="34"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15" t="s">
        <v>144</v>
      </c>
      <c r="E1" s="433">
        <f>第１表!F2</f>
        <v>6</v>
      </c>
      <c r="F1" s="229">
        <f>第１表!G2</f>
        <v>3</v>
      </c>
      <c r="G1" s="643">
        <f>IF(F1&lt;3,F1-2+12,F1-2)</f>
        <v>1</v>
      </c>
      <c r="H1" s="643"/>
      <c r="IB1" s="323"/>
      <c r="IC1" s="235"/>
      <c r="ID1" s="612"/>
      <c r="IE1" s="612"/>
    </row>
    <row r="2" spans="1:409" s="39" customFormat="1" ht="24" customHeight="1" x14ac:dyDescent="0.2">
      <c r="B2" s="15" t="s">
        <v>145</v>
      </c>
      <c r="E2" s="232"/>
      <c r="F2" s="233"/>
      <c r="G2" s="648"/>
      <c r="H2" s="648"/>
      <c r="CB2" s="296"/>
      <c r="CC2" s="296"/>
      <c r="CD2" s="296"/>
      <c r="CE2" s="296"/>
      <c r="CF2" s="296"/>
      <c r="CG2" s="296"/>
      <c r="CH2" s="296"/>
      <c r="CI2" s="296"/>
      <c r="CJ2" s="296"/>
      <c r="CK2" s="296"/>
      <c r="CL2" s="296"/>
      <c r="DI2" s="296"/>
      <c r="DJ2" s="296"/>
      <c r="DK2" s="296"/>
      <c r="DL2" s="296"/>
      <c r="DM2" s="296"/>
      <c r="DN2" s="296"/>
      <c r="DO2" s="296"/>
      <c r="DP2" s="296"/>
      <c r="DQ2" s="296"/>
      <c r="DR2" s="296"/>
      <c r="DS2" s="296"/>
      <c r="FL2" s="296"/>
      <c r="FM2" s="296"/>
      <c r="FN2" s="296"/>
      <c r="FO2" s="296"/>
      <c r="FP2" s="296"/>
      <c r="FQ2" s="296"/>
      <c r="FR2" s="296"/>
      <c r="FS2" s="296"/>
      <c r="FT2" s="296"/>
      <c r="FU2" s="296"/>
      <c r="FV2" s="296"/>
      <c r="HZ2" s="34"/>
      <c r="IA2" s="34"/>
      <c r="IB2" s="234"/>
      <c r="IC2" s="235"/>
      <c r="ID2" s="326"/>
      <c r="IE2" s="326"/>
      <c r="IF2" s="34"/>
      <c r="IG2" s="34"/>
      <c r="IH2" s="34"/>
      <c r="II2" s="34"/>
      <c r="IJ2" s="34"/>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4"/>
      <c r="KZ2" s="34"/>
      <c r="LA2" s="34"/>
      <c r="LB2" s="34"/>
      <c r="LC2" s="34"/>
      <c r="LD2" s="34"/>
      <c r="LE2" s="34"/>
      <c r="LF2" s="34"/>
      <c r="LG2" s="34"/>
      <c r="LH2" s="34"/>
      <c r="LI2" s="34"/>
      <c r="LJ2" s="34"/>
      <c r="LK2" s="34"/>
      <c r="LL2" s="34"/>
      <c r="LM2" s="34"/>
      <c r="LN2" s="34"/>
      <c r="LO2" s="34"/>
      <c r="LP2" s="34"/>
      <c r="LQ2" s="34"/>
      <c r="LR2" s="34"/>
      <c r="LS2" s="34"/>
      <c r="LT2" s="34"/>
      <c r="LU2" s="34"/>
      <c r="LV2" s="34"/>
      <c r="LW2" s="34"/>
      <c r="LX2" s="34"/>
      <c r="LY2" s="34"/>
      <c r="LZ2" s="34"/>
      <c r="MA2" s="34"/>
      <c r="MB2" s="34"/>
      <c r="MC2" s="34"/>
      <c r="MD2" s="34"/>
      <c r="ME2" s="34"/>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39" customFormat="1" ht="24" customHeight="1" thickBot="1" x14ac:dyDescent="0.25">
      <c r="B3" s="15" t="s">
        <v>146</v>
      </c>
      <c r="CB3" s="296"/>
      <c r="CC3" s="296"/>
      <c r="CD3" s="296"/>
      <c r="CE3" s="296"/>
      <c r="CF3" s="296"/>
      <c r="CG3" s="296"/>
      <c r="CH3" s="296"/>
      <c r="CI3" s="296"/>
      <c r="CJ3" s="296"/>
      <c r="CK3" s="296"/>
      <c r="CL3" s="296"/>
      <c r="DI3" s="296"/>
      <c r="DJ3" s="296"/>
      <c r="DK3" s="296"/>
      <c r="DL3" s="296"/>
      <c r="DM3" s="296"/>
      <c r="DN3" s="296"/>
      <c r="DO3" s="296"/>
      <c r="DP3" s="296"/>
      <c r="DQ3" s="296"/>
      <c r="DR3" s="296"/>
      <c r="DS3" s="296"/>
      <c r="FL3" s="296"/>
      <c r="FM3" s="296"/>
      <c r="FN3" s="296"/>
      <c r="FO3" s="296"/>
      <c r="FP3" s="296"/>
      <c r="FQ3" s="296"/>
      <c r="FR3" s="296"/>
      <c r="FS3" s="296"/>
      <c r="FT3" s="296"/>
      <c r="FU3" s="296"/>
      <c r="FV3" s="296"/>
      <c r="HZ3" s="34"/>
      <c r="IA3" s="34"/>
      <c r="IB3" s="34"/>
      <c r="IC3" s="34"/>
      <c r="ID3" s="34"/>
      <c r="IE3" s="34"/>
      <c r="IF3" s="34"/>
      <c r="IG3" s="34"/>
      <c r="IH3" s="34"/>
      <c r="II3" s="34"/>
      <c r="IJ3" s="34"/>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4"/>
      <c r="KZ3" s="34"/>
      <c r="LA3" s="34"/>
      <c r="LB3" s="34"/>
      <c r="LC3" s="34"/>
      <c r="LD3" s="34"/>
      <c r="LE3" s="34"/>
      <c r="LF3" s="34"/>
      <c r="LG3" s="34"/>
      <c r="LH3" s="34"/>
      <c r="LI3" s="34"/>
      <c r="LJ3" s="34"/>
      <c r="LK3" s="34"/>
      <c r="LL3" s="34"/>
      <c r="LM3" s="34"/>
      <c r="LN3" s="34"/>
      <c r="LO3" s="34"/>
      <c r="LP3" s="34"/>
      <c r="LQ3" s="34"/>
      <c r="LR3" s="34"/>
      <c r="LS3" s="34"/>
      <c r="LT3" s="34"/>
      <c r="LU3" s="34"/>
      <c r="LV3" s="34"/>
      <c r="LW3" s="34"/>
      <c r="LX3" s="34"/>
      <c r="LY3" s="34"/>
      <c r="LZ3" s="34"/>
      <c r="MA3" s="34"/>
      <c r="MB3" s="34"/>
      <c r="MC3" s="34"/>
      <c r="MD3" s="34"/>
      <c r="ME3" s="34"/>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25" t="s">
        <v>42</v>
      </c>
      <c r="C4" s="628" t="s">
        <v>63</v>
      </c>
      <c r="D4" s="628"/>
      <c r="E4" s="628"/>
      <c r="F4" s="628"/>
      <c r="G4" s="628"/>
      <c r="H4" s="628"/>
      <c r="I4" s="628"/>
      <c r="J4" s="628"/>
      <c r="K4" s="628"/>
      <c r="L4" s="628"/>
      <c r="M4" s="628"/>
      <c r="N4" s="562"/>
      <c r="O4" s="562"/>
      <c r="P4" s="562"/>
      <c r="Q4" s="562"/>
      <c r="R4" s="562"/>
      <c r="S4" s="562"/>
      <c r="T4" s="562"/>
      <c r="U4" s="562"/>
      <c r="V4" s="562"/>
      <c r="W4" s="562"/>
      <c r="X4" s="562"/>
      <c r="Y4" s="562"/>
      <c r="Z4" s="562"/>
      <c r="AA4" s="562"/>
      <c r="AB4" s="562"/>
      <c r="AC4" s="562"/>
      <c r="AD4" s="562"/>
      <c r="AE4" s="562"/>
      <c r="AF4" s="562"/>
      <c r="AG4" s="562"/>
      <c r="AH4" s="562"/>
      <c r="AI4" s="562"/>
      <c r="AJ4" s="562"/>
      <c r="AK4" s="562"/>
      <c r="AL4" s="562"/>
      <c r="AM4" s="562"/>
      <c r="AN4" s="562"/>
      <c r="AO4" s="562"/>
      <c r="AP4" s="562"/>
      <c r="AQ4" s="562"/>
      <c r="AR4" s="562"/>
      <c r="AS4" s="562"/>
      <c r="AT4" s="562"/>
      <c r="AU4" s="562"/>
      <c r="AV4" s="562"/>
      <c r="AW4" s="562"/>
      <c r="AX4" s="562"/>
      <c r="AY4" s="562"/>
      <c r="AZ4" s="562"/>
      <c r="BA4" s="562"/>
      <c r="BB4" s="562"/>
      <c r="BC4" s="562"/>
      <c r="BD4" s="562"/>
      <c r="BE4" s="562"/>
      <c r="BF4" s="562"/>
      <c r="BG4" s="562"/>
      <c r="BH4" s="562"/>
      <c r="BI4" s="562"/>
      <c r="BJ4" s="562"/>
      <c r="BK4" s="562"/>
      <c r="BL4" s="562"/>
      <c r="BM4" s="562"/>
      <c r="BN4" s="562"/>
      <c r="BO4" s="562"/>
      <c r="BP4" s="562"/>
      <c r="BQ4" s="562"/>
      <c r="BR4" s="562"/>
      <c r="BS4" s="562"/>
      <c r="BT4" s="562"/>
      <c r="BU4" s="562"/>
      <c r="BV4" s="562"/>
      <c r="BW4" s="562"/>
      <c r="BX4" s="562"/>
      <c r="BY4" s="562"/>
      <c r="BZ4" s="562"/>
      <c r="CA4" s="562"/>
      <c r="CB4" s="562"/>
      <c r="CC4" s="562"/>
      <c r="CD4" s="562"/>
      <c r="CE4" s="562"/>
      <c r="CF4" s="562"/>
      <c r="CG4" s="562"/>
      <c r="CH4" s="562"/>
      <c r="CI4" s="562"/>
      <c r="CJ4" s="562"/>
      <c r="CK4" s="562"/>
      <c r="CL4" s="562"/>
      <c r="CM4" s="562"/>
      <c r="CN4" s="562"/>
      <c r="CO4" s="562"/>
      <c r="CP4" s="562"/>
      <c r="CQ4" s="562"/>
      <c r="CR4" s="562"/>
      <c r="CS4" s="562"/>
      <c r="CT4" s="562"/>
      <c r="CU4" s="562"/>
      <c r="CV4" s="562"/>
      <c r="CW4" s="562"/>
      <c r="CX4" s="562"/>
      <c r="CY4" s="562"/>
      <c r="CZ4" s="562"/>
      <c r="DA4" s="562"/>
      <c r="DB4" s="562"/>
      <c r="DC4" s="562"/>
      <c r="DD4" s="562"/>
      <c r="DE4" s="562"/>
      <c r="DF4" s="562"/>
      <c r="DG4" s="562"/>
      <c r="DH4" s="562"/>
      <c r="DI4" s="562"/>
      <c r="DJ4" s="562"/>
      <c r="DK4" s="562"/>
      <c r="DL4" s="562"/>
      <c r="DM4" s="562"/>
      <c r="DN4" s="562"/>
      <c r="DO4" s="562"/>
      <c r="DP4" s="562"/>
      <c r="DQ4" s="562"/>
      <c r="DR4" s="562"/>
      <c r="DS4" s="562"/>
      <c r="DT4" s="562"/>
      <c r="DU4" s="562"/>
      <c r="DV4" s="562"/>
      <c r="DW4" s="562"/>
      <c r="DX4" s="562"/>
      <c r="DY4" s="562"/>
      <c r="DZ4" s="562"/>
      <c r="EA4" s="562"/>
      <c r="EB4" s="562"/>
      <c r="EC4" s="562"/>
      <c r="ED4" s="562"/>
      <c r="EE4" s="562"/>
      <c r="EF4" s="562"/>
      <c r="EG4" s="562"/>
      <c r="EH4" s="562"/>
      <c r="EI4" s="562"/>
      <c r="EJ4" s="562"/>
      <c r="EK4" s="562"/>
      <c r="EL4" s="562"/>
      <c r="EM4" s="562"/>
      <c r="EN4" s="562"/>
      <c r="EO4" s="562"/>
      <c r="EP4" s="562"/>
      <c r="EQ4" s="562"/>
      <c r="ER4" s="562"/>
      <c r="ES4" s="562"/>
      <c r="ET4" s="562"/>
      <c r="EU4" s="562"/>
      <c r="EV4" s="562"/>
      <c r="EW4" s="562"/>
      <c r="EX4" s="562"/>
      <c r="EY4" s="562"/>
      <c r="EZ4" s="562"/>
      <c r="FA4" s="562"/>
      <c r="FB4" s="562"/>
      <c r="FC4" s="562"/>
      <c r="FD4" s="562"/>
      <c r="FE4" s="562"/>
      <c r="FF4" s="562"/>
      <c r="FG4" s="562"/>
      <c r="FH4" s="562"/>
      <c r="FI4" s="562"/>
      <c r="FJ4" s="562"/>
      <c r="FK4" s="562"/>
      <c r="FL4" s="562"/>
      <c r="FM4" s="562"/>
      <c r="FN4" s="562"/>
      <c r="FO4" s="562"/>
      <c r="FP4" s="562"/>
      <c r="FQ4" s="562"/>
      <c r="FR4" s="562"/>
      <c r="FS4" s="562"/>
      <c r="FT4" s="562"/>
      <c r="FU4" s="562"/>
      <c r="FV4" s="562"/>
      <c r="FW4" s="562"/>
      <c r="FX4" s="562"/>
      <c r="FY4" s="562"/>
      <c r="FZ4" s="562"/>
      <c r="GA4" s="562"/>
      <c r="GB4" s="562"/>
      <c r="GC4" s="562"/>
      <c r="GD4" s="562"/>
      <c r="GE4" s="562"/>
      <c r="GF4" s="562"/>
      <c r="GG4" s="562"/>
      <c r="GH4" s="562"/>
      <c r="GI4" s="562"/>
      <c r="GJ4" s="562"/>
      <c r="GK4" s="562"/>
      <c r="GL4" s="562"/>
      <c r="GM4" s="562"/>
      <c r="GN4" s="562"/>
      <c r="GO4" s="562"/>
      <c r="GP4" s="562"/>
      <c r="GQ4" s="562"/>
      <c r="GR4" s="562"/>
      <c r="GS4" s="562"/>
      <c r="GT4" s="562"/>
      <c r="GU4" s="562"/>
      <c r="GV4" s="562"/>
      <c r="GW4" s="562"/>
      <c r="GX4" s="562"/>
      <c r="GY4" s="562"/>
      <c r="GZ4" s="562"/>
      <c r="HA4" s="562"/>
      <c r="HB4" s="562"/>
      <c r="HC4" s="562"/>
      <c r="HD4" s="562"/>
      <c r="HE4" s="562"/>
      <c r="HF4" s="562"/>
      <c r="HG4" s="562"/>
      <c r="HH4" s="562"/>
      <c r="HI4" s="562"/>
      <c r="HJ4" s="562"/>
      <c r="HK4" s="562"/>
      <c r="HL4" s="562"/>
      <c r="HM4" s="562"/>
      <c r="HN4" s="562"/>
      <c r="HO4" s="562"/>
      <c r="HP4" s="562"/>
      <c r="HQ4" s="562"/>
      <c r="HR4" s="562"/>
      <c r="HS4" s="562"/>
      <c r="HT4" s="562"/>
      <c r="HU4" s="562"/>
      <c r="HV4" s="562"/>
      <c r="HW4" s="562"/>
      <c r="HX4" s="562"/>
      <c r="HY4" s="563"/>
      <c r="HZ4" s="609" t="s">
        <v>85</v>
      </c>
      <c r="IA4" s="610"/>
      <c r="IB4" s="610"/>
      <c r="IC4" s="610"/>
      <c r="ID4" s="610"/>
      <c r="IE4" s="610"/>
      <c r="IF4" s="610"/>
      <c r="IG4" s="610"/>
      <c r="IH4" s="610"/>
      <c r="II4" s="610"/>
      <c r="IJ4" s="610"/>
      <c r="IK4" s="610"/>
      <c r="IL4" s="610"/>
      <c r="IM4" s="610"/>
      <c r="IN4" s="610"/>
      <c r="IO4" s="610"/>
      <c r="IP4" s="610"/>
      <c r="IQ4" s="610"/>
      <c r="IR4" s="610"/>
      <c r="IS4" s="610"/>
      <c r="IT4" s="610"/>
      <c r="IU4" s="610"/>
      <c r="IV4" s="610"/>
      <c r="IW4" s="610"/>
      <c r="IX4" s="610"/>
      <c r="IY4" s="610"/>
      <c r="IZ4" s="610"/>
      <c r="JA4" s="610"/>
      <c r="JB4" s="610"/>
      <c r="JC4" s="610"/>
      <c r="JD4" s="610"/>
      <c r="JE4" s="610"/>
      <c r="JF4" s="610"/>
      <c r="JG4" s="610"/>
      <c r="JH4" s="610"/>
      <c r="JI4" s="610"/>
      <c r="JJ4" s="610"/>
      <c r="JK4" s="610"/>
      <c r="JL4" s="610"/>
      <c r="JM4" s="610"/>
      <c r="JN4" s="610"/>
      <c r="JO4" s="610"/>
      <c r="JP4" s="610"/>
      <c r="JQ4" s="610"/>
      <c r="JR4" s="610"/>
      <c r="JS4" s="610"/>
      <c r="JT4" s="610"/>
      <c r="JU4" s="610"/>
      <c r="JV4" s="610"/>
      <c r="JW4" s="610"/>
      <c r="JX4" s="610"/>
      <c r="JY4" s="610"/>
      <c r="JZ4" s="610"/>
      <c r="KA4" s="610"/>
      <c r="KB4" s="610"/>
      <c r="KC4" s="610"/>
      <c r="KD4" s="610"/>
      <c r="KE4" s="610"/>
      <c r="KF4" s="610"/>
      <c r="KG4" s="610"/>
      <c r="KH4" s="610"/>
      <c r="KI4" s="610"/>
      <c r="KJ4" s="610"/>
      <c r="KK4" s="610"/>
      <c r="KL4" s="610"/>
      <c r="KM4" s="610"/>
      <c r="KN4" s="610"/>
      <c r="KO4" s="610"/>
      <c r="KP4" s="610"/>
      <c r="KQ4" s="610"/>
      <c r="KR4" s="610"/>
      <c r="KS4" s="610"/>
      <c r="KT4" s="610"/>
      <c r="KU4" s="610"/>
      <c r="KV4" s="610"/>
      <c r="KW4" s="610"/>
      <c r="KX4" s="610"/>
      <c r="KY4" s="610"/>
      <c r="KZ4" s="610"/>
      <c r="LA4" s="610"/>
      <c r="LB4" s="610"/>
      <c r="LC4" s="610"/>
      <c r="LD4" s="610"/>
      <c r="LE4" s="610"/>
      <c r="LF4" s="610"/>
      <c r="LG4" s="610"/>
      <c r="LH4" s="610"/>
      <c r="LI4" s="610"/>
      <c r="LJ4" s="610"/>
      <c r="LK4" s="610"/>
      <c r="LL4" s="610"/>
      <c r="LM4" s="610"/>
      <c r="LN4" s="610"/>
      <c r="LO4" s="610"/>
      <c r="LP4" s="610"/>
      <c r="LQ4" s="610"/>
      <c r="LR4" s="610"/>
      <c r="LS4" s="610"/>
      <c r="LT4" s="610"/>
      <c r="LU4" s="610"/>
      <c r="LV4" s="610"/>
      <c r="LW4" s="610"/>
      <c r="LX4" s="610"/>
      <c r="LY4" s="610"/>
      <c r="LZ4" s="610"/>
      <c r="MA4" s="610"/>
      <c r="MB4" s="610"/>
      <c r="MC4" s="610"/>
      <c r="MD4" s="610"/>
      <c r="ME4" s="611"/>
      <c r="MF4" s="609" t="s">
        <v>86</v>
      </c>
      <c r="MG4" s="610"/>
      <c r="MH4" s="610"/>
      <c r="MI4" s="610"/>
      <c r="MJ4" s="610"/>
      <c r="MK4" s="610"/>
      <c r="ML4" s="610"/>
      <c r="MM4" s="610"/>
      <c r="MN4" s="610"/>
      <c r="MO4" s="610"/>
      <c r="MP4" s="610"/>
      <c r="MQ4" s="610"/>
      <c r="MR4" s="610"/>
      <c r="MS4" s="610"/>
      <c r="MT4" s="610"/>
      <c r="MU4" s="610"/>
      <c r="MV4" s="610"/>
      <c r="MW4" s="610"/>
      <c r="MX4" s="610"/>
      <c r="MY4" s="610"/>
      <c r="MZ4" s="610"/>
      <c r="NA4" s="610"/>
      <c r="NB4" s="610"/>
      <c r="NC4" s="610"/>
      <c r="ND4" s="610"/>
      <c r="NE4" s="610"/>
      <c r="NF4" s="610"/>
      <c r="NG4" s="610"/>
      <c r="NH4" s="610"/>
      <c r="NI4" s="610"/>
      <c r="NJ4" s="610"/>
      <c r="NK4" s="610"/>
      <c r="NL4" s="610"/>
      <c r="NM4" s="610"/>
      <c r="NN4" s="610"/>
      <c r="NO4" s="610"/>
      <c r="NP4" s="610"/>
      <c r="NQ4" s="610"/>
      <c r="NR4" s="610"/>
      <c r="NS4" s="610"/>
      <c r="NT4" s="610"/>
      <c r="NU4" s="610"/>
      <c r="NV4" s="610"/>
      <c r="NW4" s="610"/>
      <c r="NX4" s="610"/>
      <c r="NY4" s="610"/>
      <c r="NZ4" s="610"/>
      <c r="OA4" s="610"/>
      <c r="OB4" s="610"/>
      <c r="OC4" s="610"/>
      <c r="OD4" s="610"/>
      <c r="OE4" s="610"/>
      <c r="OF4" s="610"/>
      <c r="OG4" s="610"/>
      <c r="OH4" s="611"/>
      <c r="OI4" s="564" t="s">
        <v>60</v>
      </c>
      <c r="OJ4" s="474"/>
      <c r="OK4" s="474"/>
      <c r="OL4" s="474"/>
      <c r="OM4" s="474"/>
      <c r="ON4" s="474"/>
      <c r="OO4" s="474"/>
      <c r="OP4" s="474"/>
      <c r="OQ4" s="474"/>
      <c r="OR4" s="474"/>
      <c r="OS4" s="475"/>
    </row>
    <row r="5" spans="1:409" ht="21" customHeight="1" thickBot="1" x14ac:dyDescent="0.25">
      <c r="B5" s="626"/>
      <c r="C5" s="629"/>
      <c r="D5" s="629"/>
      <c r="E5" s="629"/>
      <c r="F5" s="629"/>
      <c r="G5" s="629"/>
      <c r="H5" s="629"/>
      <c r="I5" s="629"/>
      <c r="J5" s="629"/>
      <c r="K5" s="629"/>
      <c r="L5" s="629"/>
      <c r="M5" s="629"/>
      <c r="N5" s="631" t="s">
        <v>64</v>
      </c>
      <c r="O5" s="632"/>
      <c r="P5" s="632"/>
      <c r="Q5" s="632"/>
      <c r="R5" s="632"/>
      <c r="S5" s="632"/>
      <c r="T5" s="632"/>
      <c r="U5" s="632"/>
      <c r="V5" s="632"/>
      <c r="W5" s="632"/>
      <c r="X5" s="632"/>
      <c r="Y5" s="632"/>
      <c r="Z5" s="632"/>
      <c r="AA5" s="632"/>
      <c r="AB5" s="632"/>
      <c r="AC5" s="632"/>
      <c r="AD5" s="632"/>
      <c r="AE5" s="632"/>
      <c r="AF5" s="632"/>
      <c r="AG5" s="632"/>
      <c r="AH5" s="632"/>
      <c r="AI5" s="632"/>
      <c r="AJ5" s="632"/>
      <c r="AK5" s="632"/>
      <c r="AL5" s="632"/>
      <c r="AM5" s="632"/>
      <c r="AN5" s="632"/>
      <c r="AO5" s="632"/>
      <c r="AP5" s="632"/>
      <c r="AQ5" s="632"/>
      <c r="AR5" s="632"/>
      <c r="AS5" s="632"/>
      <c r="AT5" s="632"/>
      <c r="AU5" s="632"/>
      <c r="AV5" s="632"/>
      <c r="AW5" s="632"/>
      <c r="AX5" s="632"/>
      <c r="AY5" s="632"/>
      <c r="AZ5" s="632"/>
      <c r="BA5" s="632"/>
      <c r="BB5" s="632"/>
      <c r="BC5" s="632"/>
      <c r="BD5" s="632"/>
      <c r="BE5" s="632"/>
      <c r="BF5" s="632"/>
      <c r="BG5" s="632"/>
      <c r="BH5" s="632"/>
      <c r="BI5" s="632"/>
      <c r="BJ5" s="632"/>
      <c r="BK5" s="632"/>
      <c r="BL5" s="632"/>
      <c r="BM5" s="632"/>
      <c r="BN5" s="632"/>
      <c r="BO5" s="632"/>
      <c r="BP5" s="632"/>
      <c r="BQ5" s="632"/>
      <c r="BR5" s="632"/>
      <c r="BS5" s="632"/>
      <c r="BT5" s="632"/>
      <c r="BU5" s="632"/>
      <c r="BV5" s="632"/>
      <c r="BW5" s="632"/>
      <c r="BX5" s="632"/>
      <c r="BY5" s="632"/>
      <c r="BZ5" s="632"/>
      <c r="CA5" s="633"/>
      <c r="CB5" s="631" t="s">
        <v>65</v>
      </c>
      <c r="CC5" s="632"/>
      <c r="CD5" s="632"/>
      <c r="CE5" s="632"/>
      <c r="CF5" s="632"/>
      <c r="CG5" s="632"/>
      <c r="CH5" s="632"/>
      <c r="CI5" s="632"/>
      <c r="CJ5" s="632"/>
      <c r="CK5" s="632"/>
      <c r="CL5" s="632"/>
      <c r="CM5" s="632"/>
      <c r="CN5" s="632"/>
      <c r="CO5" s="632"/>
      <c r="CP5" s="632"/>
      <c r="CQ5" s="632"/>
      <c r="CR5" s="632"/>
      <c r="CS5" s="632"/>
      <c r="CT5" s="632"/>
      <c r="CU5" s="632"/>
      <c r="CV5" s="632"/>
      <c r="CW5" s="632"/>
      <c r="CX5" s="632"/>
      <c r="CY5" s="632"/>
      <c r="CZ5" s="632"/>
      <c r="DA5" s="632"/>
      <c r="DB5" s="632"/>
      <c r="DC5" s="632"/>
      <c r="DD5" s="632"/>
      <c r="DE5" s="632"/>
      <c r="DF5" s="632"/>
      <c r="DG5" s="632"/>
      <c r="DH5" s="633"/>
      <c r="DI5" s="609" t="s">
        <v>66</v>
      </c>
      <c r="DJ5" s="610"/>
      <c r="DK5" s="610"/>
      <c r="DL5" s="610"/>
      <c r="DM5" s="610"/>
      <c r="DN5" s="610"/>
      <c r="DO5" s="610"/>
      <c r="DP5" s="610"/>
      <c r="DQ5" s="610"/>
      <c r="DR5" s="610"/>
      <c r="DS5" s="610"/>
      <c r="DT5" s="610"/>
      <c r="DU5" s="610"/>
      <c r="DV5" s="610"/>
      <c r="DW5" s="610"/>
      <c r="DX5" s="610"/>
      <c r="DY5" s="610"/>
      <c r="DZ5" s="610"/>
      <c r="EA5" s="610"/>
      <c r="EB5" s="610"/>
      <c r="EC5" s="610"/>
      <c r="ED5" s="610"/>
      <c r="EE5" s="610"/>
      <c r="EF5" s="610"/>
      <c r="EG5" s="610"/>
      <c r="EH5" s="610"/>
      <c r="EI5" s="610"/>
      <c r="EJ5" s="610"/>
      <c r="EK5" s="610"/>
      <c r="EL5" s="610"/>
      <c r="EM5" s="610"/>
      <c r="EN5" s="610"/>
      <c r="EO5" s="610"/>
      <c r="EP5" s="610"/>
      <c r="EQ5" s="610"/>
      <c r="ER5" s="610"/>
      <c r="ES5" s="610"/>
      <c r="ET5" s="610"/>
      <c r="EU5" s="610"/>
      <c r="EV5" s="610"/>
      <c r="EW5" s="610"/>
      <c r="EX5" s="610"/>
      <c r="EY5" s="610"/>
      <c r="EZ5" s="610"/>
      <c r="FA5" s="610"/>
      <c r="FB5" s="610"/>
      <c r="FC5" s="610"/>
      <c r="FD5" s="610"/>
      <c r="FE5" s="610"/>
      <c r="FF5" s="610"/>
      <c r="FG5" s="610"/>
      <c r="FH5" s="610"/>
      <c r="FI5" s="610"/>
      <c r="FJ5" s="610"/>
      <c r="FK5" s="611"/>
      <c r="FL5" s="631" t="s">
        <v>67</v>
      </c>
      <c r="FM5" s="632"/>
      <c r="FN5" s="632"/>
      <c r="FO5" s="632"/>
      <c r="FP5" s="632"/>
      <c r="FQ5" s="632"/>
      <c r="FR5" s="632"/>
      <c r="FS5" s="632"/>
      <c r="FT5" s="632"/>
      <c r="FU5" s="632"/>
      <c r="FV5" s="632"/>
      <c r="FW5" s="632"/>
      <c r="FX5" s="632"/>
      <c r="FY5" s="632"/>
      <c r="FZ5" s="632"/>
      <c r="GA5" s="632"/>
      <c r="GB5" s="632"/>
      <c r="GC5" s="632"/>
      <c r="GD5" s="632"/>
      <c r="GE5" s="632"/>
      <c r="GF5" s="632"/>
      <c r="GG5" s="632"/>
      <c r="GH5" s="632"/>
      <c r="GI5" s="632"/>
      <c r="GJ5" s="632"/>
      <c r="GK5" s="632"/>
      <c r="GL5" s="632"/>
      <c r="GM5" s="632"/>
      <c r="GN5" s="632"/>
      <c r="GO5" s="632"/>
      <c r="GP5" s="632"/>
      <c r="GQ5" s="632"/>
      <c r="GR5" s="632"/>
      <c r="GS5" s="632"/>
      <c r="GT5" s="632"/>
      <c r="GU5" s="632"/>
      <c r="GV5" s="632"/>
      <c r="GW5" s="632"/>
      <c r="GX5" s="632"/>
      <c r="GY5" s="632"/>
      <c r="GZ5" s="632"/>
      <c r="HA5" s="632"/>
      <c r="HB5" s="632"/>
      <c r="HC5" s="633"/>
      <c r="HD5" s="634" t="s">
        <v>68</v>
      </c>
      <c r="HE5" s="635"/>
      <c r="HF5" s="635"/>
      <c r="HG5" s="635"/>
      <c r="HH5" s="635"/>
      <c r="HI5" s="635"/>
      <c r="HJ5" s="635"/>
      <c r="HK5" s="635"/>
      <c r="HL5" s="635"/>
      <c r="HM5" s="635"/>
      <c r="HN5" s="636"/>
      <c r="HO5" s="634" t="s">
        <v>69</v>
      </c>
      <c r="HP5" s="635"/>
      <c r="HQ5" s="635"/>
      <c r="HR5" s="635"/>
      <c r="HS5" s="635"/>
      <c r="HT5" s="635"/>
      <c r="HU5" s="635"/>
      <c r="HV5" s="635"/>
      <c r="HW5" s="635"/>
      <c r="HX5" s="635"/>
      <c r="HY5" s="636"/>
      <c r="HZ5" s="588"/>
      <c r="IA5" s="589"/>
      <c r="IB5" s="589"/>
      <c r="IC5" s="589"/>
      <c r="ID5" s="589"/>
      <c r="IE5" s="589"/>
      <c r="IF5" s="589"/>
      <c r="IG5" s="589"/>
      <c r="IH5" s="589"/>
      <c r="II5" s="589"/>
      <c r="IJ5" s="590"/>
      <c r="IK5" s="564" t="s">
        <v>94</v>
      </c>
      <c r="IL5" s="474"/>
      <c r="IM5" s="474"/>
      <c r="IN5" s="474"/>
      <c r="IO5" s="474"/>
      <c r="IP5" s="474"/>
      <c r="IQ5" s="474"/>
      <c r="IR5" s="474"/>
      <c r="IS5" s="474"/>
      <c r="IT5" s="474"/>
      <c r="IU5" s="475"/>
      <c r="IV5" s="564" t="s">
        <v>88</v>
      </c>
      <c r="IW5" s="474"/>
      <c r="IX5" s="474"/>
      <c r="IY5" s="474"/>
      <c r="IZ5" s="474"/>
      <c r="JA5" s="474"/>
      <c r="JB5" s="474"/>
      <c r="JC5" s="474"/>
      <c r="JD5" s="474"/>
      <c r="JE5" s="474"/>
      <c r="JF5" s="475"/>
      <c r="JG5" s="594" t="s">
        <v>142</v>
      </c>
      <c r="JH5" s="595"/>
      <c r="JI5" s="595"/>
      <c r="JJ5" s="595"/>
      <c r="JK5" s="595"/>
      <c r="JL5" s="595"/>
      <c r="JM5" s="595"/>
      <c r="JN5" s="595"/>
      <c r="JO5" s="595"/>
      <c r="JP5" s="595"/>
      <c r="JQ5" s="596"/>
      <c r="JR5" s="564" t="s">
        <v>90</v>
      </c>
      <c r="JS5" s="474"/>
      <c r="JT5" s="474"/>
      <c r="JU5" s="474"/>
      <c r="JV5" s="474"/>
      <c r="JW5" s="474"/>
      <c r="JX5" s="474"/>
      <c r="JY5" s="474"/>
      <c r="JZ5" s="474"/>
      <c r="KA5" s="474"/>
      <c r="KB5" s="475"/>
      <c r="KC5" s="564" t="s">
        <v>89</v>
      </c>
      <c r="KD5" s="474"/>
      <c r="KE5" s="474"/>
      <c r="KF5" s="474"/>
      <c r="KG5" s="474"/>
      <c r="KH5" s="474"/>
      <c r="KI5" s="474"/>
      <c r="KJ5" s="474"/>
      <c r="KK5" s="474"/>
      <c r="KL5" s="474"/>
      <c r="KM5" s="475"/>
      <c r="KN5" s="564" t="s">
        <v>91</v>
      </c>
      <c r="KO5" s="474"/>
      <c r="KP5" s="474"/>
      <c r="KQ5" s="474"/>
      <c r="KR5" s="474"/>
      <c r="KS5" s="474"/>
      <c r="KT5" s="474"/>
      <c r="KU5" s="474"/>
      <c r="KV5" s="474"/>
      <c r="KW5" s="474"/>
      <c r="KX5" s="475"/>
      <c r="KY5" s="564" t="s">
        <v>92</v>
      </c>
      <c r="KZ5" s="474"/>
      <c r="LA5" s="474"/>
      <c r="LB5" s="474"/>
      <c r="LC5" s="474"/>
      <c r="LD5" s="474"/>
      <c r="LE5" s="474"/>
      <c r="LF5" s="474"/>
      <c r="LG5" s="474"/>
      <c r="LH5" s="474"/>
      <c r="LI5" s="475"/>
      <c r="LJ5" s="600" t="s">
        <v>93</v>
      </c>
      <c r="LK5" s="601"/>
      <c r="LL5" s="601"/>
      <c r="LM5" s="601"/>
      <c r="LN5" s="601"/>
      <c r="LO5" s="601"/>
      <c r="LP5" s="601"/>
      <c r="LQ5" s="601"/>
      <c r="LR5" s="601"/>
      <c r="LS5" s="601"/>
      <c r="LT5" s="602"/>
      <c r="LU5" s="603" t="s">
        <v>143</v>
      </c>
      <c r="LV5" s="604"/>
      <c r="LW5" s="604"/>
      <c r="LX5" s="604"/>
      <c r="LY5" s="604"/>
      <c r="LZ5" s="604"/>
      <c r="MA5" s="604"/>
      <c r="MB5" s="604"/>
      <c r="MC5" s="604"/>
      <c r="MD5" s="604"/>
      <c r="ME5" s="605"/>
      <c r="MF5" s="588"/>
      <c r="MG5" s="589"/>
      <c r="MH5" s="589"/>
      <c r="MI5" s="589"/>
      <c r="MJ5" s="589"/>
      <c r="MK5" s="589"/>
      <c r="ML5" s="589"/>
      <c r="MM5" s="589"/>
      <c r="MN5" s="589"/>
      <c r="MO5" s="589"/>
      <c r="MP5" s="590"/>
      <c r="MQ5" s="564" t="s">
        <v>57</v>
      </c>
      <c r="MR5" s="474"/>
      <c r="MS5" s="474"/>
      <c r="MT5" s="474"/>
      <c r="MU5" s="474"/>
      <c r="MV5" s="474"/>
      <c r="MW5" s="474"/>
      <c r="MX5" s="474"/>
      <c r="MY5" s="474"/>
      <c r="MZ5" s="474"/>
      <c r="NA5" s="475"/>
      <c r="NB5" s="564" t="s">
        <v>58</v>
      </c>
      <c r="NC5" s="474"/>
      <c r="ND5" s="474"/>
      <c r="NE5" s="474"/>
      <c r="NF5" s="474"/>
      <c r="NG5" s="474"/>
      <c r="NH5" s="474"/>
      <c r="NI5" s="474"/>
      <c r="NJ5" s="474"/>
      <c r="NK5" s="474"/>
      <c r="NL5" s="475"/>
      <c r="NM5" s="564" t="s">
        <v>59</v>
      </c>
      <c r="NN5" s="474"/>
      <c r="NO5" s="474"/>
      <c r="NP5" s="474"/>
      <c r="NQ5" s="474"/>
      <c r="NR5" s="474"/>
      <c r="NS5" s="474"/>
      <c r="NT5" s="474"/>
      <c r="NU5" s="474"/>
      <c r="NV5" s="474"/>
      <c r="NW5" s="475"/>
      <c r="NX5" s="613" t="s">
        <v>149</v>
      </c>
      <c r="NY5" s="614"/>
      <c r="NZ5" s="614"/>
      <c r="OA5" s="614"/>
      <c r="OB5" s="614"/>
      <c r="OC5" s="614"/>
      <c r="OD5" s="614"/>
      <c r="OE5" s="614"/>
      <c r="OF5" s="614"/>
      <c r="OG5" s="614"/>
      <c r="OH5" s="615"/>
      <c r="OI5" s="585"/>
      <c r="OJ5" s="586"/>
      <c r="OK5" s="586"/>
      <c r="OL5" s="586"/>
      <c r="OM5" s="586"/>
      <c r="ON5" s="586"/>
      <c r="OO5" s="586"/>
      <c r="OP5" s="586"/>
      <c r="OQ5" s="586"/>
      <c r="OR5" s="586"/>
      <c r="OS5" s="587"/>
    </row>
    <row r="6" spans="1:409" ht="21" customHeight="1" thickBot="1" x14ac:dyDescent="0.25">
      <c r="B6" s="626"/>
      <c r="C6" s="630"/>
      <c r="D6" s="630"/>
      <c r="E6" s="630"/>
      <c r="F6" s="630"/>
      <c r="G6" s="630"/>
      <c r="H6" s="630"/>
      <c r="I6" s="630"/>
      <c r="J6" s="630"/>
      <c r="K6" s="630"/>
      <c r="L6" s="630"/>
      <c r="M6" s="630"/>
      <c r="N6" s="565"/>
      <c r="O6" s="556"/>
      <c r="P6" s="556"/>
      <c r="Q6" s="556"/>
      <c r="R6" s="556"/>
      <c r="S6" s="556"/>
      <c r="T6" s="556"/>
      <c r="U6" s="556"/>
      <c r="V6" s="556"/>
      <c r="W6" s="556"/>
      <c r="X6" s="566"/>
      <c r="Y6" s="567" t="s">
        <v>70</v>
      </c>
      <c r="Z6" s="568"/>
      <c r="AA6" s="568"/>
      <c r="AB6" s="568"/>
      <c r="AC6" s="568"/>
      <c r="AD6" s="568"/>
      <c r="AE6" s="568"/>
      <c r="AF6" s="568"/>
      <c r="AG6" s="568"/>
      <c r="AH6" s="568"/>
      <c r="AI6" s="569"/>
      <c r="AJ6" s="634" t="s">
        <v>71</v>
      </c>
      <c r="AK6" s="635"/>
      <c r="AL6" s="635"/>
      <c r="AM6" s="635"/>
      <c r="AN6" s="635"/>
      <c r="AO6" s="635"/>
      <c r="AP6" s="635"/>
      <c r="AQ6" s="635"/>
      <c r="AR6" s="635"/>
      <c r="AS6" s="635"/>
      <c r="AT6" s="636"/>
      <c r="AU6" s="644" t="s">
        <v>72</v>
      </c>
      <c r="AV6" s="645"/>
      <c r="AW6" s="645"/>
      <c r="AX6" s="645"/>
      <c r="AY6" s="645"/>
      <c r="AZ6" s="645"/>
      <c r="BA6" s="645"/>
      <c r="BB6" s="645"/>
      <c r="BC6" s="645"/>
      <c r="BD6" s="645"/>
      <c r="BE6" s="646"/>
      <c r="BF6" s="644" t="s">
        <v>73</v>
      </c>
      <c r="BG6" s="645"/>
      <c r="BH6" s="645"/>
      <c r="BI6" s="645"/>
      <c r="BJ6" s="645"/>
      <c r="BK6" s="645"/>
      <c r="BL6" s="645"/>
      <c r="BM6" s="645"/>
      <c r="BN6" s="645"/>
      <c r="BO6" s="645"/>
      <c r="BP6" s="646"/>
      <c r="BQ6" s="644" t="s">
        <v>74</v>
      </c>
      <c r="BR6" s="645"/>
      <c r="BS6" s="645"/>
      <c r="BT6" s="645"/>
      <c r="BU6" s="645"/>
      <c r="BV6" s="645"/>
      <c r="BW6" s="645"/>
      <c r="BX6" s="645"/>
      <c r="BY6" s="645"/>
      <c r="BZ6" s="645"/>
      <c r="CA6" s="646"/>
      <c r="CB6" s="591"/>
      <c r="CC6" s="592"/>
      <c r="CD6" s="592"/>
      <c r="CE6" s="592"/>
      <c r="CF6" s="592"/>
      <c r="CG6" s="592"/>
      <c r="CH6" s="592"/>
      <c r="CI6" s="592"/>
      <c r="CJ6" s="592"/>
      <c r="CK6" s="592"/>
      <c r="CL6" s="593"/>
      <c r="CM6" s="644" t="s">
        <v>75</v>
      </c>
      <c r="CN6" s="645"/>
      <c r="CO6" s="645"/>
      <c r="CP6" s="645"/>
      <c r="CQ6" s="645"/>
      <c r="CR6" s="645"/>
      <c r="CS6" s="645"/>
      <c r="CT6" s="645"/>
      <c r="CU6" s="645"/>
      <c r="CV6" s="645"/>
      <c r="CW6" s="646"/>
      <c r="CX6" s="644" t="s">
        <v>76</v>
      </c>
      <c r="CY6" s="645"/>
      <c r="CZ6" s="645"/>
      <c r="DA6" s="645"/>
      <c r="DB6" s="645"/>
      <c r="DC6" s="645"/>
      <c r="DD6" s="645"/>
      <c r="DE6" s="645"/>
      <c r="DF6" s="645"/>
      <c r="DG6" s="645"/>
      <c r="DH6" s="646"/>
      <c r="DI6" s="591"/>
      <c r="DJ6" s="592"/>
      <c r="DK6" s="592"/>
      <c r="DL6" s="592"/>
      <c r="DM6" s="592"/>
      <c r="DN6" s="592"/>
      <c r="DO6" s="592"/>
      <c r="DP6" s="592"/>
      <c r="DQ6" s="592"/>
      <c r="DR6" s="592"/>
      <c r="DS6" s="592"/>
      <c r="DT6" s="644" t="s">
        <v>77</v>
      </c>
      <c r="DU6" s="645"/>
      <c r="DV6" s="645"/>
      <c r="DW6" s="645"/>
      <c r="DX6" s="645"/>
      <c r="DY6" s="645"/>
      <c r="DZ6" s="645"/>
      <c r="EA6" s="645"/>
      <c r="EB6" s="645"/>
      <c r="EC6" s="645"/>
      <c r="ED6" s="646"/>
      <c r="EE6" s="644" t="s">
        <v>78</v>
      </c>
      <c r="EF6" s="645"/>
      <c r="EG6" s="645"/>
      <c r="EH6" s="645"/>
      <c r="EI6" s="645"/>
      <c r="EJ6" s="645"/>
      <c r="EK6" s="645"/>
      <c r="EL6" s="645"/>
      <c r="EM6" s="645"/>
      <c r="EN6" s="645"/>
      <c r="EO6" s="646"/>
      <c r="EP6" s="644" t="s">
        <v>79</v>
      </c>
      <c r="EQ6" s="645"/>
      <c r="ER6" s="645"/>
      <c r="ES6" s="645"/>
      <c r="ET6" s="645"/>
      <c r="EU6" s="645"/>
      <c r="EV6" s="645"/>
      <c r="EW6" s="645"/>
      <c r="EX6" s="645"/>
      <c r="EY6" s="645"/>
      <c r="EZ6" s="646"/>
      <c r="FA6" s="647" t="s">
        <v>150</v>
      </c>
      <c r="FB6" s="645"/>
      <c r="FC6" s="645"/>
      <c r="FD6" s="645"/>
      <c r="FE6" s="645"/>
      <c r="FF6" s="645"/>
      <c r="FG6" s="645"/>
      <c r="FH6" s="645"/>
      <c r="FI6" s="645"/>
      <c r="FJ6" s="645"/>
      <c r="FK6" s="646"/>
      <c r="FL6" s="591"/>
      <c r="FM6" s="592"/>
      <c r="FN6" s="592"/>
      <c r="FO6" s="592"/>
      <c r="FP6" s="592"/>
      <c r="FQ6" s="592"/>
      <c r="FR6" s="592"/>
      <c r="FS6" s="592"/>
      <c r="FT6" s="592"/>
      <c r="FU6" s="592"/>
      <c r="FV6" s="592"/>
      <c r="FW6" s="644" t="s">
        <v>80</v>
      </c>
      <c r="FX6" s="645"/>
      <c r="FY6" s="645"/>
      <c r="FZ6" s="645"/>
      <c r="GA6" s="645"/>
      <c r="GB6" s="645"/>
      <c r="GC6" s="645"/>
      <c r="GD6" s="645"/>
      <c r="GE6" s="645"/>
      <c r="GF6" s="645"/>
      <c r="GG6" s="646"/>
      <c r="GH6" s="567" t="s">
        <v>81</v>
      </c>
      <c r="GI6" s="568"/>
      <c r="GJ6" s="568"/>
      <c r="GK6" s="568"/>
      <c r="GL6" s="568"/>
      <c r="GM6" s="568"/>
      <c r="GN6" s="568"/>
      <c r="GO6" s="568"/>
      <c r="GP6" s="568"/>
      <c r="GQ6" s="568"/>
      <c r="GR6" s="569"/>
      <c r="GS6" s="567" t="s">
        <v>82</v>
      </c>
      <c r="GT6" s="568"/>
      <c r="GU6" s="568"/>
      <c r="GV6" s="568"/>
      <c r="GW6" s="568"/>
      <c r="GX6" s="568"/>
      <c r="GY6" s="568"/>
      <c r="GZ6" s="568"/>
      <c r="HA6" s="568"/>
      <c r="HB6" s="568"/>
      <c r="HC6" s="569"/>
      <c r="HD6" s="637"/>
      <c r="HE6" s="638"/>
      <c r="HF6" s="638"/>
      <c r="HG6" s="638"/>
      <c r="HH6" s="638"/>
      <c r="HI6" s="638"/>
      <c r="HJ6" s="638"/>
      <c r="HK6" s="638"/>
      <c r="HL6" s="638"/>
      <c r="HM6" s="638"/>
      <c r="HN6" s="639"/>
      <c r="HO6" s="637"/>
      <c r="HP6" s="638"/>
      <c r="HQ6" s="638"/>
      <c r="HR6" s="638"/>
      <c r="HS6" s="638"/>
      <c r="HT6" s="638"/>
      <c r="HU6" s="638"/>
      <c r="HV6" s="638"/>
      <c r="HW6" s="638"/>
      <c r="HX6" s="638"/>
      <c r="HY6" s="639"/>
      <c r="HZ6" s="591"/>
      <c r="IA6" s="592"/>
      <c r="IB6" s="592"/>
      <c r="IC6" s="592"/>
      <c r="ID6" s="592"/>
      <c r="IE6" s="592"/>
      <c r="IF6" s="592"/>
      <c r="IG6" s="592"/>
      <c r="IH6" s="592"/>
      <c r="II6" s="592"/>
      <c r="IJ6" s="593"/>
      <c r="IK6" s="565"/>
      <c r="IL6" s="556"/>
      <c r="IM6" s="556"/>
      <c r="IN6" s="556"/>
      <c r="IO6" s="556"/>
      <c r="IP6" s="556"/>
      <c r="IQ6" s="556"/>
      <c r="IR6" s="556"/>
      <c r="IS6" s="556"/>
      <c r="IT6" s="556"/>
      <c r="IU6" s="566"/>
      <c r="IV6" s="565"/>
      <c r="IW6" s="556"/>
      <c r="IX6" s="556"/>
      <c r="IY6" s="556"/>
      <c r="IZ6" s="556"/>
      <c r="JA6" s="556"/>
      <c r="JB6" s="556"/>
      <c r="JC6" s="556"/>
      <c r="JD6" s="556"/>
      <c r="JE6" s="556"/>
      <c r="JF6" s="566"/>
      <c r="JG6" s="597"/>
      <c r="JH6" s="598"/>
      <c r="JI6" s="598"/>
      <c r="JJ6" s="598"/>
      <c r="JK6" s="598"/>
      <c r="JL6" s="598"/>
      <c r="JM6" s="598"/>
      <c r="JN6" s="598"/>
      <c r="JO6" s="598"/>
      <c r="JP6" s="598"/>
      <c r="JQ6" s="599"/>
      <c r="JR6" s="565"/>
      <c r="JS6" s="556"/>
      <c r="JT6" s="556"/>
      <c r="JU6" s="556"/>
      <c r="JV6" s="556"/>
      <c r="JW6" s="556"/>
      <c r="JX6" s="556"/>
      <c r="JY6" s="556"/>
      <c r="JZ6" s="556"/>
      <c r="KA6" s="556"/>
      <c r="KB6" s="566"/>
      <c r="KC6" s="565"/>
      <c r="KD6" s="556"/>
      <c r="KE6" s="556"/>
      <c r="KF6" s="556"/>
      <c r="KG6" s="556"/>
      <c r="KH6" s="556"/>
      <c r="KI6" s="556"/>
      <c r="KJ6" s="556"/>
      <c r="KK6" s="556"/>
      <c r="KL6" s="556"/>
      <c r="KM6" s="566"/>
      <c r="KN6" s="565"/>
      <c r="KO6" s="556"/>
      <c r="KP6" s="556"/>
      <c r="KQ6" s="556"/>
      <c r="KR6" s="556"/>
      <c r="KS6" s="556"/>
      <c r="KT6" s="556"/>
      <c r="KU6" s="556"/>
      <c r="KV6" s="556"/>
      <c r="KW6" s="556"/>
      <c r="KX6" s="566"/>
      <c r="KY6" s="565"/>
      <c r="KZ6" s="556"/>
      <c r="LA6" s="556"/>
      <c r="LB6" s="556"/>
      <c r="LC6" s="556"/>
      <c r="LD6" s="556"/>
      <c r="LE6" s="556"/>
      <c r="LF6" s="556"/>
      <c r="LG6" s="556"/>
      <c r="LH6" s="556"/>
      <c r="LI6" s="566"/>
      <c r="LJ6" s="591"/>
      <c r="LK6" s="592"/>
      <c r="LL6" s="592"/>
      <c r="LM6" s="592"/>
      <c r="LN6" s="592"/>
      <c r="LO6" s="592"/>
      <c r="LP6" s="592"/>
      <c r="LQ6" s="592"/>
      <c r="LR6" s="592"/>
      <c r="LS6" s="592"/>
      <c r="LT6" s="593"/>
      <c r="LU6" s="606"/>
      <c r="LV6" s="607"/>
      <c r="LW6" s="607"/>
      <c r="LX6" s="607"/>
      <c r="LY6" s="607"/>
      <c r="LZ6" s="607"/>
      <c r="MA6" s="607"/>
      <c r="MB6" s="607"/>
      <c r="MC6" s="607"/>
      <c r="MD6" s="607"/>
      <c r="ME6" s="608"/>
      <c r="MF6" s="591"/>
      <c r="MG6" s="592"/>
      <c r="MH6" s="592"/>
      <c r="MI6" s="592"/>
      <c r="MJ6" s="592"/>
      <c r="MK6" s="592"/>
      <c r="ML6" s="592"/>
      <c r="MM6" s="592"/>
      <c r="MN6" s="592"/>
      <c r="MO6" s="592"/>
      <c r="MP6" s="593"/>
      <c r="MQ6" s="565"/>
      <c r="MR6" s="556"/>
      <c r="MS6" s="556"/>
      <c r="MT6" s="556"/>
      <c r="MU6" s="556"/>
      <c r="MV6" s="556"/>
      <c r="MW6" s="556"/>
      <c r="MX6" s="556"/>
      <c r="MY6" s="556"/>
      <c r="MZ6" s="556"/>
      <c r="NA6" s="566"/>
      <c r="NB6" s="565"/>
      <c r="NC6" s="556"/>
      <c r="ND6" s="556"/>
      <c r="NE6" s="556"/>
      <c r="NF6" s="556"/>
      <c r="NG6" s="556"/>
      <c r="NH6" s="556"/>
      <c r="NI6" s="556"/>
      <c r="NJ6" s="556"/>
      <c r="NK6" s="556"/>
      <c r="NL6" s="566"/>
      <c r="NM6" s="565"/>
      <c r="NN6" s="556"/>
      <c r="NO6" s="556"/>
      <c r="NP6" s="556"/>
      <c r="NQ6" s="556"/>
      <c r="NR6" s="556"/>
      <c r="NS6" s="556"/>
      <c r="NT6" s="556"/>
      <c r="NU6" s="556"/>
      <c r="NV6" s="556"/>
      <c r="NW6" s="566"/>
      <c r="NX6" s="616"/>
      <c r="NY6" s="617"/>
      <c r="NZ6" s="617"/>
      <c r="OA6" s="617"/>
      <c r="OB6" s="617"/>
      <c r="OC6" s="617"/>
      <c r="OD6" s="617"/>
      <c r="OE6" s="617"/>
      <c r="OF6" s="617"/>
      <c r="OG6" s="617"/>
      <c r="OH6" s="618"/>
      <c r="OI6" s="565"/>
      <c r="OJ6" s="556"/>
      <c r="OK6" s="556"/>
      <c r="OL6" s="556"/>
      <c r="OM6" s="556"/>
      <c r="ON6" s="556"/>
      <c r="OO6" s="556"/>
      <c r="OP6" s="556"/>
      <c r="OQ6" s="556"/>
      <c r="OR6" s="556"/>
      <c r="OS6" s="566"/>
    </row>
    <row r="7" spans="1:409" ht="21" customHeight="1" x14ac:dyDescent="0.2">
      <c r="B7" s="626"/>
      <c r="C7" s="547" t="s">
        <v>61</v>
      </c>
      <c r="D7" s="547"/>
      <c r="E7" s="547"/>
      <c r="F7" s="546" t="s">
        <v>62</v>
      </c>
      <c r="G7" s="547"/>
      <c r="H7" s="547"/>
      <c r="I7" s="547"/>
      <c r="J7" s="547"/>
      <c r="K7" s="547"/>
      <c r="L7" s="547"/>
      <c r="M7" s="546" t="s">
        <v>52</v>
      </c>
      <c r="N7" s="641" t="s">
        <v>61</v>
      </c>
      <c r="O7" s="547"/>
      <c r="P7" s="547"/>
      <c r="Q7" s="546" t="s">
        <v>62</v>
      </c>
      <c r="R7" s="547"/>
      <c r="S7" s="547"/>
      <c r="T7" s="547"/>
      <c r="U7" s="547"/>
      <c r="V7" s="547"/>
      <c r="W7" s="548"/>
      <c r="X7" s="582" t="s">
        <v>52</v>
      </c>
      <c r="Y7" s="565" t="s">
        <v>61</v>
      </c>
      <c r="Z7" s="556"/>
      <c r="AA7" s="557"/>
      <c r="AB7" s="555" t="s">
        <v>62</v>
      </c>
      <c r="AC7" s="556"/>
      <c r="AD7" s="556"/>
      <c r="AE7" s="556"/>
      <c r="AF7" s="556"/>
      <c r="AG7" s="556"/>
      <c r="AH7" s="557"/>
      <c r="AI7" s="566" t="s">
        <v>52</v>
      </c>
      <c r="AJ7" s="543" t="s">
        <v>61</v>
      </c>
      <c r="AK7" s="544"/>
      <c r="AL7" s="545"/>
      <c r="AM7" s="580" t="s">
        <v>62</v>
      </c>
      <c r="AN7" s="544"/>
      <c r="AO7" s="544"/>
      <c r="AP7" s="544"/>
      <c r="AQ7" s="544"/>
      <c r="AR7" s="544"/>
      <c r="AS7" s="581"/>
      <c r="AT7" s="642" t="s">
        <v>52</v>
      </c>
      <c r="AU7" s="560" t="s">
        <v>61</v>
      </c>
      <c r="AV7" s="553"/>
      <c r="AW7" s="554"/>
      <c r="AX7" s="583" t="s">
        <v>62</v>
      </c>
      <c r="AY7" s="553"/>
      <c r="AZ7" s="553"/>
      <c r="BA7" s="553"/>
      <c r="BB7" s="553"/>
      <c r="BC7" s="553"/>
      <c r="BD7" s="584"/>
      <c r="BE7" s="566" t="s">
        <v>52</v>
      </c>
      <c r="BF7" s="560" t="s">
        <v>61</v>
      </c>
      <c r="BG7" s="553"/>
      <c r="BH7" s="554"/>
      <c r="BI7" s="583" t="s">
        <v>62</v>
      </c>
      <c r="BJ7" s="553"/>
      <c r="BK7" s="553"/>
      <c r="BL7" s="553"/>
      <c r="BM7" s="553"/>
      <c r="BN7" s="553"/>
      <c r="BO7" s="584"/>
      <c r="BP7" s="566" t="s">
        <v>52</v>
      </c>
      <c r="BQ7" s="560" t="s">
        <v>61</v>
      </c>
      <c r="BR7" s="553"/>
      <c r="BS7" s="554"/>
      <c r="BT7" s="583" t="s">
        <v>62</v>
      </c>
      <c r="BU7" s="553"/>
      <c r="BV7" s="553"/>
      <c r="BW7" s="553"/>
      <c r="BX7" s="553"/>
      <c r="BY7" s="553"/>
      <c r="BZ7" s="584"/>
      <c r="CA7" s="566" t="s">
        <v>52</v>
      </c>
      <c r="CB7" s="543" t="s">
        <v>61</v>
      </c>
      <c r="CC7" s="544"/>
      <c r="CD7" s="545"/>
      <c r="CE7" s="580" t="s">
        <v>62</v>
      </c>
      <c r="CF7" s="544"/>
      <c r="CG7" s="544"/>
      <c r="CH7" s="544"/>
      <c r="CI7" s="544"/>
      <c r="CJ7" s="544"/>
      <c r="CK7" s="581"/>
      <c r="CL7" s="582" t="s">
        <v>52</v>
      </c>
      <c r="CM7" s="560" t="s">
        <v>61</v>
      </c>
      <c r="CN7" s="553"/>
      <c r="CO7" s="584"/>
      <c r="CP7" s="583" t="s">
        <v>62</v>
      </c>
      <c r="CQ7" s="553"/>
      <c r="CR7" s="553"/>
      <c r="CS7" s="553"/>
      <c r="CT7" s="553"/>
      <c r="CU7" s="553"/>
      <c r="CV7" s="584"/>
      <c r="CW7" s="578" t="s">
        <v>52</v>
      </c>
      <c r="CX7" s="560" t="s">
        <v>61</v>
      </c>
      <c r="CY7" s="553"/>
      <c r="CZ7" s="584"/>
      <c r="DA7" s="583" t="s">
        <v>62</v>
      </c>
      <c r="DB7" s="553"/>
      <c r="DC7" s="553"/>
      <c r="DD7" s="553"/>
      <c r="DE7" s="553"/>
      <c r="DF7" s="553"/>
      <c r="DG7" s="584"/>
      <c r="DH7" s="578" t="s">
        <v>52</v>
      </c>
      <c r="DI7" s="543" t="s">
        <v>61</v>
      </c>
      <c r="DJ7" s="544"/>
      <c r="DK7" s="581"/>
      <c r="DL7" s="580" t="s">
        <v>62</v>
      </c>
      <c r="DM7" s="544"/>
      <c r="DN7" s="544"/>
      <c r="DO7" s="544"/>
      <c r="DP7" s="544"/>
      <c r="DQ7" s="544"/>
      <c r="DR7" s="581"/>
      <c r="DS7" s="582" t="s">
        <v>52</v>
      </c>
      <c r="DT7" s="560" t="s">
        <v>61</v>
      </c>
      <c r="DU7" s="553"/>
      <c r="DV7" s="554"/>
      <c r="DW7" s="583" t="s">
        <v>62</v>
      </c>
      <c r="DX7" s="553"/>
      <c r="DY7" s="553"/>
      <c r="DZ7" s="553"/>
      <c r="EA7" s="553"/>
      <c r="EB7" s="553"/>
      <c r="EC7" s="584"/>
      <c r="ED7" s="566" t="s">
        <v>52</v>
      </c>
      <c r="EE7" s="560" t="s">
        <v>61</v>
      </c>
      <c r="EF7" s="553"/>
      <c r="EG7" s="554"/>
      <c r="EH7" s="583" t="s">
        <v>62</v>
      </c>
      <c r="EI7" s="553"/>
      <c r="EJ7" s="553"/>
      <c r="EK7" s="553"/>
      <c r="EL7" s="553"/>
      <c r="EM7" s="553"/>
      <c r="EN7" s="584"/>
      <c r="EO7" s="566" t="s">
        <v>52</v>
      </c>
      <c r="EP7" s="560" t="s">
        <v>61</v>
      </c>
      <c r="EQ7" s="553"/>
      <c r="ER7" s="554"/>
      <c r="ES7" s="583" t="s">
        <v>62</v>
      </c>
      <c r="ET7" s="553"/>
      <c r="EU7" s="553"/>
      <c r="EV7" s="553"/>
      <c r="EW7" s="553"/>
      <c r="EX7" s="553"/>
      <c r="EY7" s="584"/>
      <c r="EZ7" s="566" t="s">
        <v>52</v>
      </c>
      <c r="FA7" s="560" t="s">
        <v>61</v>
      </c>
      <c r="FB7" s="553"/>
      <c r="FC7" s="554"/>
      <c r="FD7" s="583" t="s">
        <v>62</v>
      </c>
      <c r="FE7" s="553"/>
      <c r="FF7" s="553"/>
      <c r="FG7" s="553"/>
      <c r="FH7" s="553"/>
      <c r="FI7" s="553"/>
      <c r="FJ7" s="584"/>
      <c r="FK7" s="566" t="s">
        <v>52</v>
      </c>
      <c r="FL7" s="543" t="s">
        <v>61</v>
      </c>
      <c r="FM7" s="544"/>
      <c r="FN7" s="545"/>
      <c r="FO7" s="580" t="s">
        <v>62</v>
      </c>
      <c r="FP7" s="544"/>
      <c r="FQ7" s="544"/>
      <c r="FR7" s="544"/>
      <c r="FS7" s="544"/>
      <c r="FT7" s="544"/>
      <c r="FU7" s="581"/>
      <c r="FV7" s="547" t="s">
        <v>52</v>
      </c>
      <c r="FW7" s="560" t="s">
        <v>61</v>
      </c>
      <c r="FX7" s="553"/>
      <c r="FY7" s="554"/>
      <c r="FZ7" s="583" t="s">
        <v>62</v>
      </c>
      <c r="GA7" s="553"/>
      <c r="GB7" s="553"/>
      <c r="GC7" s="553"/>
      <c r="GD7" s="553"/>
      <c r="GE7" s="553"/>
      <c r="GF7" s="584"/>
      <c r="GG7" s="566" t="s">
        <v>52</v>
      </c>
      <c r="GH7" s="565" t="s">
        <v>61</v>
      </c>
      <c r="GI7" s="556"/>
      <c r="GJ7" s="556"/>
      <c r="GK7" s="555" t="s">
        <v>62</v>
      </c>
      <c r="GL7" s="556"/>
      <c r="GM7" s="556"/>
      <c r="GN7" s="556"/>
      <c r="GO7" s="556"/>
      <c r="GP7" s="556"/>
      <c r="GQ7" s="557"/>
      <c r="GR7" s="623" t="s">
        <v>52</v>
      </c>
      <c r="GS7" s="565" t="s">
        <v>61</v>
      </c>
      <c r="GT7" s="556"/>
      <c r="GU7" s="557"/>
      <c r="GV7" s="555" t="s">
        <v>62</v>
      </c>
      <c r="GW7" s="556"/>
      <c r="GX7" s="556"/>
      <c r="GY7" s="556"/>
      <c r="GZ7" s="556"/>
      <c r="HA7" s="556"/>
      <c r="HB7" s="557"/>
      <c r="HC7" s="623" t="s">
        <v>52</v>
      </c>
      <c r="HD7" s="560" t="s">
        <v>61</v>
      </c>
      <c r="HE7" s="553"/>
      <c r="HF7" s="554"/>
      <c r="HG7" s="583" t="s">
        <v>62</v>
      </c>
      <c r="HH7" s="553"/>
      <c r="HI7" s="553"/>
      <c r="HJ7" s="553"/>
      <c r="HK7" s="553"/>
      <c r="HL7" s="553"/>
      <c r="HM7" s="584"/>
      <c r="HN7" s="566" t="s">
        <v>52</v>
      </c>
      <c r="HO7" s="560" t="s">
        <v>61</v>
      </c>
      <c r="HP7" s="553"/>
      <c r="HQ7" s="554"/>
      <c r="HR7" s="583" t="s">
        <v>62</v>
      </c>
      <c r="HS7" s="553"/>
      <c r="HT7" s="553"/>
      <c r="HU7" s="553"/>
      <c r="HV7" s="553"/>
      <c r="HW7" s="553"/>
      <c r="HX7" s="584"/>
      <c r="HY7" s="566" t="s">
        <v>52</v>
      </c>
      <c r="HZ7" s="543" t="s">
        <v>61</v>
      </c>
      <c r="IA7" s="544"/>
      <c r="IB7" s="545"/>
      <c r="IC7" s="580" t="s">
        <v>62</v>
      </c>
      <c r="ID7" s="544"/>
      <c r="IE7" s="544"/>
      <c r="IF7" s="544"/>
      <c r="IG7" s="544"/>
      <c r="IH7" s="544"/>
      <c r="II7" s="581"/>
      <c r="IJ7" s="547" t="s">
        <v>52</v>
      </c>
      <c r="IK7" s="560" t="s">
        <v>61</v>
      </c>
      <c r="IL7" s="553"/>
      <c r="IM7" s="554"/>
      <c r="IN7" s="583" t="s">
        <v>62</v>
      </c>
      <c r="IO7" s="553"/>
      <c r="IP7" s="553"/>
      <c r="IQ7" s="553"/>
      <c r="IR7" s="553"/>
      <c r="IS7" s="553"/>
      <c r="IT7" s="584"/>
      <c r="IU7" s="566" t="s">
        <v>52</v>
      </c>
      <c r="IV7" s="560" t="s">
        <v>61</v>
      </c>
      <c r="IW7" s="553"/>
      <c r="IX7" s="584"/>
      <c r="IY7" s="583" t="s">
        <v>62</v>
      </c>
      <c r="IZ7" s="553"/>
      <c r="JA7" s="553"/>
      <c r="JB7" s="553"/>
      <c r="JC7" s="553"/>
      <c r="JD7" s="553"/>
      <c r="JE7" s="584"/>
      <c r="JF7" s="566" t="s">
        <v>52</v>
      </c>
      <c r="JG7" s="560" t="s">
        <v>61</v>
      </c>
      <c r="JH7" s="553"/>
      <c r="JI7" s="554"/>
      <c r="JJ7" s="583" t="s">
        <v>62</v>
      </c>
      <c r="JK7" s="553"/>
      <c r="JL7" s="553"/>
      <c r="JM7" s="553"/>
      <c r="JN7" s="553"/>
      <c r="JO7" s="553"/>
      <c r="JP7" s="584"/>
      <c r="JQ7" s="578" t="s">
        <v>52</v>
      </c>
      <c r="JR7" s="560" t="s">
        <v>61</v>
      </c>
      <c r="JS7" s="553"/>
      <c r="JT7" s="554"/>
      <c r="JU7" s="583" t="s">
        <v>62</v>
      </c>
      <c r="JV7" s="553"/>
      <c r="JW7" s="553"/>
      <c r="JX7" s="553"/>
      <c r="JY7" s="553"/>
      <c r="JZ7" s="553"/>
      <c r="KA7" s="584"/>
      <c r="KB7" s="578" t="s">
        <v>52</v>
      </c>
      <c r="KC7" s="560" t="s">
        <v>61</v>
      </c>
      <c r="KD7" s="553"/>
      <c r="KE7" s="554"/>
      <c r="KF7" s="583" t="s">
        <v>62</v>
      </c>
      <c r="KG7" s="553"/>
      <c r="KH7" s="553"/>
      <c r="KI7" s="553"/>
      <c r="KJ7" s="553"/>
      <c r="KK7" s="553"/>
      <c r="KL7" s="584"/>
      <c r="KM7" s="578" t="s">
        <v>52</v>
      </c>
      <c r="KN7" s="560" t="s">
        <v>61</v>
      </c>
      <c r="KO7" s="553"/>
      <c r="KP7" s="554"/>
      <c r="KQ7" s="583" t="s">
        <v>62</v>
      </c>
      <c r="KR7" s="553"/>
      <c r="KS7" s="553"/>
      <c r="KT7" s="553"/>
      <c r="KU7" s="553"/>
      <c r="KV7" s="553"/>
      <c r="KW7" s="584"/>
      <c r="KX7" s="578" t="s">
        <v>52</v>
      </c>
      <c r="KY7" s="560" t="s">
        <v>61</v>
      </c>
      <c r="KZ7" s="553"/>
      <c r="LA7" s="554"/>
      <c r="LB7" s="583" t="s">
        <v>62</v>
      </c>
      <c r="LC7" s="553"/>
      <c r="LD7" s="553"/>
      <c r="LE7" s="553"/>
      <c r="LF7" s="553"/>
      <c r="LG7" s="553"/>
      <c r="LH7" s="584"/>
      <c r="LI7" s="578" t="s">
        <v>52</v>
      </c>
      <c r="LJ7" s="560" t="s">
        <v>61</v>
      </c>
      <c r="LK7" s="553"/>
      <c r="LL7" s="554"/>
      <c r="LM7" s="583" t="s">
        <v>62</v>
      </c>
      <c r="LN7" s="553"/>
      <c r="LO7" s="553"/>
      <c r="LP7" s="553"/>
      <c r="LQ7" s="553"/>
      <c r="LR7" s="553"/>
      <c r="LS7" s="584"/>
      <c r="LT7" s="578" t="s">
        <v>52</v>
      </c>
      <c r="LU7" s="560" t="s">
        <v>61</v>
      </c>
      <c r="LV7" s="553"/>
      <c r="LW7" s="554"/>
      <c r="LX7" s="583" t="s">
        <v>62</v>
      </c>
      <c r="LY7" s="553"/>
      <c r="LZ7" s="553"/>
      <c r="MA7" s="553"/>
      <c r="MB7" s="553"/>
      <c r="MC7" s="553"/>
      <c r="MD7" s="584"/>
      <c r="ME7" s="578" t="s">
        <v>52</v>
      </c>
      <c r="MF7" s="543" t="s">
        <v>61</v>
      </c>
      <c r="MG7" s="544"/>
      <c r="MH7" s="545"/>
      <c r="MI7" s="580" t="s">
        <v>62</v>
      </c>
      <c r="MJ7" s="544"/>
      <c r="MK7" s="544"/>
      <c r="ML7" s="544"/>
      <c r="MM7" s="544"/>
      <c r="MN7" s="544"/>
      <c r="MO7" s="581"/>
      <c r="MP7" s="582" t="s">
        <v>52</v>
      </c>
      <c r="MQ7" s="560" t="s">
        <v>61</v>
      </c>
      <c r="MR7" s="553"/>
      <c r="MS7" s="554"/>
      <c r="MT7" s="583" t="s">
        <v>62</v>
      </c>
      <c r="MU7" s="553"/>
      <c r="MV7" s="553"/>
      <c r="MW7" s="553"/>
      <c r="MX7" s="553"/>
      <c r="MY7" s="553"/>
      <c r="MZ7" s="584"/>
      <c r="NA7" s="578" t="s">
        <v>52</v>
      </c>
      <c r="NB7" s="560" t="s">
        <v>61</v>
      </c>
      <c r="NC7" s="553"/>
      <c r="ND7" s="554"/>
      <c r="NE7" s="583" t="s">
        <v>62</v>
      </c>
      <c r="NF7" s="553"/>
      <c r="NG7" s="553"/>
      <c r="NH7" s="553"/>
      <c r="NI7" s="553"/>
      <c r="NJ7" s="553"/>
      <c r="NK7" s="584"/>
      <c r="NL7" s="578" t="s">
        <v>52</v>
      </c>
      <c r="NM7" s="560" t="s">
        <v>61</v>
      </c>
      <c r="NN7" s="553"/>
      <c r="NO7" s="554"/>
      <c r="NP7" s="583" t="s">
        <v>62</v>
      </c>
      <c r="NQ7" s="553"/>
      <c r="NR7" s="553"/>
      <c r="NS7" s="553"/>
      <c r="NT7" s="553"/>
      <c r="NU7" s="553"/>
      <c r="NV7" s="584"/>
      <c r="NW7" s="578" t="s">
        <v>52</v>
      </c>
      <c r="NX7" s="560" t="s">
        <v>61</v>
      </c>
      <c r="NY7" s="553"/>
      <c r="NZ7" s="554"/>
      <c r="OA7" s="583" t="s">
        <v>62</v>
      </c>
      <c r="OB7" s="553"/>
      <c r="OC7" s="553"/>
      <c r="OD7" s="553"/>
      <c r="OE7" s="553"/>
      <c r="OF7" s="553"/>
      <c r="OG7" s="584"/>
      <c r="OH7" s="578" t="s">
        <v>52</v>
      </c>
      <c r="OI7" s="543" t="s">
        <v>61</v>
      </c>
      <c r="OJ7" s="544"/>
      <c r="OK7" s="545"/>
      <c r="OL7" s="580" t="s">
        <v>62</v>
      </c>
      <c r="OM7" s="544"/>
      <c r="ON7" s="544"/>
      <c r="OO7" s="544"/>
      <c r="OP7" s="544"/>
      <c r="OQ7" s="544"/>
      <c r="OR7" s="581"/>
      <c r="OS7" s="582" t="s">
        <v>52</v>
      </c>
    </row>
    <row r="8" spans="1:409" ht="30" customHeight="1" thickBot="1" x14ac:dyDescent="0.25">
      <c r="B8" s="627"/>
      <c r="C8" s="55" t="s">
        <v>43</v>
      </c>
      <c r="D8" s="13" t="s">
        <v>44</v>
      </c>
      <c r="E8" s="36" t="s">
        <v>45</v>
      </c>
      <c r="F8" s="37" t="s">
        <v>83</v>
      </c>
      <c r="G8" s="13" t="s">
        <v>47</v>
      </c>
      <c r="H8" s="13" t="s">
        <v>48</v>
      </c>
      <c r="I8" s="13" t="s">
        <v>49</v>
      </c>
      <c r="J8" s="13" t="s">
        <v>50</v>
      </c>
      <c r="K8" s="13" t="s">
        <v>51</v>
      </c>
      <c r="L8" s="14" t="s">
        <v>45</v>
      </c>
      <c r="M8" s="640"/>
      <c r="N8" s="35" t="s">
        <v>43</v>
      </c>
      <c r="O8" s="13" t="s">
        <v>44</v>
      </c>
      <c r="P8" s="14" t="s">
        <v>45</v>
      </c>
      <c r="Q8" s="37" t="s">
        <v>83</v>
      </c>
      <c r="R8" s="13" t="s">
        <v>47</v>
      </c>
      <c r="S8" s="13" t="s">
        <v>48</v>
      </c>
      <c r="T8" s="13" t="s">
        <v>49</v>
      </c>
      <c r="U8" s="13" t="s">
        <v>50</v>
      </c>
      <c r="V8" s="13" t="s">
        <v>51</v>
      </c>
      <c r="W8" s="14" t="s">
        <v>45</v>
      </c>
      <c r="X8" s="621"/>
      <c r="Y8" s="35" t="s">
        <v>43</v>
      </c>
      <c r="Z8" s="13" t="s">
        <v>44</v>
      </c>
      <c r="AA8" s="14" t="s">
        <v>45</v>
      </c>
      <c r="AB8" s="37" t="s">
        <v>83</v>
      </c>
      <c r="AC8" s="13" t="s">
        <v>47</v>
      </c>
      <c r="AD8" s="13" t="s">
        <v>48</v>
      </c>
      <c r="AE8" s="13" t="s">
        <v>49</v>
      </c>
      <c r="AF8" s="13" t="s">
        <v>50</v>
      </c>
      <c r="AG8" s="13" t="s">
        <v>51</v>
      </c>
      <c r="AH8" s="14" t="s">
        <v>45</v>
      </c>
      <c r="AI8" s="622"/>
      <c r="AJ8" s="35" t="s">
        <v>43</v>
      </c>
      <c r="AK8" s="13" t="s">
        <v>44</v>
      </c>
      <c r="AL8" s="36" t="s">
        <v>45</v>
      </c>
      <c r="AM8" s="37" t="s">
        <v>83</v>
      </c>
      <c r="AN8" s="13" t="s">
        <v>47</v>
      </c>
      <c r="AO8" s="13" t="s">
        <v>48</v>
      </c>
      <c r="AP8" s="13" t="s">
        <v>49</v>
      </c>
      <c r="AQ8" s="13" t="s">
        <v>50</v>
      </c>
      <c r="AR8" s="13" t="s">
        <v>51</v>
      </c>
      <c r="AS8" s="14" t="s">
        <v>45</v>
      </c>
      <c r="AT8" s="622"/>
      <c r="AU8" s="35" t="s">
        <v>43</v>
      </c>
      <c r="AV8" s="13" t="s">
        <v>44</v>
      </c>
      <c r="AW8" s="36" t="s">
        <v>45</v>
      </c>
      <c r="AX8" s="37" t="s">
        <v>83</v>
      </c>
      <c r="AY8" s="13" t="s">
        <v>47</v>
      </c>
      <c r="AZ8" s="13" t="s">
        <v>48</v>
      </c>
      <c r="BA8" s="13" t="s">
        <v>49</v>
      </c>
      <c r="BB8" s="13" t="s">
        <v>50</v>
      </c>
      <c r="BC8" s="13" t="s">
        <v>51</v>
      </c>
      <c r="BD8" s="14" t="s">
        <v>45</v>
      </c>
      <c r="BE8" s="622"/>
      <c r="BF8" s="53" t="s">
        <v>43</v>
      </c>
      <c r="BG8" s="13" t="s">
        <v>44</v>
      </c>
      <c r="BH8" s="36" t="s">
        <v>45</v>
      </c>
      <c r="BI8" s="37" t="s">
        <v>83</v>
      </c>
      <c r="BJ8" s="13" t="s">
        <v>47</v>
      </c>
      <c r="BK8" s="13" t="s">
        <v>48</v>
      </c>
      <c r="BL8" s="13" t="s">
        <v>49</v>
      </c>
      <c r="BM8" s="13" t="s">
        <v>50</v>
      </c>
      <c r="BN8" s="13" t="s">
        <v>51</v>
      </c>
      <c r="BO8" s="14" t="s">
        <v>45</v>
      </c>
      <c r="BP8" s="622"/>
      <c r="BQ8" s="35" t="s">
        <v>43</v>
      </c>
      <c r="BR8" s="13" t="s">
        <v>44</v>
      </c>
      <c r="BS8" s="36" t="s">
        <v>45</v>
      </c>
      <c r="BT8" s="37" t="s">
        <v>83</v>
      </c>
      <c r="BU8" s="13" t="s">
        <v>47</v>
      </c>
      <c r="BV8" s="13" t="s">
        <v>48</v>
      </c>
      <c r="BW8" s="13" t="s">
        <v>49</v>
      </c>
      <c r="BX8" s="13" t="s">
        <v>50</v>
      </c>
      <c r="BY8" s="13" t="s">
        <v>51</v>
      </c>
      <c r="BZ8" s="14" t="s">
        <v>45</v>
      </c>
      <c r="CA8" s="622"/>
      <c r="CB8" s="35" t="s">
        <v>43</v>
      </c>
      <c r="CC8" s="13" t="s">
        <v>44</v>
      </c>
      <c r="CD8" s="36" t="s">
        <v>45</v>
      </c>
      <c r="CE8" s="37" t="s">
        <v>83</v>
      </c>
      <c r="CF8" s="13" t="s">
        <v>47</v>
      </c>
      <c r="CG8" s="13" t="s">
        <v>48</v>
      </c>
      <c r="CH8" s="13" t="s">
        <v>49</v>
      </c>
      <c r="CI8" s="13" t="s">
        <v>50</v>
      </c>
      <c r="CJ8" s="13" t="s">
        <v>51</v>
      </c>
      <c r="CK8" s="14" t="s">
        <v>45</v>
      </c>
      <c r="CL8" s="621"/>
      <c r="CM8" s="35" t="s">
        <v>43</v>
      </c>
      <c r="CN8" s="13" t="s">
        <v>44</v>
      </c>
      <c r="CO8" s="14" t="s">
        <v>45</v>
      </c>
      <c r="CP8" s="37" t="s">
        <v>83</v>
      </c>
      <c r="CQ8" s="13" t="s">
        <v>47</v>
      </c>
      <c r="CR8" s="13" t="s">
        <v>48</v>
      </c>
      <c r="CS8" s="13" t="s">
        <v>49</v>
      </c>
      <c r="CT8" s="13" t="s">
        <v>50</v>
      </c>
      <c r="CU8" s="13" t="s">
        <v>51</v>
      </c>
      <c r="CV8" s="14" t="s">
        <v>45</v>
      </c>
      <c r="CW8" s="621"/>
      <c r="CX8" s="35" t="s">
        <v>43</v>
      </c>
      <c r="CY8" s="13" t="s">
        <v>44</v>
      </c>
      <c r="CZ8" s="14" t="s">
        <v>45</v>
      </c>
      <c r="DA8" s="37" t="s">
        <v>83</v>
      </c>
      <c r="DB8" s="13" t="s">
        <v>47</v>
      </c>
      <c r="DC8" s="13" t="s">
        <v>48</v>
      </c>
      <c r="DD8" s="13" t="s">
        <v>49</v>
      </c>
      <c r="DE8" s="13" t="s">
        <v>50</v>
      </c>
      <c r="DF8" s="13" t="s">
        <v>51</v>
      </c>
      <c r="DG8" s="14" t="s">
        <v>45</v>
      </c>
      <c r="DH8" s="621"/>
      <c r="DI8" s="35" t="s">
        <v>43</v>
      </c>
      <c r="DJ8" s="13" t="s">
        <v>44</v>
      </c>
      <c r="DK8" s="14" t="s">
        <v>45</v>
      </c>
      <c r="DL8" s="37" t="s">
        <v>83</v>
      </c>
      <c r="DM8" s="13" t="s">
        <v>47</v>
      </c>
      <c r="DN8" s="13" t="s">
        <v>48</v>
      </c>
      <c r="DO8" s="13" t="s">
        <v>49</v>
      </c>
      <c r="DP8" s="13" t="s">
        <v>50</v>
      </c>
      <c r="DQ8" s="13" t="s">
        <v>51</v>
      </c>
      <c r="DR8" s="14" t="s">
        <v>45</v>
      </c>
      <c r="DS8" s="621"/>
      <c r="DT8" s="35" t="s">
        <v>43</v>
      </c>
      <c r="DU8" s="13" t="s">
        <v>44</v>
      </c>
      <c r="DV8" s="36" t="s">
        <v>45</v>
      </c>
      <c r="DW8" s="37" t="s">
        <v>83</v>
      </c>
      <c r="DX8" s="13" t="s">
        <v>47</v>
      </c>
      <c r="DY8" s="13" t="s">
        <v>48</v>
      </c>
      <c r="DZ8" s="13" t="s">
        <v>49</v>
      </c>
      <c r="EA8" s="13" t="s">
        <v>50</v>
      </c>
      <c r="EB8" s="13" t="s">
        <v>51</v>
      </c>
      <c r="EC8" s="14" t="s">
        <v>45</v>
      </c>
      <c r="ED8" s="622"/>
      <c r="EE8" s="35" t="s">
        <v>43</v>
      </c>
      <c r="EF8" s="13" t="s">
        <v>44</v>
      </c>
      <c r="EG8" s="36" t="s">
        <v>45</v>
      </c>
      <c r="EH8" s="37" t="s">
        <v>83</v>
      </c>
      <c r="EI8" s="13" t="s">
        <v>47</v>
      </c>
      <c r="EJ8" s="13" t="s">
        <v>48</v>
      </c>
      <c r="EK8" s="13" t="s">
        <v>49</v>
      </c>
      <c r="EL8" s="13" t="s">
        <v>50</v>
      </c>
      <c r="EM8" s="13" t="s">
        <v>51</v>
      </c>
      <c r="EN8" s="14" t="s">
        <v>45</v>
      </c>
      <c r="EO8" s="622"/>
      <c r="EP8" s="35" t="s">
        <v>43</v>
      </c>
      <c r="EQ8" s="13" t="s">
        <v>44</v>
      </c>
      <c r="ER8" s="36" t="s">
        <v>45</v>
      </c>
      <c r="ES8" s="37" t="s">
        <v>83</v>
      </c>
      <c r="ET8" s="13" t="s">
        <v>47</v>
      </c>
      <c r="EU8" s="13" t="s">
        <v>48</v>
      </c>
      <c r="EV8" s="13" t="s">
        <v>49</v>
      </c>
      <c r="EW8" s="13" t="s">
        <v>50</v>
      </c>
      <c r="EX8" s="13" t="s">
        <v>51</v>
      </c>
      <c r="EY8" s="14" t="s">
        <v>45</v>
      </c>
      <c r="EZ8" s="622"/>
      <c r="FA8" s="35" t="s">
        <v>43</v>
      </c>
      <c r="FB8" s="13" t="s">
        <v>44</v>
      </c>
      <c r="FC8" s="36" t="s">
        <v>45</v>
      </c>
      <c r="FD8" s="37" t="s">
        <v>83</v>
      </c>
      <c r="FE8" s="13" t="s">
        <v>47</v>
      </c>
      <c r="FF8" s="13" t="s">
        <v>48</v>
      </c>
      <c r="FG8" s="13" t="s">
        <v>49</v>
      </c>
      <c r="FH8" s="13" t="s">
        <v>50</v>
      </c>
      <c r="FI8" s="13" t="s">
        <v>51</v>
      </c>
      <c r="FJ8" s="14" t="s">
        <v>45</v>
      </c>
      <c r="FK8" s="622"/>
      <c r="FL8" s="35" t="s">
        <v>43</v>
      </c>
      <c r="FM8" s="13" t="s">
        <v>44</v>
      </c>
      <c r="FN8" s="36" t="s">
        <v>45</v>
      </c>
      <c r="FO8" s="37" t="s">
        <v>83</v>
      </c>
      <c r="FP8" s="13" t="s">
        <v>47</v>
      </c>
      <c r="FQ8" s="13" t="s">
        <v>48</v>
      </c>
      <c r="FR8" s="13" t="s">
        <v>49</v>
      </c>
      <c r="FS8" s="13" t="s">
        <v>50</v>
      </c>
      <c r="FT8" s="13" t="s">
        <v>51</v>
      </c>
      <c r="FU8" s="14" t="s">
        <v>45</v>
      </c>
      <c r="FV8" s="620"/>
      <c r="FW8" s="35" t="s">
        <v>43</v>
      </c>
      <c r="FX8" s="13" t="s">
        <v>44</v>
      </c>
      <c r="FY8" s="36" t="s">
        <v>45</v>
      </c>
      <c r="FZ8" s="37" t="s">
        <v>83</v>
      </c>
      <c r="GA8" s="13" t="s">
        <v>47</v>
      </c>
      <c r="GB8" s="13" t="s">
        <v>48</v>
      </c>
      <c r="GC8" s="13" t="s">
        <v>49</v>
      </c>
      <c r="GD8" s="13" t="s">
        <v>50</v>
      </c>
      <c r="GE8" s="13" t="s">
        <v>51</v>
      </c>
      <c r="GF8" s="14" t="s">
        <v>45</v>
      </c>
      <c r="GG8" s="622"/>
      <c r="GH8" s="35" t="s">
        <v>43</v>
      </c>
      <c r="GI8" s="13" t="s">
        <v>44</v>
      </c>
      <c r="GJ8" s="36" t="s">
        <v>45</v>
      </c>
      <c r="GK8" s="37" t="s">
        <v>83</v>
      </c>
      <c r="GL8" s="13" t="s">
        <v>47</v>
      </c>
      <c r="GM8" s="13" t="s">
        <v>48</v>
      </c>
      <c r="GN8" s="13" t="s">
        <v>49</v>
      </c>
      <c r="GO8" s="13" t="s">
        <v>50</v>
      </c>
      <c r="GP8" s="13" t="s">
        <v>51</v>
      </c>
      <c r="GQ8" s="14" t="s">
        <v>45</v>
      </c>
      <c r="GR8" s="624"/>
      <c r="GS8" s="35" t="s">
        <v>43</v>
      </c>
      <c r="GT8" s="13" t="s">
        <v>44</v>
      </c>
      <c r="GU8" s="36" t="s">
        <v>45</v>
      </c>
      <c r="GV8" s="37" t="s">
        <v>83</v>
      </c>
      <c r="GW8" s="13" t="s">
        <v>47</v>
      </c>
      <c r="GX8" s="13" t="s">
        <v>48</v>
      </c>
      <c r="GY8" s="13" t="s">
        <v>49</v>
      </c>
      <c r="GZ8" s="13" t="s">
        <v>50</v>
      </c>
      <c r="HA8" s="13" t="s">
        <v>51</v>
      </c>
      <c r="HB8" s="14" t="s">
        <v>45</v>
      </c>
      <c r="HC8" s="624"/>
      <c r="HD8" s="35" t="s">
        <v>43</v>
      </c>
      <c r="HE8" s="13" t="s">
        <v>44</v>
      </c>
      <c r="HF8" s="36" t="s">
        <v>45</v>
      </c>
      <c r="HG8" s="37" t="s">
        <v>83</v>
      </c>
      <c r="HH8" s="13" t="s">
        <v>47</v>
      </c>
      <c r="HI8" s="13" t="s">
        <v>48</v>
      </c>
      <c r="HJ8" s="13" t="s">
        <v>49</v>
      </c>
      <c r="HK8" s="13" t="s">
        <v>50</v>
      </c>
      <c r="HL8" s="13" t="s">
        <v>51</v>
      </c>
      <c r="HM8" s="14" t="s">
        <v>45</v>
      </c>
      <c r="HN8" s="622"/>
      <c r="HO8" s="35" t="s">
        <v>43</v>
      </c>
      <c r="HP8" s="13" t="s">
        <v>44</v>
      </c>
      <c r="HQ8" s="36" t="s">
        <v>45</v>
      </c>
      <c r="HR8" s="37" t="s">
        <v>83</v>
      </c>
      <c r="HS8" s="13" t="s">
        <v>47</v>
      </c>
      <c r="HT8" s="13" t="s">
        <v>48</v>
      </c>
      <c r="HU8" s="13" t="s">
        <v>49</v>
      </c>
      <c r="HV8" s="13" t="s">
        <v>50</v>
      </c>
      <c r="HW8" s="13" t="s">
        <v>51</v>
      </c>
      <c r="HX8" s="14" t="s">
        <v>45</v>
      </c>
      <c r="HY8" s="622"/>
      <c r="HZ8" s="324" t="s">
        <v>43</v>
      </c>
      <c r="IA8" s="325" t="s">
        <v>44</v>
      </c>
      <c r="IB8" s="36" t="s">
        <v>45</v>
      </c>
      <c r="IC8" s="37" t="s">
        <v>83</v>
      </c>
      <c r="ID8" s="325" t="s">
        <v>47</v>
      </c>
      <c r="IE8" s="325" t="s">
        <v>48</v>
      </c>
      <c r="IF8" s="325" t="s">
        <v>49</v>
      </c>
      <c r="IG8" s="325" t="s">
        <v>50</v>
      </c>
      <c r="IH8" s="325" t="s">
        <v>51</v>
      </c>
      <c r="II8" s="14" t="s">
        <v>45</v>
      </c>
      <c r="IJ8" s="620"/>
      <c r="IK8" s="324" t="s">
        <v>43</v>
      </c>
      <c r="IL8" s="325" t="s">
        <v>44</v>
      </c>
      <c r="IM8" s="36" t="s">
        <v>45</v>
      </c>
      <c r="IN8" s="37" t="s">
        <v>83</v>
      </c>
      <c r="IO8" s="51" t="s">
        <v>47</v>
      </c>
      <c r="IP8" s="51" t="s">
        <v>48</v>
      </c>
      <c r="IQ8" s="51" t="s">
        <v>49</v>
      </c>
      <c r="IR8" s="51" t="s">
        <v>50</v>
      </c>
      <c r="IS8" s="51" t="s">
        <v>51</v>
      </c>
      <c r="IT8" s="54" t="s">
        <v>45</v>
      </c>
      <c r="IU8" s="619"/>
      <c r="IV8" s="53" t="s">
        <v>43</v>
      </c>
      <c r="IW8" s="51" t="s">
        <v>44</v>
      </c>
      <c r="IX8" s="54" t="s">
        <v>45</v>
      </c>
      <c r="IY8" s="28" t="s">
        <v>83</v>
      </c>
      <c r="IZ8" s="51" t="s">
        <v>47</v>
      </c>
      <c r="JA8" s="51" t="s">
        <v>48</v>
      </c>
      <c r="JB8" s="51" t="s">
        <v>49</v>
      </c>
      <c r="JC8" s="51" t="s">
        <v>50</v>
      </c>
      <c r="JD8" s="51" t="s">
        <v>51</v>
      </c>
      <c r="JE8" s="54" t="s">
        <v>45</v>
      </c>
      <c r="JF8" s="619"/>
      <c r="JG8" s="53" t="s">
        <v>43</v>
      </c>
      <c r="JH8" s="51" t="s">
        <v>44</v>
      </c>
      <c r="JI8" s="52" t="s">
        <v>45</v>
      </c>
      <c r="JJ8" s="28" t="s">
        <v>83</v>
      </c>
      <c r="JK8" s="51" t="s">
        <v>47</v>
      </c>
      <c r="JL8" s="51" t="s">
        <v>48</v>
      </c>
      <c r="JM8" s="51" t="s">
        <v>49</v>
      </c>
      <c r="JN8" s="51" t="s">
        <v>50</v>
      </c>
      <c r="JO8" s="51" t="s">
        <v>51</v>
      </c>
      <c r="JP8" s="54" t="s">
        <v>45</v>
      </c>
      <c r="JQ8" s="579"/>
      <c r="JR8" s="53" t="s">
        <v>43</v>
      </c>
      <c r="JS8" s="51" t="s">
        <v>44</v>
      </c>
      <c r="JT8" s="52" t="s">
        <v>45</v>
      </c>
      <c r="JU8" s="28" t="s">
        <v>83</v>
      </c>
      <c r="JV8" s="51" t="s">
        <v>47</v>
      </c>
      <c r="JW8" s="51" t="s">
        <v>48</v>
      </c>
      <c r="JX8" s="51" t="s">
        <v>49</v>
      </c>
      <c r="JY8" s="51" t="s">
        <v>50</v>
      </c>
      <c r="JZ8" s="51" t="s">
        <v>51</v>
      </c>
      <c r="KA8" s="54" t="s">
        <v>45</v>
      </c>
      <c r="KB8" s="579"/>
      <c r="KC8" s="53" t="s">
        <v>43</v>
      </c>
      <c r="KD8" s="51" t="s">
        <v>44</v>
      </c>
      <c r="KE8" s="52" t="s">
        <v>45</v>
      </c>
      <c r="KF8" s="28" t="s">
        <v>83</v>
      </c>
      <c r="KG8" s="51" t="s">
        <v>47</v>
      </c>
      <c r="KH8" s="51" t="s">
        <v>48</v>
      </c>
      <c r="KI8" s="51" t="s">
        <v>49</v>
      </c>
      <c r="KJ8" s="51" t="s">
        <v>50</v>
      </c>
      <c r="KK8" s="51" t="s">
        <v>51</v>
      </c>
      <c r="KL8" s="54" t="s">
        <v>45</v>
      </c>
      <c r="KM8" s="579"/>
      <c r="KN8" s="53" t="s">
        <v>43</v>
      </c>
      <c r="KO8" s="51" t="s">
        <v>44</v>
      </c>
      <c r="KP8" s="52" t="s">
        <v>45</v>
      </c>
      <c r="KQ8" s="37" t="s">
        <v>83</v>
      </c>
      <c r="KR8" s="51" t="s">
        <v>47</v>
      </c>
      <c r="KS8" s="51" t="s">
        <v>48</v>
      </c>
      <c r="KT8" s="51" t="s">
        <v>49</v>
      </c>
      <c r="KU8" s="51" t="s">
        <v>50</v>
      </c>
      <c r="KV8" s="51" t="s">
        <v>51</v>
      </c>
      <c r="KW8" s="54" t="s">
        <v>45</v>
      </c>
      <c r="KX8" s="579"/>
      <c r="KY8" s="53" t="s">
        <v>43</v>
      </c>
      <c r="KZ8" s="51" t="s">
        <v>44</v>
      </c>
      <c r="LA8" s="52" t="s">
        <v>45</v>
      </c>
      <c r="LB8" s="37" t="s">
        <v>83</v>
      </c>
      <c r="LC8" s="51" t="s">
        <v>47</v>
      </c>
      <c r="LD8" s="51" t="s">
        <v>48</v>
      </c>
      <c r="LE8" s="51" t="s">
        <v>49</v>
      </c>
      <c r="LF8" s="51" t="s">
        <v>50</v>
      </c>
      <c r="LG8" s="51" t="s">
        <v>51</v>
      </c>
      <c r="LH8" s="54" t="s">
        <v>45</v>
      </c>
      <c r="LI8" s="579"/>
      <c r="LJ8" s="53" t="s">
        <v>43</v>
      </c>
      <c r="LK8" s="51" t="s">
        <v>44</v>
      </c>
      <c r="LL8" s="52" t="s">
        <v>45</v>
      </c>
      <c r="LM8" s="37" t="s">
        <v>83</v>
      </c>
      <c r="LN8" s="51" t="s">
        <v>47</v>
      </c>
      <c r="LO8" s="51" t="s">
        <v>48</v>
      </c>
      <c r="LP8" s="51" t="s">
        <v>49</v>
      </c>
      <c r="LQ8" s="51" t="s">
        <v>50</v>
      </c>
      <c r="LR8" s="51" t="s">
        <v>51</v>
      </c>
      <c r="LS8" s="54" t="s">
        <v>45</v>
      </c>
      <c r="LT8" s="579"/>
      <c r="LU8" s="53" t="s">
        <v>43</v>
      </c>
      <c r="LV8" s="51" t="s">
        <v>44</v>
      </c>
      <c r="LW8" s="52" t="s">
        <v>45</v>
      </c>
      <c r="LX8" s="37" t="s">
        <v>83</v>
      </c>
      <c r="LY8" s="51" t="s">
        <v>47</v>
      </c>
      <c r="LZ8" s="51" t="s">
        <v>48</v>
      </c>
      <c r="MA8" s="51" t="s">
        <v>49</v>
      </c>
      <c r="MB8" s="51" t="s">
        <v>50</v>
      </c>
      <c r="MC8" s="51" t="s">
        <v>51</v>
      </c>
      <c r="MD8" s="54" t="s">
        <v>45</v>
      </c>
      <c r="ME8" s="579"/>
      <c r="MF8" s="53" t="s">
        <v>43</v>
      </c>
      <c r="MG8" s="51" t="s">
        <v>44</v>
      </c>
      <c r="MH8" s="52" t="s">
        <v>45</v>
      </c>
      <c r="MI8" s="37" t="s">
        <v>83</v>
      </c>
      <c r="MJ8" s="51" t="s">
        <v>47</v>
      </c>
      <c r="MK8" s="51" t="s">
        <v>48</v>
      </c>
      <c r="ML8" s="51" t="s">
        <v>49</v>
      </c>
      <c r="MM8" s="51" t="s">
        <v>50</v>
      </c>
      <c r="MN8" s="51" t="s">
        <v>51</v>
      </c>
      <c r="MO8" s="54" t="s">
        <v>45</v>
      </c>
      <c r="MP8" s="579"/>
      <c r="MQ8" s="53" t="s">
        <v>43</v>
      </c>
      <c r="MR8" s="51" t="s">
        <v>44</v>
      </c>
      <c r="MS8" s="52" t="s">
        <v>45</v>
      </c>
      <c r="MT8" s="37" t="s">
        <v>83</v>
      </c>
      <c r="MU8" s="51" t="s">
        <v>47</v>
      </c>
      <c r="MV8" s="51" t="s">
        <v>48</v>
      </c>
      <c r="MW8" s="51" t="s">
        <v>49</v>
      </c>
      <c r="MX8" s="51" t="s">
        <v>50</v>
      </c>
      <c r="MY8" s="51" t="s">
        <v>51</v>
      </c>
      <c r="MZ8" s="54" t="s">
        <v>45</v>
      </c>
      <c r="NA8" s="579"/>
      <c r="NB8" s="53" t="s">
        <v>43</v>
      </c>
      <c r="NC8" s="51" t="s">
        <v>44</v>
      </c>
      <c r="ND8" s="52" t="s">
        <v>45</v>
      </c>
      <c r="NE8" s="37" t="s">
        <v>83</v>
      </c>
      <c r="NF8" s="51" t="s">
        <v>47</v>
      </c>
      <c r="NG8" s="51" t="s">
        <v>48</v>
      </c>
      <c r="NH8" s="51" t="s">
        <v>49</v>
      </c>
      <c r="NI8" s="51" t="s">
        <v>50</v>
      </c>
      <c r="NJ8" s="51" t="s">
        <v>51</v>
      </c>
      <c r="NK8" s="54" t="s">
        <v>45</v>
      </c>
      <c r="NL8" s="579"/>
      <c r="NM8" s="53" t="s">
        <v>43</v>
      </c>
      <c r="NN8" s="51" t="s">
        <v>44</v>
      </c>
      <c r="NO8" s="52" t="s">
        <v>45</v>
      </c>
      <c r="NP8" s="37" t="s">
        <v>83</v>
      </c>
      <c r="NQ8" s="51" t="s">
        <v>47</v>
      </c>
      <c r="NR8" s="51" t="s">
        <v>48</v>
      </c>
      <c r="NS8" s="51" t="s">
        <v>49</v>
      </c>
      <c r="NT8" s="51" t="s">
        <v>50</v>
      </c>
      <c r="NU8" s="51" t="s">
        <v>51</v>
      </c>
      <c r="NV8" s="54" t="s">
        <v>45</v>
      </c>
      <c r="NW8" s="579"/>
      <c r="NX8" s="53" t="s">
        <v>43</v>
      </c>
      <c r="NY8" s="51" t="s">
        <v>44</v>
      </c>
      <c r="NZ8" s="52" t="s">
        <v>45</v>
      </c>
      <c r="OA8" s="37" t="s">
        <v>83</v>
      </c>
      <c r="OB8" s="51" t="s">
        <v>47</v>
      </c>
      <c r="OC8" s="51" t="s">
        <v>48</v>
      </c>
      <c r="OD8" s="51" t="s">
        <v>49</v>
      </c>
      <c r="OE8" s="51" t="s">
        <v>50</v>
      </c>
      <c r="OF8" s="51" t="s">
        <v>51</v>
      </c>
      <c r="OG8" s="54" t="s">
        <v>45</v>
      </c>
      <c r="OH8" s="579"/>
      <c r="OI8" s="53" t="s">
        <v>43</v>
      </c>
      <c r="OJ8" s="51" t="s">
        <v>44</v>
      </c>
      <c r="OK8" s="52" t="s">
        <v>45</v>
      </c>
      <c r="OL8" s="28" t="s">
        <v>83</v>
      </c>
      <c r="OM8" s="51" t="s">
        <v>47</v>
      </c>
      <c r="ON8" s="51" t="s">
        <v>48</v>
      </c>
      <c r="OO8" s="51" t="s">
        <v>49</v>
      </c>
      <c r="OP8" s="51" t="s">
        <v>50</v>
      </c>
      <c r="OQ8" s="51" t="s">
        <v>51</v>
      </c>
      <c r="OR8" s="54" t="s">
        <v>45</v>
      </c>
      <c r="OS8" s="579"/>
    </row>
    <row r="9" spans="1:409" s="383" customFormat="1" ht="21" customHeight="1" x14ac:dyDescent="0.2">
      <c r="A9" s="39"/>
      <c r="B9" s="435" t="s">
        <v>4</v>
      </c>
      <c r="C9" s="342">
        <v>404838439</v>
      </c>
      <c r="D9" s="343">
        <v>849412590</v>
      </c>
      <c r="E9" s="344">
        <v>1254251029</v>
      </c>
      <c r="F9" s="345">
        <v>0</v>
      </c>
      <c r="G9" s="343">
        <v>5139769507</v>
      </c>
      <c r="H9" s="343">
        <v>7124100132</v>
      </c>
      <c r="I9" s="343">
        <v>5903230318</v>
      </c>
      <c r="J9" s="343">
        <v>5615777548</v>
      </c>
      <c r="K9" s="343">
        <v>4246400619</v>
      </c>
      <c r="L9" s="346">
        <v>28029278124</v>
      </c>
      <c r="M9" s="347">
        <v>29283529153</v>
      </c>
      <c r="N9" s="342">
        <v>99264817</v>
      </c>
      <c r="O9" s="343">
        <v>257570033</v>
      </c>
      <c r="P9" s="348">
        <v>356834850</v>
      </c>
      <c r="Q9" s="342">
        <v>0</v>
      </c>
      <c r="R9" s="343">
        <v>1487812211</v>
      </c>
      <c r="S9" s="343">
        <v>2345912672</v>
      </c>
      <c r="T9" s="343">
        <v>2011229330</v>
      </c>
      <c r="U9" s="343">
        <v>2213955747</v>
      </c>
      <c r="V9" s="343">
        <v>2218029407</v>
      </c>
      <c r="W9" s="348">
        <v>10276939367</v>
      </c>
      <c r="X9" s="347">
        <v>10633774217</v>
      </c>
      <c r="Y9" s="342">
        <v>0</v>
      </c>
      <c r="Z9" s="343">
        <v>0</v>
      </c>
      <c r="AA9" s="348">
        <v>0</v>
      </c>
      <c r="AB9" s="349">
        <v>0</v>
      </c>
      <c r="AC9" s="350">
        <v>697589830</v>
      </c>
      <c r="AD9" s="350">
        <v>1143882106</v>
      </c>
      <c r="AE9" s="350">
        <v>1129144154</v>
      </c>
      <c r="AF9" s="350">
        <v>1314592303</v>
      </c>
      <c r="AG9" s="350">
        <v>1314385442</v>
      </c>
      <c r="AH9" s="348">
        <v>5599593835</v>
      </c>
      <c r="AI9" s="347">
        <v>5599593835</v>
      </c>
      <c r="AJ9" s="351">
        <v>59626</v>
      </c>
      <c r="AK9" s="350">
        <v>616254</v>
      </c>
      <c r="AL9" s="348">
        <v>675880</v>
      </c>
      <c r="AM9" s="349">
        <v>0</v>
      </c>
      <c r="AN9" s="350">
        <v>5243612</v>
      </c>
      <c r="AO9" s="346">
        <v>22621357</v>
      </c>
      <c r="AP9" s="350">
        <v>47522036</v>
      </c>
      <c r="AQ9" s="350">
        <v>120516184</v>
      </c>
      <c r="AR9" s="350">
        <v>237792793</v>
      </c>
      <c r="AS9" s="348">
        <v>433695982</v>
      </c>
      <c r="AT9" s="347">
        <v>434371862</v>
      </c>
      <c r="AU9" s="351">
        <v>54739914</v>
      </c>
      <c r="AV9" s="350">
        <v>183649389</v>
      </c>
      <c r="AW9" s="348">
        <v>238389303</v>
      </c>
      <c r="AX9" s="349">
        <v>0</v>
      </c>
      <c r="AY9" s="350">
        <v>478795305</v>
      </c>
      <c r="AZ9" s="350">
        <v>773729874</v>
      </c>
      <c r="BA9" s="350">
        <v>490098616</v>
      </c>
      <c r="BB9" s="350">
        <v>442169971</v>
      </c>
      <c r="BC9" s="350">
        <v>414393322</v>
      </c>
      <c r="BD9" s="348">
        <v>2599187088</v>
      </c>
      <c r="BE9" s="352">
        <v>2837576391</v>
      </c>
      <c r="BF9" s="351">
        <v>6200454</v>
      </c>
      <c r="BG9" s="346">
        <v>25443516</v>
      </c>
      <c r="BH9" s="353">
        <v>31643970</v>
      </c>
      <c r="BI9" s="349">
        <v>0</v>
      </c>
      <c r="BJ9" s="350">
        <v>38481311</v>
      </c>
      <c r="BK9" s="350">
        <v>65647952</v>
      </c>
      <c r="BL9" s="350">
        <v>40441130</v>
      </c>
      <c r="BM9" s="350">
        <v>35436589</v>
      </c>
      <c r="BN9" s="350">
        <v>22257966</v>
      </c>
      <c r="BO9" s="348">
        <v>202264948</v>
      </c>
      <c r="BP9" s="347">
        <v>233908918</v>
      </c>
      <c r="BQ9" s="351">
        <v>38264823</v>
      </c>
      <c r="BR9" s="350">
        <v>47860874</v>
      </c>
      <c r="BS9" s="348">
        <v>86125697</v>
      </c>
      <c r="BT9" s="349">
        <v>0</v>
      </c>
      <c r="BU9" s="350">
        <v>267702153</v>
      </c>
      <c r="BV9" s="350">
        <v>340031383</v>
      </c>
      <c r="BW9" s="350">
        <v>304023394</v>
      </c>
      <c r="BX9" s="350">
        <v>301240700</v>
      </c>
      <c r="BY9" s="350">
        <v>229199884</v>
      </c>
      <c r="BZ9" s="348">
        <v>1442197514</v>
      </c>
      <c r="CA9" s="347">
        <v>1528323211</v>
      </c>
      <c r="CB9" s="351">
        <v>39362123</v>
      </c>
      <c r="CC9" s="350">
        <v>117085296</v>
      </c>
      <c r="CD9" s="348">
        <v>156447419</v>
      </c>
      <c r="CE9" s="349">
        <v>0</v>
      </c>
      <c r="CF9" s="350">
        <v>1350117099</v>
      </c>
      <c r="CG9" s="350">
        <v>1827675300</v>
      </c>
      <c r="CH9" s="354">
        <v>1298249623</v>
      </c>
      <c r="CI9" s="350">
        <v>841819887</v>
      </c>
      <c r="CJ9" s="350">
        <v>422132112</v>
      </c>
      <c r="CK9" s="348">
        <v>5739994021</v>
      </c>
      <c r="CL9" s="347">
        <v>5896441440</v>
      </c>
      <c r="CM9" s="342">
        <v>0</v>
      </c>
      <c r="CN9" s="343">
        <v>0</v>
      </c>
      <c r="CO9" s="348">
        <v>0</v>
      </c>
      <c r="CP9" s="349">
        <v>0</v>
      </c>
      <c r="CQ9" s="350">
        <v>1137394762</v>
      </c>
      <c r="CR9" s="350">
        <v>1441380404</v>
      </c>
      <c r="CS9" s="350">
        <v>1017955906</v>
      </c>
      <c r="CT9" s="350">
        <v>646082402</v>
      </c>
      <c r="CU9" s="350">
        <v>341888146</v>
      </c>
      <c r="CV9" s="355">
        <v>4584701620</v>
      </c>
      <c r="CW9" s="347">
        <v>4584701620</v>
      </c>
      <c r="CX9" s="351">
        <v>39362123</v>
      </c>
      <c r="CY9" s="350">
        <v>117085296</v>
      </c>
      <c r="CZ9" s="348">
        <v>156447419</v>
      </c>
      <c r="DA9" s="349">
        <v>0</v>
      </c>
      <c r="DB9" s="350">
        <v>212722337</v>
      </c>
      <c r="DC9" s="350">
        <v>386294896</v>
      </c>
      <c r="DD9" s="350">
        <v>280293717</v>
      </c>
      <c r="DE9" s="350">
        <v>195737485</v>
      </c>
      <c r="DF9" s="350">
        <v>80243966</v>
      </c>
      <c r="DG9" s="348">
        <v>1155292401</v>
      </c>
      <c r="DH9" s="347">
        <v>1311739820</v>
      </c>
      <c r="DI9" s="351">
        <v>1576653</v>
      </c>
      <c r="DJ9" s="350">
        <v>9551475</v>
      </c>
      <c r="DK9" s="353">
        <v>11128128</v>
      </c>
      <c r="DL9" s="349">
        <v>0</v>
      </c>
      <c r="DM9" s="350">
        <v>133935717</v>
      </c>
      <c r="DN9" s="350">
        <v>297133687</v>
      </c>
      <c r="DO9" s="350">
        <v>531520119</v>
      </c>
      <c r="DP9" s="350">
        <v>456327430</v>
      </c>
      <c r="DQ9" s="350">
        <v>255930795</v>
      </c>
      <c r="DR9" s="356">
        <v>1674847748</v>
      </c>
      <c r="DS9" s="347">
        <v>1685975876</v>
      </c>
      <c r="DT9" s="351">
        <v>1465166</v>
      </c>
      <c r="DU9" s="350">
        <v>8731178</v>
      </c>
      <c r="DV9" s="348">
        <v>10196344</v>
      </c>
      <c r="DW9" s="349">
        <v>0</v>
      </c>
      <c r="DX9" s="350">
        <v>121089367</v>
      </c>
      <c r="DY9" s="350">
        <v>261008498</v>
      </c>
      <c r="DZ9" s="350">
        <v>481524605</v>
      </c>
      <c r="EA9" s="350">
        <v>404682711</v>
      </c>
      <c r="EB9" s="350">
        <v>222610333</v>
      </c>
      <c r="EC9" s="348">
        <v>1490915514</v>
      </c>
      <c r="ED9" s="347">
        <v>1501111858</v>
      </c>
      <c r="EE9" s="351">
        <v>111487</v>
      </c>
      <c r="EF9" s="346">
        <v>820297</v>
      </c>
      <c r="EG9" s="348">
        <v>931784</v>
      </c>
      <c r="EH9" s="352">
        <v>0</v>
      </c>
      <c r="EI9" s="350">
        <v>12846350</v>
      </c>
      <c r="EJ9" s="350">
        <v>36125189</v>
      </c>
      <c r="EK9" s="350">
        <v>49995514</v>
      </c>
      <c r="EL9" s="350">
        <v>51644719</v>
      </c>
      <c r="EM9" s="354">
        <v>33320462</v>
      </c>
      <c r="EN9" s="346">
        <v>183932234</v>
      </c>
      <c r="EO9" s="347">
        <v>184864018</v>
      </c>
      <c r="EP9" s="351">
        <v>0</v>
      </c>
      <c r="EQ9" s="350">
        <v>0</v>
      </c>
      <c r="ER9" s="346">
        <v>0</v>
      </c>
      <c r="ES9" s="349">
        <v>0</v>
      </c>
      <c r="ET9" s="350">
        <v>0</v>
      </c>
      <c r="EU9" s="350">
        <v>0</v>
      </c>
      <c r="EV9" s="350">
        <v>0</v>
      </c>
      <c r="EW9" s="350">
        <v>0</v>
      </c>
      <c r="EX9" s="350">
        <v>0</v>
      </c>
      <c r="EY9" s="355">
        <v>0</v>
      </c>
      <c r="EZ9" s="347">
        <v>0</v>
      </c>
      <c r="FA9" s="351">
        <v>0</v>
      </c>
      <c r="FB9" s="350">
        <v>0</v>
      </c>
      <c r="FC9" s="346">
        <v>0</v>
      </c>
      <c r="FD9" s="357">
        <v>0</v>
      </c>
      <c r="FE9" s="350">
        <v>0</v>
      </c>
      <c r="FF9" s="350">
        <v>0</v>
      </c>
      <c r="FG9" s="350">
        <v>0</v>
      </c>
      <c r="FH9" s="350">
        <v>0</v>
      </c>
      <c r="FI9" s="350">
        <v>0</v>
      </c>
      <c r="FJ9" s="355">
        <v>0</v>
      </c>
      <c r="FK9" s="347">
        <v>0</v>
      </c>
      <c r="FL9" s="351">
        <v>91244026</v>
      </c>
      <c r="FM9" s="350">
        <v>191677341</v>
      </c>
      <c r="FN9" s="348">
        <v>282921367</v>
      </c>
      <c r="FO9" s="349">
        <v>0</v>
      </c>
      <c r="FP9" s="350">
        <v>247442494</v>
      </c>
      <c r="FQ9" s="350">
        <v>611212463</v>
      </c>
      <c r="FR9" s="350">
        <v>426742721</v>
      </c>
      <c r="FS9" s="350">
        <v>387954944</v>
      </c>
      <c r="FT9" s="350">
        <v>286324042</v>
      </c>
      <c r="FU9" s="348">
        <v>1959676664</v>
      </c>
      <c r="FV9" s="347">
        <v>2242598031</v>
      </c>
      <c r="FW9" s="351">
        <v>52631804</v>
      </c>
      <c r="FX9" s="350">
        <v>143626558</v>
      </c>
      <c r="FY9" s="346">
        <v>196258362</v>
      </c>
      <c r="FZ9" s="352">
        <v>0</v>
      </c>
      <c r="GA9" s="350">
        <v>192629974</v>
      </c>
      <c r="GB9" s="358">
        <v>562832626</v>
      </c>
      <c r="GC9" s="350">
        <v>397966853</v>
      </c>
      <c r="GD9" s="358">
        <v>363077555</v>
      </c>
      <c r="GE9" s="350">
        <v>275954079</v>
      </c>
      <c r="GF9" s="355">
        <v>1792461087</v>
      </c>
      <c r="GG9" s="359">
        <v>1988719449</v>
      </c>
      <c r="GH9" s="360">
        <v>5830135</v>
      </c>
      <c r="GI9" s="350">
        <v>10422698</v>
      </c>
      <c r="GJ9" s="358">
        <v>16252833</v>
      </c>
      <c r="GK9" s="345">
        <v>0</v>
      </c>
      <c r="GL9" s="350">
        <v>13091425</v>
      </c>
      <c r="GM9" s="346">
        <v>17361734</v>
      </c>
      <c r="GN9" s="350">
        <v>11993442</v>
      </c>
      <c r="GO9" s="346">
        <v>10671752</v>
      </c>
      <c r="GP9" s="350">
        <v>5119553</v>
      </c>
      <c r="GQ9" s="356">
        <v>58237906</v>
      </c>
      <c r="GR9" s="347">
        <v>74490739</v>
      </c>
      <c r="GS9" s="346">
        <v>32782087</v>
      </c>
      <c r="GT9" s="350">
        <v>37628085</v>
      </c>
      <c r="GU9" s="348">
        <v>70410172</v>
      </c>
      <c r="GV9" s="346">
        <v>0</v>
      </c>
      <c r="GW9" s="350">
        <v>41721095</v>
      </c>
      <c r="GX9" s="346">
        <v>31018103</v>
      </c>
      <c r="GY9" s="350">
        <v>16782426</v>
      </c>
      <c r="GZ9" s="346">
        <v>14205637</v>
      </c>
      <c r="HA9" s="350">
        <v>5250410</v>
      </c>
      <c r="HB9" s="346">
        <v>108977671</v>
      </c>
      <c r="HC9" s="347">
        <v>179387843</v>
      </c>
      <c r="HD9" s="346">
        <v>100546053</v>
      </c>
      <c r="HE9" s="350">
        <v>126675550</v>
      </c>
      <c r="HF9" s="346">
        <v>227221603</v>
      </c>
      <c r="HG9" s="352">
        <v>0</v>
      </c>
      <c r="HH9" s="350">
        <v>1051744924</v>
      </c>
      <c r="HI9" s="358">
        <v>1106204040</v>
      </c>
      <c r="HJ9" s="350">
        <v>1040473240</v>
      </c>
      <c r="HK9" s="358">
        <v>1305390608</v>
      </c>
      <c r="HL9" s="350">
        <v>813288718</v>
      </c>
      <c r="HM9" s="355">
        <v>5317101530</v>
      </c>
      <c r="HN9" s="346">
        <v>5544323133</v>
      </c>
      <c r="HO9" s="360">
        <v>72844767</v>
      </c>
      <c r="HP9" s="350">
        <v>146852895</v>
      </c>
      <c r="HQ9" s="355">
        <v>219697662</v>
      </c>
      <c r="HR9" s="346">
        <v>0</v>
      </c>
      <c r="HS9" s="350">
        <v>868717062</v>
      </c>
      <c r="HT9" s="346">
        <v>935961970</v>
      </c>
      <c r="HU9" s="350">
        <v>595015285</v>
      </c>
      <c r="HV9" s="346">
        <v>410328932</v>
      </c>
      <c r="HW9" s="350">
        <v>250695545</v>
      </c>
      <c r="HX9" s="346">
        <v>3060718794</v>
      </c>
      <c r="HY9" s="347">
        <v>3280416456</v>
      </c>
      <c r="HZ9" s="361">
        <v>8728325</v>
      </c>
      <c r="IA9" s="362">
        <v>35872165</v>
      </c>
      <c r="IB9" s="363">
        <v>44600490</v>
      </c>
      <c r="IC9" s="364">
        <v>0</v>
      </c>
      <c r="ID9" s="362">
        <v>1581716767</v>
      </c>
      <c r="IE9" s="365">
        <v>2180699986</v>
      </c>
      <c r="IF9" s="366">
        <v>2296956820</v>
      </c>
      <c r="IG9" s="362">
        <v>1739324365</v>
      </c>
      <c r="IH9" s="366">
        <v>1263678397</v>
      </c>
      <c r="II9" s="367">
        <v>9062376335</v>
      </c>
      <c r="IJ9" s="368">
        <v>9106976825</v>
      </c>
      <c r="IK9" s="369">
        <v>0</v>
      </c>
      <c r="IL9" s="370">
        <v>0</v>
      </c>
      <c r="IM9" s="371">
        <v>0</v>
      </c>
      <c r="IN9" s="372">
        <v>0</v>
      </c>
      <c r="IO9" s="373">
        <v>25521574</v>
      </c>
      <c r="IP9" s="373">
        <v>51955816</v>
      </c>
      <c r="IQ9" s="373">
        <v>66438411</v>
      </c>
      <c r="IR9" s="373">
        <v>108245536</v>
      </c>
      <c r="IS9" s="373">
        <v>112903605</v>
      </c>
      <c r="IT9" s="374">
        <v>365064942</v>
      </c>
      <c r="IU9" s="375">
        <v>365064942</v>
      </c>
      <c r="IV9" s="376">
        <v>0</v>
      </c>
      <c r="IW9" s="373">
        <v>0</v>
      </c>
      <c r="IX9" s="377">
        <v>0</v>
      </c>
      <c r="IY9" s="442">
        <v>0</v>
      </c>
      <c r="IZ9" s="373">
        <v>3813499</v>
      </c>
      <c r="JA9" s="373">
        <v>11112511</v>
      </c>
      <c r="JB9" s="373">
        <v>11409981</v>
      </c>
      <c r="JC9" s="373">
        <v>14162758</v>
      </c>
      <c r="JD9" s="373">
        <v>18552207</v>
      </c>
      <c r="JE9" s="377">
        <v>59050956</v>
      </c>
      <c r="JF9" s="378">
        <v>59050956</v>
      </c>
      <c r="JG9" s="376">
        <v>0</v>
      </c>
      <c r="JH9" s="373">
        <v>0</v>
      </c>
      <c r="JI9" s="374">
        <v>0</v>
      </c>
      <c r="JJ9" s="379">
        <v>0</v>
      </c>
      <c r="JK9" s="373">
        <v>589244463</v>
      </c>
      <c r="JL9" s="373">
        <v>722469287</v>
      </c>
      <c r="JM9" s="373">
        <v>547843154</v>
      </c>
      <c r="JN9" s="373">
        <v>325161647</v>
      </c>
      <c r="JO9" s="373">
        <v>175594874</v>
      </c>
      <c r="JP9" s="377">
        <v>2360313425</v>
      </c>
      <c r="JQ9" s="375">
        <v>2360313425</v>
      </c>
      <c r="JR9" s="376">
        <v>213262</v>
      </c>
      <c r="JS9" s="373">
        <v>369132</v>
      </c>
      <c r="JT9" s="374">
        <v>582394</v>
      </c>
      <c r="JU9" s="379">
        <v>0</v>
      </c>
      <c r="JV9" s="373">
        <v>65743960</v>
      </c>
      <c r="JW9" s="373">
        <v>99241144</v>
      </c>
      <c r="JX9" s="373">
        <v>136892343</v>
      </c>
      <c r="JY9" s="373">
        <v>88259246</v>
      </c>
      <c r="JZ9" s="373">
        <v>69610259</v>
      </c>
      <c r="KA9" s="377">
        <v>459746952</v>
      </c>
      <c r="KB9" s="375">
        <v>460329346</v>
      </c>
      <c r="KC9" s="380">
        <v>8515063</v>
      </c>
      <c r="KD9" s="381">
        <v>25292218</v>
      </c>
      <c r="KE9" s="377">
        <v>33807281</v>
      </c>
      <c r="KF9" s="379">
        <v>0</v>
      </c>
      <c r="KG9" s="373">
        <v>199432967</v>
      </c>
      <c r="KH9" s="373">
        <v>311080381</v>
      </c>
      <c r="KI9" s="373">
        <v>344158194</v>
      </c>
      <c r="KJ9" s="373">
        <v>261288105</v>
      </c>
      <c r="KK9" s="373">
        <v>163342209</v>
      </c>
      <c r="KL9" s="377">
        <v>1279301856</v>
      </c>
      <c r="KM9" s="382">
        <v>1313109137</v>
      </c>
      <c r="KN9" s="369">
        <v>0</v>
      </c>
      <c r="KO9" s="370">
        <v>10210815</v>
      </c>
      <c r="KP9" s="371">
        <v>10210815</v>
      </c>
      <c r="KQ9" s="442">
        <v>0</v>
      </c>
      <c r="KR9" s="373">
        <v>658835559</v>
      </c>
      <c r="KS9" s="373">
        <v>902452611</v>
      </c>
      <c r="KT9" s="373">
        <v>1033043172</v>
      </c>
      <c r="KU9" s="373">
        <v>703601005</v>
      </c>
      <c r="KV9" s="373">
        <v>472771438</v>
      </c>
      <c r="KW9" s="377">
        <v>3770703785</v>
      </c>
      <c r="KX9" s="375">
        <v>3780914600</v>
      </c>
      <c r="KY9" s="376">
        <v>0</v>
      </c>
      <c r="KZ9" s="373">
        <v>0</v>
      </c>
      <c r="LA9" s="377">
        <v>0</v>
      </c>
      <c r="LB9" s="442">
        <v>0</v>
      </c>
      <c r="LC9" s="373">
        <v>6777250</v>
      </c>
      <c r="LD9" s="373">
        <v>7403171</v>
      </c>
      <c r="LE9" s="373">
        <v>11378732</v>
      </c>
      <c r="LF9" s="373">
        <v>14171370</v>
      </c>
      <c r="LG9" s="373">
        <v>12953217</v>
      </c>
      <c r="LH9" s="377">
        <v>52683740</v>
      </c>
      <c r="LI9" s="378">
        <v>52683740</v>
      </c>
      <c r="LJ9" s="376">
        <v>0</v>
      </c>
      <c r="LK9" s="373">
        <v>0</v>
      </c>
      <c r="LL9" s="377">
        <v>0</v>
      </c>
      <c r="LM9" s="442">
        <v>0</v>
      </c>
      <c r="LN9" s="373">
        <v>1231924</v>
      </c>
      <c r="LO9" s="373">
        <v>8588768</v>
      </c>
      <c r="LP9" s="373">
        <v>58185232</v>
      </c>
      <c r="LQ9" s="373">
        <v>97020012</v>
      </c>
      <c r="LR9" s="373">
        <v>74685463</v>
      </c>
      <c r="LS9" s="377">
        <v>239711399</v>
      </c>
      <c r="LT9" s="375">
        <v>239711399</v>
      </c>
      <c r="LU9" s="376">
        <v>0</v>
      </c>
      <c r="LV9" s="373">
        <v>0</v>
      </c>
      <c r="LW9" s="377">
        <v>0</v>
      </c>
      <c r="LX9" s="442">
        <v>0</v>
      </c>
      <c r="LY9" s="373">
        <v>31115571</v>
      </c>
      <c r="LZ9" s="373">
        <v>66396297</v>
      </c>
      <c r="MA9" s="373">
        <v>87607601</v>
      </c>
      <c r="MB9" s="373">
        <v>127414686</v>
      </c>
      <c r="MC9" s="373">
        <v>163265125</v>
      </c>
      <c r="MD9" s="377">
        <v>475799280</v>
      </c>
      <c r="ME9" s="378">
        <v>475799280</v>
      </c>
      <c r="MF9" s="376">
        <v>0</v>
      </c>
      <c r="MG9" s="373">
        <v>0</v>
      </c>
      <c r="MH9" s="377">
        <v>0</v>
      </c>
      <c r="MI9" s="442">
        <v>0</v>
      </c>
      <c r="MJ9" s="373">
        <v>551922208</v>
      </c>
      <c r="MK9" s="373">
        <v>1390029930</v>
      </c>
      <c r="ML9" s="373">
        <v>4148717986</v>
      </c>
      <c r="MM9" s="373">
        <v>6291160487</v>
      </c>
      <c r="MN9" s="373">
        <v>4332149044</v>
      </c>
      <c r="MO9" s="377">
        <v>16713979655</v>
      </c>
      <c r="MP9" s="382">
        <v>16713979655</v>
      </c>
      <c r="MQ9" s="376">
        <v>0</v>
      </c>
      <c r="MR9" s="373">
        <v>0</v>
      </c>
      <c r="MS9" s="377">
        <v>0</v>
      </c>
      <c r="MT9" s="442">
        <v>0</v>
      </c>
      <c r="MU9" s="373">
        <v>110159775</v>
      </c>
      <c r="MV9" s="373">
        <v>418979472</v>
      </c>
      <c r="MW9" s="373">
        <v>2694598624</v>
      </c>
      <c r="MX9" s="373">
        <v>4255384410</v>
      </c>
      <c r="MY9" s="373">
        <v>3085931098</v>
      </c>
      <c r="MZ9" s="377">
        <v>10565053379</v>
      </c>
      <c r="NA9" s="382">
        <v>10565053379</v>
      </c>
      <c r="NB9" s="376">
        <v>0</v>
      </c>
      <c r="NC9" s="373">
        <v>0</v>
      </c>
      <c r="ND9" s="377">
        <v>0</v>
      </c>
      <c r="NE9" s="442">
        <v>0</v>
      </c>
      <c r="NF9" s="373">
        <v>438233601</v>
      </c>
      <c r="NG9" s="373">
        <v>962849801</v>
      </c>
      <c r="NH9" s="373">
        <v>1430345733</v>
      </c>
      <c r="NI9" s="373">
        <v>1884788313</v>
      </c>
      <c r="NJ9" s="373">
        <v>1030733565</v>
      </c>
      <c r="NK9" s="377">
        <v>5746951013</v>
      </c>
      <c r="NL9" s="375">
        <v>5746951013</v>
      </c>
      <c r="NM9" s="376">
        <v>0</v>
      </c>
      <c r="NN9" s="373">
        <v>0</v>
      </c>
      <c r="NO9" s="377">
        <v>0</v>
      </c>
      <c r="NP9" s="442">
        <v>0</v>
      </c>
      <c r="NQ9" s="373">
        <v>0</v>
      </c>
      <c r="NR9" s="373">
        <v>0</v>
      </c>
      <c r="NS9" s="373">
        <v>845711</v>
      </c>
      <c r="NT9" s="373">
        <v>17448518</v>
      </c>
      <c r="NU9" s="373">
        <v>25000494</v>
      </c>
      <c r="NV9" s="377">
        <v>43294723</v>
      </c>
      <c r="NW9" s="378">
        <v>43294723</v>
      </c>
      <c r="NX9" s="376">
        <v>0</v>
      </c>
      <c r="NY9" s="373">
        <v>0</v>
      </c>
      <c r="NZ9" s="377">
        <v>0</v>
      </c>
      <c r="OA9" s="442">
        <v>0</v>
      </c>
      <c r="OB9" s="373">
        <v>3528832</v>
      </c>
      <c r="OC9" s="373">
        <v>8200657</v>
      </c>
      <c r="OD9" s="373">
        <v>22927918</v>
      </c>
      <c r="OE9" s="373">
        <v>133539246</v>
      </c>
      <c r="OF9" s="373">
        <v>190483887</v>
      </c>
      <c r="OG9" s="377">
        <v>358680540</v>
      </c>
      <c r="OH9" s="378">
        <v>358680540</v>
      </c>
      <c r="OI9" s="376">
        <v>413566764</v>
      </c>
      <c r="OJ9" s="373">
        <v>885284755</v>
      </c>
      <c r="OK9" s="374">
        <v>1298851519</v>
      </c>
      <c r="OL9" s="379">
        <v>0</v>
      </c>
      <c r="OM9" s="373">
        <v>7273408482</v>
      </c>
      <c r="ON9" s="373">
        <v>10694830048</v>
      </c>
      <c r="OO9" s="373">
        <v>12348905124</v>
      </c>
      <c r="OP9" s="373">
        <v>13646262400</v>
      </c>
      <c r="OQ9" s="373">
        <v>9842228060</v>
      </c>
      <c r="OR9" s="377">
        <v>53805634114</v>
      </c>
      <c r="OS9" s="382">
        <v>55104485633</v>
      </c>
    </row>
    <row r="10" spans="1:409" s="383" customFormat="1" ht="21" customHeight="1" x14ac:dyDescent="0.2">
      <c r="A10" s="39"/>
      <c r="B10" s="436" t="s">
        <v>5</v>
      </c>
      <c r="C10" s="384">
        <v>161731237</v>
      </c>
      <c r="D10" s="385">
        <v>404444620</v>
      </c>
      <c r="E10" s="386">
        <v>566175857</v>
      </c>
      <c r="F10" s="387">
        <v>0</v>
      </c>
      <c r="G10" s="385">
        <v>1765749728</v>
      </c>
      <c r="H10" s="385">
        <v>3200571163</v>
      </c>
      <c r="I10" s="385">
        <v>2402643692</v>
      </c>
      <c r="J10" s="385">
        <v>2261189766</v>
      </c>
      <c r="K10" s="385">
        <v>1723103357</v>
      </c>
      <c r="L10" s="387">
        <v>11353257706</v>
      </c>
      <c r="M10" s="388">
        <v>11919433563</v>
      </c>
      <c r="N10" s="384">
        <v>43622800</v>
      </c>
      <c r="O10" s="385">
        <v>140486599</v>
      </c>
      <c r="P10" s="386">
        <v>184109399</v>
      </c>
      <c r="Q10" s="384">
        <v>0</v>
      </c>
      <c r="R10" s="385">
        <v>524924006</v>
      </c>
      <c r="S10" s="385">
        <v>1105147818</v>
      </c>
      <c r="T10" s="385">
        <v>841651147</v>
      </c>
      <c r="U10" s="385">
        <v>879249124</v>
      </c>
      <c r="V10" s="385">
        <v>902759564</v>
      </c>
      <c r="W10" s="386">
        <v>4253731659</v>
      </c>
      <c r="X10" s="388">
        <v>4437841058</v>
      </c>
      <c r="Y10" s="384">
        <v>0</v>
      </c>
      <c r="Z10" s="385">
        <v>0</v>
      </c>
      <c r="AA10" s="386">
        <v>0</v>
      </c>
      <c r="AB10" s="384">
        <v>0</v>
      </c>
      <c r="AC10" s="385">
        <v>236919039</v>
      </c>
      <c r="AD10" s="385">
        <v>510809902</v>
      </c>
      <c r="AE10" s="385">
        <v>429511613</v>
      </c>
      <c r="AF10" s="385">
        <v>479147144</v>
      </c>
      <c r="AG10" s="385">
        <v>505307787</v>
      </c>
      <c r="AH10" s="386">
        <v>2161695485</v>
      </c>
      <c r="AI10" s="388">
        <v>2161695485</v>
      </c>
      <c r="AJ10" s="384">
        <v>18494</v>
      </c>
      <c r="AK10" s="385">
        <v>293081</v>
      </c>
      <c r="AL10" s="386">
        <v>311575</v>
      </c>
      <c r="AM10" s="384">
        <v>0</v>
      </c>
      <c r="AN10" s="385">
        <v>1300442</v>
      </c>
      <c r="AO10" s="385">
        <v>8492591</v>
      </c>
      <c r="AP10" s="385">
        <v>20012082</v>
      </c>
      <c r="AQ10" s="385">
        <v>49449393</v>
      </c>
      <c r="AR10" s="385">
        <v>107333216</v>
      </c>
      <c r="AS10" s="386">
        <v>186587724</v>
      </c>
      <c r="AT10" s="388">
        <v>186899299</v>
      </c>
      <c r="AU10" s="384">
        <v>25093385</v>
      </c>
      <c r="AV10" s="385">
        <v>102600577</v>
      </c>
      <c r="AW10" s="386">
        <v>127693962</v>
      </c>
      <c r="AX10" s="384">
        <v>0</v>
      </c>
      <c r="AY10" s="385">
        <v>175413504</v>
      </c>
      <c r="AZ10" s="385">
        <v>407659536</v>
      </c>
      <c r="BA10" s="385">
        <v>249883635</v>
      </c>
      <c r="BB10" s="385">
        <v>211213322</v>
      </c>
      <c r="BC10" s="385">
        <v>187075491</v>
      </c>
      <c r="BD10" s="386">
        <v>1231245488</v>
      </c>
      <c r="BE10" s="388">
        <v>1358939450</v>
      </c>
      <c r="BF10" s="384">
        <v>2162635</v>
      </c>
      <c r="BG10" s="385">
        <v>13333723</v>
      </c>
      <c r="BH10" s="389">
        <v>15496358</v>
      </c>
      <c r="BI10" s="390">
        <v>0</v>
      </c>
      <c r="BJ10" s="385">
        <v>9148380</v>
      </c>
      <c r="BK10" s="385">
        <v>26226812</v>
      </c>
      <c r="BL10" s="385">
        <v>16326216</v>
      </c>
      <c r="BM10" s="385">
        <v>14489838</v>
      </c>
      <c r="BN10" s="385">
        <v>8724009</v>
      </c>
      <c r="BO10" s="386">
        <v>74915255</v>
      </c>
      <c r="BP10" s="388">
        <v>90411613</v>
      </c>
      <c r="BQ10" s="384">
        <v>16348286</v>
      </c>
      <c r="BR10" s="385">
        <v>24259218</v>
      </c>
      <c r="BS10" s="386">
        <v>40607504</v>
      </c>
      <c r="BT10" s="384">
        <v>0</v>
      </c>
      <c r="BU10" s="385">
        <v>102142641</v>
      </c>
      <c r="BV10" s="385">
        <v>151958977</v>
      </c>
      <c r="BW10" s="385">
        <v>125917601</v>
      </c>
      <c r="BX10" s="385">
        <v>124949427</v>
      </c>
      <c r="BY10" s="385">
        <v>94319061</v>
      </c>
      <c r="BZ10" s="386">
        <v>599287707</v>
      </c>
      <c r="CA10" s="388">
        <v>639895211</v>
      </c>
      <c r="CB10" s="384">
        <v>17751393</v>
      </c>
      <c r="CC10" s="385">
        <v>56655054</v>
      </c>
      <c r="CD10" s="386">
        <v>74406447</v>
      </c>
      <c r="CE10" s="384">
        <v>0</v>
      </c>
      <c r="CF10" s="385">
        <v>423258855</v>
      </c>
      <c r="CG10" s="385">
        <v>758326031</v>
      </c>
      <c r="CH10" s="385">
        <v>485941847</v>
      </c>
      <c r="CI10" s="385">
        <v>307400358</v>
      </c>
      <c r="CJ10" s="385">
        <v>155789239</v>
      </c>
      <c r="CK10" s="386">
        <v>2130716330</v>
      </c>
      <c r="CL10" s="388">
        <v>2205122777</v>
      </c>
      <c r="CM10" s="384">
        <v>0</v>
      </c>
      <c r="CN10" s="385">
        <v>0</v>
      </c>
      <c r="CO10" s="386">
        <v>0</v>
      </c>
      <c r="CP10" s="390">
        <v>0</v>
      </c>
      <c r="CQ10" s="385">
        <v>359108219</v>
      </c>
      <c r="CR10" s="385">
        <v>584638136</v>
      </c>
      <c r="CS10" s="385">
        <v>362126947</v>
      </c>
      <c r="CT10" s="385">
        <v>218407521</v>
      </c>
      <c r="CU10" s="385">
        <v>120882396</v>
      </c>
      <c r="CV10" s="386">
        <v>1645163219</v>
      </c>
      <c r="CW10" s="388">
        <v>1645163219</v>
      </c>
      <c r="CX10" s="384">
        <v>17751393</v>
      </c>
      <c r="CY10" s="385">
        <v>56655054</v>
      </c>
      <c r="CZ10" s="386">
        <v>74406447</v>
      </c>
      <c r="DA10" s="384">
        <v>0</v>
      </c>
      <c r="DB10" s="385">
        <v>64150636</v>
      </c>
      <c r="DC10" s="385">
        <v>173687895</v>
      </c>
      <c r="DD10" s="385">
        <v>123814900</v>
      </c>
      <c r="DE10" s="385">
        <v>88992837</v>
      </c>
      <c r="DF10" s="385">
        <v>34906843</v>
      </c>
      <c r="DG10" s="386">
        <v>485553111</v>
      </c>
      <c r="DH10" s="388">
        <v>559959558</v>
      </c>
      <c r="DI10" s="384">
        <v>499375</v>
      </c>
      <c r="DJ10" s="385">
        <v>4474466</v>
      </c>
      <c r="DK10" s="389">
        <v>4973841</v>
      </c>
      <c r="DL10" s="390">
        <v>0</v>
      </c>
      <c r="DM10" s="385">
        <v>40812059</v>
      </c>
      <c r="DN10" s="385">
        <v>123504813</v>
      </c>
      <c r="DO10" s="385">
        <v>206262120</v>
      </c>
      <c r="DP10" s="385">
        <v>175902944</v>
      </c>
      <c r="DQ10" s="385">
        <v>103939735</v>
      </c>
      <c r="DR10" s="386">
        <v>650421671</v>
      </c>
      <c r="DS10" s="388">
        <v>655395512</v>
      </c>
      <c r="DT10" s="384">
        <v>424471</v>
      </c>
      <c r="DU10" s="385">
        <v>4074098</v>
      </c>
      <c r="DV10" s="386">
        <v>4498569</v>
      </c>
      <c r="DW10" s="384">
        <v>0</v>
      </c>
      <c r="DX10" s="385">
        <v>35280901</v>
      </c>
      <c r="DY10" s="385">
        <v>101321838</v>
      </c>
      <c r="DZ10" s="385">
        <v>179842177</v>
      </c>
      <c r="EA10" s="385">
        <v>146395173</v>
      </c>
      <c r="EB10" s="385">
        <v>84056145</v>
      </c>
      <c r="EC10" s="386">
        <v>546896234</v>
      </c>
      <c r="ED10" s="388">
        <v>551394803</v>
      </c>
      <c r="EE10" s="384">
        <v>74904</v>
      </c>
      <c r="EF10" s="389">
        <v>400368</v>
      </c>
      <c r="EG10" s="386">
        <v>475272</v>
      </c>
      <c r="EH10" s="384">
        <v>0</v>
      </c>
      <c r="EI10" s="385">
        <v>5531158</v>
      </c>
      <c r="EJ10" s="385">
        <v>22182975</v>
      </c>
      <c r="EK10" s="385">
        <v>26419943</v>
      </c>
      <c r="EL10" s="385">
        <v>29507771</v>
      </c>
      <c r="EM10" s="385">
        <v>19883590</v>
      </c>
      <c r="EN10" s="389">
        <v>103525437</v>
      </c>
      <c r="EO10" s="388">
        <v>104000709</v>
      </c>
      <c r="EP10" s="384">
        <v>0</v>
      </c>
      <c r="EQ10" s="385">
        <v>0</v>
      </c>
      <c r="ER10" s="389">
        <v>0</v>
      </c>
      <c r="ES10" s="390">
        <v>0</v>
      </c>
      <c r="ET10" s="385">
        <v>0</v>
      </c>
      <c r="EU10" s="385">
        <v>0</v>
      </c>
      <c r="EV10" s="385">
        <v>0</v>
      </c>
      <c r="EW10" s="385">
        <v>0</v>
      </c>
      <c r="EX10" s="385">
        <v>0</v>
      </c>
      <c r="EY10" s="386">
        <v>0</v>
      </c>
      <c r="EZ10" s="388">
        <v>0</v>
      </c>
      <c r="FA10" s="384">
        <v>0</v>
      </c>
      <c r="FB10" s="385">
        <v>0</v>
      </c>
      <c r="FC10" s="389">
        <v>0</v>
      </c>
      <c r="FD10" s="391">
        <v>0</v>
      </c>
      <c r="FE10" s="385">
        <v>0</v>
      </c>
      <c r="FF10" s="385">
        <v>0</v>
      </c>
      <c r="FG10" s="385">
        <v>0</v>
      </c>
      <c r="FH10" s="385">
        <v>0</v>
      </c>
      <c r="FI10" s="385">
        <v>0</v>
      </c>
      <c r="FJ10" s="386">
        <v>0</v>
      </c>
      <c r="FK10" s="388">
        <v>0</v>
      </c>
      <c r="FL10" s="384">
        <v>30236139</v>
      </c>
      <c r="FM10" s="385">
        <v>76344882</v>
      </c>
      <c r="FN10" s="386">
        <v>106581021</v>
      </c>
      <c r="FO10" s="384">
        <v>0</v>
      </c>
      <c r="FP10" s="385">
        <v>61537712</v>
      </c>
      <c r="FQ10" s="385">
        <v>248832592</v>
      </c>
      <c r="FR10" s="385">
        <v>161526057</v>
      </c>
      <c r="FS10" s="385">
        <v>144470365</v>
      </c>
      <c r="FT10" s="385">
        <v>109201463</v>
      </c>
      <c r="FU10" s="386">
        <v>725568189</v>
      </c>
      <c r="FV10" s="388">
        <v>832149210</v>
      </c>
      <c r="FW10" s="392">
        <v>15492633</v>
      </c>
      <c r="FX10" s="385">
        <v>57111547</v>
      </c>
      <c r="FY10" s="389">
        <v>72604180</v>
      </c>
      <c r="FZ10" s="390">
        <v>0</v>
      </c>
      <c r="GA10" s="385">
        <v>45502562</v>
      </c>
      <c r="GB10" s="385">
        <v>227257549</v>
      </c>
      <c r="GC10" s="385">
        <v>150826393</v>
      </c>
      <c r="GD10" s="385">
        <v>133629556</v>
      </c>
      <c r="GE10" s="385">
        <v>104593458</v>
      </c>
      <c r="GF10" s="386">
        <v>661809518</v>
      </c>
      <c r="GG10" s="393">
        <v>734413698</v>
      </c>
      <c r="GH10" s="392">
        <v>1928045</v>
      </c>
      <c r="GI10" s="385">
        <v>4489287</v>
      </c>
      <c r="GJ10" s="389">
        <v>6417332</v>
      </c>
      <c r="GK10" s="390">
        <v>0</v>
      </c>
      <c r="GL10" s="385">
        <v>3776759</v>
      </c>
      <c r="GM10" s="385">
        <v>7403139</v>
      </c>
      <c r="GN10" s="385">
        <v>4283961</v>
      </c>
      <c r="GO10" s="385">
        <v>4418959</v>
      </c>
      <c r="GP10" s="385">
        <v>2076650</v>
      </c>
      <c r="GQ10" s="386">
        <v>21959468</v>
      </c>
      <c r="GR10" s="388">
        <v>28376800</v>
      </c>
      <c r="GS10" s="384">
        <v>12815461</v>
      </c>
      <c r="GT10" s="385">
        <v>14744048</v>
      </c>
      <c r="GU10" s="386">
        <v>27559509</v>
      </c>
      <c r="GV10" s="384">
        <v>0</v>
      </c>
      <c r="GW10" s="385">
        <v>12258391</v>
      </c>
      <c r="GX10" s="385">
        <v>14171904</v>
      </c>
      <c r="GY10" s="385">
        <v>6415703</v>
      </c>
      <c r="GZ10" s="385">
        <v>6421850</v>
      </c>
      <c r="HA10" s="385">
        <v>2531355</v>
      </c>
      <c r="HB10" s="389">
        <v>41799203</v>
      </c>
      <c r="HC10" s="388">
        <v>69358712</v>
      </c>
      <c r="HD10" s="384">
        <v>42604487</v>
      </c>
      <c r="HE10" s="385">
        <v>59667981</v>
      </c>
      <c r="HF10" s="389">
        <v>102272468</v>
      </c>
      <c r="HG10" s="390">
        <v>0</v>
      </c>
      <c r="HH10" s="385">
        <v>426446012</v>
      </c>
      <c r="HI10" s="385">
        <v>531762796</v>
      </c>
      <c r="HJ10" s="385">
        <v>453707027</v>
      </c>
      <c r="HK10" s="385">
        <v>584731875</v>
      </c>
      <c r="HL10" s="385">
        <v>347185391</v>
      </c>
      <c r="HM10" s="386">
        <v>2343833101</v>
      </c>
      <c r="HN10" s="387">
        <v>2446105569</v>
      </c>
      <c r="HO10" s="392">
        <v>27017043</v>
      </c>
      <c r="HP10" s="385">
        <v>66815638</v>
      </c>
      <c r="HQ10" s="386">
        <v>93832681</v>
      </c>
      <c r="HR10" s="384">
        <v>0</v>
      </c>
      <c r="HS10" s="385">
        <v>288771084</v>
      </c>
      <c r="HT10" s="385">
        <v>432997113</v>
      </c>
      <c r="HU10" s="385">
        <v>253555494</v>
      </c>
      <c r="HV10" s="385">
        <v>169435100</v>
      </c>
      <c r="HW10" s="385">
        <v>104227965</v>
      </c>
      <c r="HX10" s="389">
        <v>1248986756</v>
      </c>
      <c r="HY10" s="388">
        <v>1342819437</v>
      </c>
      <c r="HZ10" s="394">
        <v>3788164</v>
      </c>
      <c r="IA10" s="395">
        <v>14560407</v>
      </c>
      <c r="IB10" s="396">
        <v>18348571</v>
      </c>
      <c r="IC10" s="397">
        <v>0</v>
      </c>
      <c r="ID10" s="398">
        <v>636358802</v>
      </c>
      <c r="IE10" s="399">
        <v>982821425</v>
      </c>
      <c r="IF10" s="400">
        <v>992274900</v>
      </c>
      <c r="IG10" s="398">
        <v>743505873</v>
      </c>
      <c r="IH10" s="400">
        <v>558900834</v>
      </c>
      <c r="II10" s="401">
        <v>3913861834</v>
      </c>
      <c r="IJ10" s="402">
        <v>3932210405</v>
      </c>
      <c r="IK10" s="403">
        <v>0</v>
      </c>
      <c r="IL10" s="404">
        <v>0</v>
      </c>
      <c r="IM10" s="405">
        <v>0</v>
      </c>
      <c r="IN10" s="406">
        <v>0</v>
      </c>
      <c r="IO10" s="407">
        <v>10759900</v>
      </c>
      <c r="IP10" s="407">
        <v>24983342</v>
      </c>
      <c r="IQ10" s="407">
        <v>35169319</v>
      </c>
      <c r="IR10" s="407">
        <v>52961690</v>
      </c>
      <c r="IS10" s="407">
        <v>53014013</v>
      </c>
      <c r="IT10" s="408">
        <v>176888264</v>
      </c>
      <c r="IU10" s="409">
        <v>176888264</v>
      </c>
      <c r="IV10" s="410">
        <v>0</v>
      </c>
      <c r="IW10" s="407">
        <v>0</v>
      </c>
      <c r="IX10" s="411">
        <v>0</v>
      </c>
      <c r="IY10" s="443">
        <v>0</v>
      </c>
      <c r="IZ10" s="407">
        <v>1907456</v>
      </c>
      <c r="JA10" s="407">
        <v>8169499</v>
      </c>
      <c r="JB10" s="407">
        <v>8657519</v>
      </c>
      <c r="JC10" s="407">
        <v>10343074</v>
      </c>
      <c r="JD10" s="407">
        <v>14337148</v>
      </c>
      <c r="JE10" s="411">
        <v>43414696</v>
      </c>
      <c r="JF10" s="412">
        <v>43414696</v>
      </c>
      <c r="JG10" s="410">
        <v>0</v>
      </c>
      <c r="JH10" s="407">
        <v>0</v>
      </c>
      <c r="JI10" s="408">
        <v>0</v>
      </c>
      <c r="JJ10" s="413">
        <v>0</v>
      </c>
      <c r="JK10" s="407">
        <v>205741313</v>
      </c>
      <c r="JL10" s="407">
        <v>343570347</v>
      </c>
      <c r="JM10" s="407">
        <v>259961396</v>
      </c>
      <c r="JN10" s="407">
        <v>152161137</v>
      </c>
      <c r="JO10" s="407">
        <v>82538000</v>
      </c>
      <c r="JP10" s="411">
        <v>1043972193</v>
      </c>
      <c r="JQ10" s="409">
        <v>1043972193</v>
      </c>
      <c r="JR10" s="410">
        <v>108077</v>
      </c>
      <c r="JS10" s="407">
        <v>64617</v>
      </c>
      <c r="JT10" s="408">
        <v>172694</v>
      </c>
      <c r="JU10" s="413">
        <v>0</v>
      </c>
      <c r="JV10" s="407">
        <v>34572162</v>
      </c>
      <c r="JW10" s="407">
        <v>51671462</v>
      </c>
      <c r="JX10" s="407">
        <v>72702464</v>
      </c>
      <c r="JY10" s="407">
        <v>51830290</v>
      </c>
      <c r="JZ10" s="407">
        <v>37262364</v>
      </c>
      <c r="KA10" s="411">
        <v>248038742</v>
      </c>
      <c r="KB10" s="409">
        <v>248211436</v>
      </c>
      <c r="KC10" s="414">
        <v>3680087</v>
      </c>
      <c r="KD10" s="415">
        <v>10553649</v>
      </c>
      <c r="KE10" s="411">
        <v>14233736</v>
      </c>
      <c r="KF10" s="413">
        <v>0</v>
      </c>
      <c r="KG10" s="407">
        <v>78172838</v>
      </c>
      <c r="KH10" s="407">
        <v>140282077</v>
      </c>
      <c r="KI10" s="407">
        <v>141142858</v>
      </c>
      <c r="KJ10" s="407">
        <v>123507131</v>
      </c>
      <c r="KK10" s="407">
        <v>79802051</v>
      </c>
      <c r="KL10" s="411">
        <v>562906955</v>
      </c>
      <c r="KM10" s="416">
        <v>577140691</v>
      </c>
      <c r="KN10" s="403">
        <v>0</v>
      </c>
      <c r="KO10" s="404">
        <v>3942141</v>
      </c>
      <c r="KP10" s="405">
        <v>3942141</v>
      </c>
      <c r="KQ10" s="443">
        <v>0</v>
      </c>
      <c r="KR10" s="407">
        <v>300385874</v>
      </c>
      <c r="KS10" s="407">
        <v>394782744</v>
      </c>
      <c r="KT10" s="407">
        <v>448042931</v>
      </c>
      <c r="KU10" s="407">
        <v>306510720</v>
      </c>
      <c r="KV10" s="407">
        <v>214937940</v>
      </c>
      <c r="KW10" s="411">
        <v>1664660209</v>
      </c>
      <c r="KX10" s="409">
        <v>1668602350</v>
      </c>
      <c r="KY10" s="410">
        <v>0</v>
      </c>
      <c r="KZ10" s="407">
        <v>0</v>
      </c>
      <c r="LA10" s="411">
        <v>0</v>
      </c>
      <c r="LB10" s="443">
        <v>0</v>
      </c>
      <c r="LC10" s="407">
        <v>0</v>
      </c>
      <c r="LD10" s="407">
        <v>394158</v>
      </c>
      <c r="LE10" s="407">
        <v>1098665</v>
      </c>
      <c r="LF10" s="407">
        <v>0</v>
      </c>
      <c r="LG10" s="407">
        <v>1196675</v>
      </c>
      <c r="LH10" s="411">
        <v>2689498</v>
      </c>
      <c r="LI10" s="412">
        <v>2689498</v>
      </c>
      <c r="LJ10" s="410">
        <v>0</v>
      </c>
      <c r="LK10" s="407">
        <v>0</v>
      </c>
      <c r="LL10" s="411">
        <v>0</v>
      </c>
      <c r="LM10" s="443">
        <v>0</v>
      </c>
      <c r="LN10" s="407">
        <v>804244</v>
      </c>
      <c r="LO10" s="407">
        <v>3029126</v>
      </c>
      <c r="LP10" s="407">
        <v>6684122</v>
      </c>
      <c r="LQ10" s="407">
        <v>12175083</v>
      </c>
      <c r="LR10" s="407">
        <v>12846588</v>
      </c>
      <c r="LS10" s="411">
        <v>35539163</v>
      </c>
      <c r="LT10" s="409">
        <v>35539163</v>
      </c>
      <c r="LU10" s="410">
        <v>0</v>
      </c>
      <c r="LV10" s="407">
        <v>0</v>
      </c>
      <c r="LW10" s="411">
        <v>0</v>
      </c>
      <c r="LX10" s="443">
        <v>0</v>
      </c>
      <c r="LY10" s="407">
        <v>4015015</v>
      </c>
      <c r="LZ10" s="407">
        <v>15938670</v>
      </c>
      <c r="MA10" s="407">
        <v>18815626</v>
      </c>
      <c r="MB10" s="407">
        <v>34016748</v>
      </c>
      <c r="MC10" s="407">
        <v>62966055</v>
      </c>
      <c r="MD10" s="411">
        <v>135752114</v>
      </c>
      <c r="ME10" s="412">
        <v>135752114</v>
      </c>
      <c r="MF10" s="410">
        <v>0</v>
      </c>
      <c r="MG10" s="407">
        <v>0</v>
      </c>
      <c r="MH10" s="411">
        <v>0</v>
      </c>
      <c r="MI10" s="443">
        <v>0</v>
      </c>
      <c r="MJ10" s="407">
        <v>226156061</v>
      </c>
      <c r="MK10" s="407">
        <v>737049705</v>
      </c>
      <c r="ML10" s="407">
        <v>1848473984</v>
      </c>
      <c r="MM10" s="407">
        <v>2721049052</v>
      </c>
      <c r="MN10" s="407">
        <v>1862632133</v>
      </c>
      <c r="MO10" s="411">
        <v>7395360935</v>
      </c>
      <c r="MP10" s="416">
        <v>7395360935</v>
      </c>
      <c r="MQ10" s="410">
        <v>0</v>
      </c>
      <c r="MR10" s="407">
        <v>0</v>
      </c>
      <c r="MS10" s="411">
        <v>0</v>
      </c>
      <c r="MT10" s="443">
        <v>0</v>
      </c>
      <c r="MU10" s="407">
        <v>63696568</v>
      </c>
      <c r="MV10" s="407">
        <v>283864152</v>
      </c>
      <c r="MW10" s="407">
        <v>1215601260</v>
      </c>
      <c r="MX10" s="407">
        <v>1814671234</v>
      </c>
      <c r="MY10" s="407">
        <v>1316458000</v>
      </c>
      <c r="MZ10" s="411">
        <v>4694291214</v>
      </c>
      <c r="NA10" s="416">
        <v>4694291214</v>
      </c>
      <c r="NB10" s="410">
        <v>0</v>
      </c>
      <c r="NC10" s="407">
        <v>0</v>
      </c>
      <c r="ND10" s="411">
        <v>0</v>
      </c>
      <c r="NE10" s="443">
        <v>0</v>
      </c>
      <c r="NF10" s="407">
        <v>162207673</v>
      </c>
      <c r="NG10" s="407">
        <v>452003764</v>
      </c>
      <c r="NH10" s="407">
        <v>629575137</v>
      </c>
      <c r="NI10" s="407">
        <v>864563304</v>
      </c>
      <c r="NJ10" s="407">
        <v>488102537</v>
      </c>
      <c r="NK10" s="411">
        <v>2596452415</v>
      </c>
      <c r="NL10" s="409">
        <v>2596452415</v>
      </c>
      <c r="NM10" s="410">
        <v>0</v>
      </c>
      <c r="NN10" s="407">
        <v>0</v>
      </c>
      <c r="NO10" s="411">
        <v>0</v>
      </c>
      <c r="NP10" s="443">
        <v>0</v>
      </c>
      <c r="NQ10" s="407">
        <v>0</v>
      </c>
      <c r="NR10" s="407">
        <v>0</v>
      </c>
      <c r="NS10" s="407">
        <v>0</v>
      </c>
      <c r="NT10" s="407">
        <v>4318282</v>
      </c>
      <c r="NU10" s="407">
        <v>8543616</v>
      </c>
      <c r="NV10" s="411">
        <v>12861898</v>
      </c>
      <c r="NW10" s="412">
        <v>12861898</v>
      </c>
      <c r="NX10" s="410">
        <v>0</v>
      </c>
      <c r="NY10" s="407">
        <v>0</v>
      </c>
      <c r="NZ10" s="411">
        <v>0</v>
      </c>
      <c r="OA10" s="443">
        <v>0</v>
      </c>
      <c r="OB10" s="407">
        <v>251820</v>
      </c>
      <c r="OC10" s="407">
        <v>1181789</v>
      </c>
      <c r="OD10" s="407">
        <v>3297587</v>
      </c>
      <c r="OE10" s="407">
        <v>37496232</v>
      </c>
      <c r="OF10" s="407">
        <v>49527980</v>
      </c>
      <c r="OG10" s="411">
        <v>91755408</v>
      </c>
      <c r="OH10" s="412">
        <v>91755408</v>
      </c>
      <c r="OI10" s="410">
        <v>165519401</v>
      </c>
      <c r="OJ10" s="407">
        <v>419005027</v>
      </c>
      <c r="OK10" s="408">
        <v>584524428</v>
      </c>
      <c r="OL10" s="413">
        <v>0</v>
      </c>
      <c r="OM10" s="407">
        <v>2628264591</v>
      </c>
      <c r="ON10" s="407">
        <v>4920442293</v>
      </c>
      <c r="OO10" s="407">
        <v>5243392576</v>
      </c>
      <c r="OP10" s="407">
        <v>5725744691</v>
      </c>
      <c r="OQ10" s="407">
        <v>4144636324</v>
      </c>
      <c r="OR10" s="411">
        <v>22662480475</v>
      </c>
      <c r="OS10" s="416">
        <v>23247004903</v>
      </c>
    </row>
    <row r="11" spans="1:409" ht="21" customHeight="1" x14ac:dyDescent="0.2">
      <c r="B11" s="437" t="s">
        <v>6</v>
      </c>
      <c r="C11" s="100">
        <v>53828168</v>
      </c>
      <c r="D11" s="104">
        <v>94940656</v>
      </c>
      <c r="E11" s="103">
        <v>148768824</v>
      </c>
      <c r="F11" s="99">
        <v>0</v>
      </c>
      <c r="G11" s="104">
        <v>869464642</v>
      </c>
      <c r="H11" s="104">
        <v>961436020</v>
      </c>
      <c r="I11" s="104">
        <v>826776243</v>
      </c>
      <c r="J11" s="104">
        <v>819557993</v>
      </c>
      <c r="K11" s="104">
        <v>668144522</v>
      </c>
      <c r="L11" s="99">
        <v>4145379420</v>
      </c>
      <c r="M11" s="106">
        <v>4294148244</v>
      </c>
      <c r="N11" s="100">
        <v>15110251</v>
      </c>
      <c r="O11" s="104">
        <v>30485080</v>
      </c>
      <c r="P11" s="103">
        <v>45595331</v>
      </c>
      <c r="Q11" s="100">
        <v>0</v>
      </c>
      <c r="R11" s="104">
        <v>288188306</v>
      </c>
      <c r="S11" s="104">
        <v>345180423</v>
      </c>
      <c r="T11" s="104">
        <v>299627472</v>
      </c>
      <c r="U11" s="104">
        <v>339938935</v>
      </c>
      <c r="V11" s="104">
        <v>358487248</v>
      </c>
      <c r="W11" s="103">
        <v>1631422384</v>
      </c>
      <c r="X11" s="106">
        <v>1677017715</v>
      </c>
      <c r="Y11" s="100">
        <v>0</v>
      </c>
      <c r="Z11" s="104">
        <v>0</v>
      </c>
      <c r="AA11" s="103">
        <v>0</v>
      </c>
      <c r="AB11" s="100">
        <v>0</v>
      </c>
      <c r="AC11" s="104">
        <v>135439476</v>
      </c>
      <c r="AD11" s="104">
        <v>173492969</v>
      </c>
      <c r="AE11" s="104">
        <v>175544501</v>
      </c>
      <c r="AF11" s="104">
        <v>212463957</v>
      </c>
      <c r="AG11" s="104">
        <v>219685222</v>
      </c>
      <c r="AH11" s="103">
        <v>916626125</v>
      </c>
      <c r="AI11" s="106">
        <v>916626125</v>
      </c>
      <c r="AJ11" s="100">
        <v>18494</v>
      </c>
      <c r="AK11" s="104">
        <v>20298</v>
      </c>
      <c r="AL11" s="103">
        <v>38792</v>
      </c>
      <c r="AM11" s="100">
        <v>0</v>
      </c>
      <c r="AN11" s="104">
        <v>810189</v>
      </c>
      <c r="AO11" s="104">
        <v>2722444</v>
      </c>
      <c r="AP11" s="104">
        <v>6415581</v>
      </c>
      <c r="AQ11" s="104">
        <v>14828087</v>
      </c>
      <c r="AR11" s="104">
        <v>34577076</v>
      </c>
      <c r="AS11" s="103">
        <v>59353377</v>
      </c>
      <c r="AT11" s="106">
        <v>59392169</v>
      </c>
      <c r="AU11" s="100">
        <v>7998381</v>
      </c>
      <c r="AV11" s="104">
        <v>22050549</v>
      </c>
      <c r="AW11" s="103">
        <v>30048930</v>
      </c>
      <c r="AX11" s="100">
        <v>0</v>
      </c>
      <c r="AY11" s="104">
        <v>93982017</v>
      </c>
      <c r="AZ11" s="104">
        <v>105464532</v>
      </c>
      <c r="BA11" s="104">
        <v>64078927</v>
      </c>
      <c r="BB11" s="104">
        <v>59419660</v>
      </c>
      <c r="BC11" s="104">
        <v>60762251</v>
      </c>
      <c r="BD11" s="103">
        <v>383707387</v>
      </c>
      <c r="BE11" s="106">
        <v>413756317</v>
      </c>
      <c r="BF11" s="100">
        <v>513328</v>
      </c>
      <c r="BG11" s="104">
        <v>1552440</v>
      </c>
      <c r="BH11" s="102">
        <v>2065768</v>
      </c>
      <c r="BI11" s="101">
        <v>0</v>
      </c>
      <c r="BJ11" s="104">
        <v>7122331</v>
      </c>
      <c r="BK11" s="104">
        <v>7582223</v>
      </c>
      <c r="BL11" s="104">
        <v>4332064</v>
      </c>
      <c r="BM11" s="104">
        <v>4236533</v>
      </c>
      <c r="BN11" s="104">
        <v>3148900</v>
      </c>
      <c r="BO11" s="103">
        <v>26422051</v>
      </c>
      <c r="BP11" s="106">
        <v>28487819</v>
      </c>
      <c r="BQ11" s="100">
        <v>6580048</v>
      </c>
      <c r="BR11" s="104">
        <v>6861793</v>
      </c>
      <c r="BS11" s="103">
        <v>13441841</v>
      </c>
      <c r="BT11" s="100">
        <v>0</v>
      </c>
      <c r="BU11" s="104">
        <v>50834293</v>
      </c>
      <c r="BV11" s="104">
        <v>55918255</v>
      </c>
      <c r="BW11" s="104">
        <v>49256399</v>
      </c>
      <c r="BX11" s="104">
        <v>48990698</v>
      </c>
      <c r="BY11" s="104">
        <v>40313799</v>
      </c>
      <c r="BZ11" s="103">
        <v>245313444</v>
      </c>
      <c r="CA11" s="106">
        <v>258755285</v>
      </c>
      <c r="CB11" s="100">
        <v>2847964</v>
      </c>
      <c r="CC11" s="104">
        <v>9069062</v>
      </c>
      <c r="CD11" s="103">
        <v>11917026</v>
      </c>
      <c r="CE11" s="100">
        <v>0</v>
      </c>
      <c r="CF11" s="104">
        <v>218228999</v>
      </c>
      <c r="CG11" s="104">
        <v>242713736</v>
      </c>
      <c r="CH11" s="104">
        <v>176100063</v>
      </c>
      <c r="CI11" s="104">
        <v>117928245</v>
      </c>
      <c r="CJ11" s="104">
        <v>59173980</v>
      </c>
      <c r="CK11" s="103">
        <v>814145023</v>
      </c>
      <c r="CL11" s="106">
        <v>826062049</v>
      </c>
      <c r="CM11" s="100">
        <v>0</v>
      </c>
      <c r="CN11" s="104">
        <v>0</v>
      </c>
      <c r="CO11" s="103">
        <v>0</v>
      </c>
      <c r="CP11" s="101">
        <v>0</v>
      </c>
      <c r="CQ11" s="104">
        <v>185029127</v>
      </c>
      <c r="CR11" s="104">
        <v>196197922</v>
      </c>
      <c r="CS11" s="104">
        <v>139231977</v>
      </c>
      <c r="CT11" s="104">
        <v>93075216</v>
      </c>
      <c r="CU11" s="104">
        <v>47426429</v>
      </c>
      <c r="CV11" s="103">
        <v>660960671</v>
      </c>
      <c r="CW11" s="106">
        <v>660960671</v>
      </c>
      <c r="CX11" s="100">
        <v>2847964</v>
      </c>
      <c r="CY11" s="104">
        <v>9069062</v>
      </c>
      <c r="CZ11" s="103">
        <v>11917026</v>
      </c>
      <c r="DA11" s="100">
        <v>0</v>
      </c>
      <c r="DB11" s="104">
        <v>33199872</v>
      </c>
      <c r="DC11" s="104">
        <v>46515814</v>
      </c>
      <c r="DD11" s="104">
        <v>36868086</v>
      </c>
      <c r="DE11" s="104">
        <v>24853029</v>
      </c>
      <c r="DF11" s="104">
        <v>11747551</v>
      </c>
      <c r="DG11" s="103">
        <v>153184352</v>
      </c>
      <c r="DH11" s="106">
        <v>165101378</v>
      </c>
      <c r="DI11" s="100">
        <v>58496</v>
      </c>
      <c r="DJ11" s="104">
        <v>605258</v>
      </c>
      <c r="DK11" s="102">
        <v>663754</v>
      </c>
      <c r="DL11" s="101">
        <v>0</v>
      </c>
      <c r="DM11" s="104">
        <v>15461552</v>
      </c>
      <c r="DN11" s="104">
        <v>31747443</v>
      </c>
      <c r="DO11" s="104">
        <v>59647807</v>
      </c>
      <c r="DP11" s="104">
        <v>55760381</v>
      </c>
      <c r="DQ11" s="104">
        <v>35317567</v>
      </c>
      <c r="DR11" s="103">
        <v>197934750</v>
      </c>
      <c r="DS11" s="106">
        <v>198598504</v>
      </c>
      <c r="DT11" s="100">
        <v>58496</v>
      </c>
      <c r="DU11" s="104">
        <v>565810</v>
      </c>
      <c r="DV11" s="103">
        <v>624306</v>
      </c>
      <c r="DW11" s="100">
        <v>0</v>
      </c>
      <c r="DX11" s="104">
        <v>13769369</v>
      </c>
      <c r="DY11" s="104">
        <v>28318759</v>
      </c>
      <c r="DZ11" s="104">
        <v>52425428</v>
      </c>
      <c r="EA11" s="104">
        <v>48313197</v>
      </c>
      <c r="EB11" s="104">
        <v>30053330</v>
      </c>
      <c r="EC11" s="103">
        <v>172880083</v>
      </c>
      <c r="ED11" s="106">
        <v>173504389</v>
      </c>
      <c r="EE11" s="100">
        <v>0</v>
      </c>
      <c r="EF11" s="102">
        <v>39448</v>
      </c>
      <c r="EG11" s="103">
        <v>39448</v>
      </c>
      <c r="EH11" s="100">
        <v>0</v>
      </c>
      <c r="EI11" s="104">
        <v>1692183</v>
      </c>
      <c r="EJ11" s="104">
        <v>3428684</v>
      </c>
      <c r="EK11" s="104">
        <v>7222379</v>
      </c>
      <c r="EL11" s="104">
        <v>7447184</v>
      </c>
      <c r="EM11" s="104">
        <v>5264237</v>
      </c>
      <c r="EN11" s="102">
        <v>25054667</v>
      </c>
      <c r="EO11" s="106">
        <v>25094115</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06">
        <v>0</v>
      </c>
      <c r="FE11" s="104">
        <v>0</v>
      </c>
      <c r="FF11" s="104">
        <v>0</v>
      </c>
      <c r="FG11" s="104">
        <v>0</v>
      </c>
      <c r="FH11" s="104">
        <v>0</v>
      </c>
      <c r="FI11" s="104">
        <v>0</v>
      </c>
      <c r="FJ11" s="103">
        <v>0</v>
      </c>
      <c r="FK11" s="106">
        <v>0</v>
      </c>
      <c r="FL11" s="100">
        <v>11025138</v>
      </c>
      <c r="FM11" s="104">
        <v>21287676</v>
      </c>
      <c r="FN11" s="103">
        <v>32312814</v>
      </c>
      <c r="FO11" s="100">
        <v>0</v>
      </c>
      <c r="FP11" s="104">
        <v>45852247</v>
      </c>
      <c r="FQ11" s="104">
        <v>81000530</v>
      </c>
      <c r="FR11" s="104">
        <v>60257160</v>
      </c>
      <c r="FS11" s="104">
        <v>56181740</v>
      </c>
      <c r="FT11" s="104">
        <v>45180258</v>
      </c>
      <c r="FU11" s="103">
        <v>288471935</v>
      </c>
      <c r="FV11" s="106">
        <v>320784749</v>
      </c>
      <c r="FW11" s="105">
        <v>7301834</v>
      </c>
      <c r="FX11" s="104">
        <v>16418767</v>
      </c>
      <c r="FY11" s="102">
        <v>23720601</v>
      </c>
      <c r="FZ11" s="101">
        <v>0</v>
      </c>
      <c r="GA11" s="104">
        <v>38214715</v>
      </c>
      <c r="GB11" s="104">
        <v>75095410</v>
      </c>
      <c r="GC11" s="104">
        <v>56280128</v>
      </c>
      <c r="GD11" s="104">
        <v>53115158</v>
      </c>
      <c r="GE11" s="104">
        <v>43475085</v>
      </c>
      <c r="GF11" s="103">
        <v>266180496</v>
      </c>
      <c r="GG11" s="290">
        <v>289901097</v>
      </c>
      <c r="GH11" s="105">
        <v>1084729</v>
      </c>
      <c r="GI11" s="104">
        <v>933936</v>
      </c>
      <c r="GJ11" s="102">
        <v>2018665</v>
      </c>
      <c r="GK11" s="101">
        <v>0</v>
      </c>
      <c r="GL11" s="104">
        <v>2142814</v>
      </c>
      <c r="GM11" s="104">
        <v>2617254</v>
      </c>
      <c r="GN11" s="104">
        <v>2046600</v>
      </c>
      <c r="GO11" s="104">
        <v>1706347</v>
      </c>
      <c r="GP11" s="104">
        <v>1237586</v>
      </c>
      <c r="GQ11" s="103">
        <v>9750601</v>
      </c>
      <c r="GR11" s="106">
        <v>11769266</v>
      </c>
      <c r="GS11" s="100">
        <v>2638575</v>
      </c>
      <c r="GT11" s="104">
        <v>3934973</v>
      </c>
      <c r="GU11" s="103">
        <v>6573548</v>
      </c>
      <c r="GV11" s="100">
        <v>0</v>
      </c>
      <c r="GW11" s="104">
        <v>5494718</v>
      </c>
      <c r="GX11" s="104">
        <v>3287866</v>
      </c>
      <c r="GY11" s="104">
        <v>1930432</v>
      </c>
      <c r="GZ11" s="104">
        <v>1360235</v>
      </c>
      <c r="HA11" s="104">
        <v>467587</v>
      </c>
      <c r="HB11" s="102">
        <v>12540838</v>
      </c>
      <c r="HC11" s="106">
        <v>19114386</v>
      </c>
      <c r="HD11" s="100">
        <v>14505638</v>
      </c>
      <c r="HE11" s="104">
        <v>15946806</v>
      </c>
      <c r="HF11" s="102">
        <v>30452444</v>
      </c>
      <c r="HG11" s="101">
        <v>0</v>
      </c>
      <c r="HH11" s="104">
        <v>158079033</v>
      </c>
      <c r="HI11" s="104">
        <v>143101939</v>
      </c>
      <c r="HJ11" s="104">
        <v>151030569</v>
      </c>
      <c r="HK11" s="104">
        <v>191292448</v>
      </c>
      <c r="HL11" s="104">
        <v>131228558</v>
      </c>
      <c r="HM11" s="103">
        <v>774732547</v>
      </c>
      <c r="HN11" s="99">
        <v>805184991</v>
      </c>
      <c r="HO11" s="105">
        <v>10280681</v>
      </c>
      <c r="HP11" s="104">
        <v>17546774</v>
      </c>
      <c r="HQ11" s="103">
        <v>27827455</v>
      </c>
      <c r="HR11" s="100">
        <v>0</v>
      </c>
      <c r="HS11" s="104">
        <v>143654505</v>
      </c>
      <c r="HT11" s="104">
        <v>117691949</v>
      </c>
      <c r="HU11" s="104">
        <v>80113172</v>
      </c>
      <c r="HV11" s="104">
        <v>58456244</v>
      </c>
      <c r="HW11" s="104">
        <v>38756911</v>
      </c>
      <c r="HX11" s="102">
        <v>438672781</v>
      </c>
      <c r="HY11" s="106">
        <v>466500236</v>
      </c>
      <c r="HZ11" s="118">
        <v>1082357</v>
      </c>
      <c r="IA11" s="119">
        <v>4870212</v>
      </c>
      <c r="IB11" s="120">
        <v>5952569</v>
      </c>
      <c r="IC11" s="131">
        <v>0</v>
      </c>
      <c r="ID11" s="119">
        <v>271995583</v>
      </c>
      <c r="IE11" s="132">
        <v>338755341</v>
      </c>
      <c r="IF11" s="120">
        <v>359434263</v>
      </c>
      <c r="IG11" s="119">
        <v>296806130</v>
      </c>
      <c r="IH11" s="120">
        <v>237094850</v>
      </c>
      <c r="II11" s="133">
        <v>1504086167</v>
      </c>
      <c r="IJ11" s="126">
        <v>1510038736</v>
      </c>
      <c r="IK11" s="215">
        <v>0</v>
      </c>
      <c r="IL11" s="219">
        <v>0</v>
      </c>
      <c r="IM11" s="220">
        <v>0</v>
      </c>
      <c r="IN11" s="127">
        <v>0</v>
      </c>
      <c r="IO11" s="109">
        <v>5788647</v>
      </c>
      <c r="IP11" s="109">
        <v>9720464</v>
      </c>
      <c r="IQ11" s="109">
        <v>13784306</v>
      </c>
      <c r="IR11" s="109">
        <v>29139164</v>
      </c>
      <c r="IS11" s="109">
        <v>31148663</v>
      </c>
      <c r="IT11" s="128">
        <v>89581244</v>
      </c>
      <c r="IU11" s="292">
        <v>89581244</v>
      </c>
      <c r="IV11" s="129">
        <v>0</v>
      </c>
      <c r="IW11" s="109">
        <v>0</v>
      </c>
      <c r="IX11" s="110">
        <v>0</v>
      </c>
      <c r="IY11" s="443">
        <v>0</v>
      </c>
      <c r="IZ11" s="109">
        <v>1450661</v>
      </c>
      <c r="JA11" s="109">
        <v>2469163</v>
      </c>
      <c r="JB11" s="109">
        <v>2388896</v>
      </c>
      <c r="JC11" s="109">
        <v>2758812</v>
      </c>
      <c r="JD11" s="109">
        <v>3742777</v>
      </c>
      <c r="JE11" s="110">
        <v>12810309</v>
      </c>
      <c r="JF11" s="111">
        <v>12810309</v>
      </c>
      <c r="JG11" s="129">
        <v>0</v>
      </c>
      <c r="JH11" s="109">
        <v>0</v>
      </c>
      <c r="JI11" s="128">
        <v>0</v>
      </c>
      <c r="JJ11" s="108">
        <v>0</v>
      </c>
      <c r="JK11" s="109">
        <v>84102951</v>
      </c>
      <c r="JL11" s="109">
        <v>81225709</v>
      </c>
      <c r="JM11" s="109">
        <v>64963500</v>
      </c>
      <c r="JN11" s="109">
        <v>45980178</v>
      </c>
      <c r="JO11" s="109">
        <v>27837400</v>
      </c>
      <c r="JP11" s="110">
        <v>304109738</v>
      </c>
      <c r="JQ11" s="292">
        <v>304109738</v>
      </c>
      <c r="JR11" s="129">
        <v>66427</v>
      </c>
      <c r="JS11" s="109">
        <v>0</v>
      </c>
      <c r="JT11" s="128">
        <v>66427</v>
      </c>
      <c r="JU11" s="108">
        <v>0</v>
      </c>
      <c r="JV11" s="109">
        <v>13245150</v>
      </c>
      <c r="JW11" s="109">
        <v>22896570</v>
      </c>
      <c r="JX11" s="109">
        <v>29052743</v>
      </c>
      <c r="JY11" s="109">
        <v>17019094</v>
      </c>
      <c r="JZ11" s="109">
        <v>15761367</v>
      </c>
      <c r="KA11" s="110">
        <v>97974924</v>
      </c>
      <c r="KB11" s="292">
        <v>98041351</v>
      </c>
      <c r="KC11" s="217">
        <v>1015930</v>
      </c>
      <c r="KD11" s="213">
        <v>3384665</v>
      </c>
      <c r="KE11" s="110">
        <v>4400595</v>
      </c>
      <c r="KF11" s="108">
        <v>0</v>
      </c>
      <c r="KG11" s="109">
        <v>34293014</v>
      </c>
      <c r="KH11" s="109">
        <v>44432560</v>
      </c>
      <c r="KI11" s="109">
        <v>51104132</v>
      </c>
      <c r="KJ11" s="109">
        <v>33543425</v>
      </c>
      <c r="KK11" s="109">
        <v>19714706</v>
      </c>
      <c r="KL11" s="110">
        <v>183087837</v>
      </c>
      <c r="KM11" s="130">
        <v>187488432</v>
      </c>
      <c r="KN11" s="215">
        <v>0</v>
      </c>
      <c r="KO11" s="219">
        <v>1485547</v>
      </c>
      <c r="KP11" s="220">
        <v>1485547</v>
      </c>
      <c r="KQ11" s="443">
        <v>0</v>
      </c>
      <c r="KR11" s="109">
        <v>122879271</v>
      </c>
      <c r="KS11" s="109">
        <v>158871493</v>
      </c>
      <c r="KT11" s="109">
        <v>157727779</v>
      </c>
      <c r="KU11" s="109">
        <v>109349394</v>
      </c>
      <c r="KV11" s="109">
        <v>78694422</v>
      </c>
      <c r="KW11" s="110">
        <v>627522359</v>
      </c>
      <c r="KX11" s="292">
        <v>629007906</v>
      </c>
      <c r="KY11" s="129">
        <v>0</v>
      </c>
      <c r="KZ11" s="109">
        <v>0</v>
      </c>
      <c r="LA11" s="110">
        <v>0</v>
      </c>
      <c r="LB11" s="443">
        <v>0</v>
      </c>
      <c r="LC11" s="109">
        <v>0</v>
      </c>
      <c r="LD11" s="109">
        <v>0</v>
      </c>
      <c r="LE11" s="109">
        <v>0</v>
      </c>
      <c r="LF11" s="109">
        <v>0</v>
      </c>
      <c r="LG11" s="109">
        <v>0</v>
      </c>
      <c r="LH11" s="110">
        <v>0</v>
      </c>
      <c r="LI11" s="111">
        <v>0</v>
      </c>
      <c r="LJ11" s="129">
        <v>0</v>
      </c>
      <c r="LK11" s="109">
        <v>0</v>
      </c>
      <c r="LL11" s="110">
        <v>0</v>
      </c>
      <c r="LM11" s="443">
        <v>0</v>
      </c>
      <c r="LN11" s="109">
        <v>243612</v>
      </c>
      <c r="LO11" s="109">
        <v>1758099</v>
      </c>
      <c r="LP11" s="109">
        <v>21055827</v>
      </c>
      <c r="LQ11" s="109">
        <v>29561536</v>
      </c>
      <c r="LR11" s="109">
        <v>22116057</v>
      </c>
      <c r="LS11" s="110">
        <v>74735131</v>
      </c>
      <c r="LT11" s="292">
        <v>74735131</v>
      </c>
      <c r="LU11" s="129">
        <v>0</v>
      </c>
      <c r="LV11" s="109">
        <v>0</v>
      </c>
      <c r="LW11" s="110">
        <v>0</v>
      </c>
      <c r="LX11" s="443">
        <v>0</v>
      </c>
      <c r="LY11" s="109">
        <v>9992277</v>
      </c>
      <c r="LZ11" s="109">
        <v>17381283</v>
      </c>
      <c r="MA11" s="109">
        <v>19357080</v>
      </c>
      <c r="MB11" s="109">
        <v>29454527</v>
      </c>
      <c r="MC11" s="109">
        <v>38079458</v>
      </c>
      <c r="MD11" s="110">
        <v>114264625</v>
      </c>
      <c r="ME11" s="111">
        <v>114264625</v>
      </c>
      <c r="MF11" s="129">
        <v>0</v>
      </c>
      <c r="MG11" s="109">
        <v>0</v>
      </c>
      <c r="MH11" s="110">
        <v>0</v>
      </c>
      <c r="MI11" s="443">
        <v>0</v>
      </c>
      <c r="MJ11" s="109">
        <v>76701101</v>
      </c>
      <c r="MK11" s="109">
        <v>135372627</v>
      </c>
      <c r="ML11" s="109">
        <v>486569652</v>
      </c>
      <c r="MM11" s="109">
        <v>770622571</v>
      </c>
      <c r="MN11" s="109">
        <v>551607286</v>
      </c>
      <c r="MO11" s="110">
        <v>2020873237</v>
      </c>
      <c r="MP11" s="130">
        <v>2020873237</v>
      </c>
      <c r="MQ11" s="129">
        <v>0</v>
      </c>
      <c r="MR11" s="109">
        <v>0</v>
      </c>
      <c r="MS11" s="110">
        <v>0</v>
      </c>
      <c r="MT11" s="443">
        <v>0</v>
      </c>
      <c r="MU11" s="109">
        <v>20339915</v>
      </c>
      <c r="MV11" s="109">
        <v>46410950</v>
      </c>
      <c r="MW11" s="109">
        <v>327983839</v>
      </c>
      <c r="MX11" s="109">
        <v>520980433</v>
      </c>
      <c r="MY11" s="109">
        <v>401269627</v>
      </c>
      <c r="MZ11" s="110">
        <v>1316984764</v>
      </c>
      <c r="NA11" s="130">
        <v>1316984764</v>
      </c>
      <c r="NB11" s="129">
        <v>0</v>
      </c>
      <c r="NC11" s="109">
        <v>0</v>
      </c>
      <c r="ND11" s="110">
        <v>0</v>
      </c>
      <c r="NE11" s="443">
        <v>0</v>
      </c>
      <c r="NF11" s="109">
        <v>56361186</v>
      </c>
      <c r="NG11" s="109">
        <v>88754742</v>
      </c>
      <c r="NH11" s="109">
        <v>156210342</v>
      </c>
      <c r="NI11" s="109">
        <v>229101413</v>
      </c>
      <c r="NJ11" s="109">
        <v>121752138</v>
      </c>
      <c r="NK11" s="110">
        <v>652179821</v>
      </c>
      <c r="NL11" s="292">
        <v>652179821</v>
      </c>
      <c r="NM11" s="129">
        <v>0</v>
      </c>
      <c r="NN11" s="109">
        <v>0</v>
      </c>
      <c r="NO11" s="110">
        <v>0</v>
      </c>
      <c r="NP11" s="443">
        <v>0</v>
      </c>
      <c r="NQ11" s="109">
        <v>0</v>
      </c>
      <c r="NR11" s="109">
        <v>0</v>
      </c>
      <c r="NS11" s="109">
        <v>546239</v>
      </c>
      <c r="NT11" s="109">
        <v>4067096</v>
      </c>
      <c r="NU11" s="109">
        <v>5679072</v>
      </c>
      <c r="NV11" s="110">
        <v>10292407</v>
      </c>
      <c r="NW11" s="111">
        <v>10292407</v>
      </c>
      <c r="NX11" s="129">
        <v>0</v>
      </c>
      <c r="NY11" s="109">
        <v>0</v>
      </c>
      <c r="NZ11" s="110">
        <v>0</v>
      </c>
      <c r="OA11" s="443">
        <v>0</v>
      </c>
      <c r="OB11" s="109">
        <v>0</v>
      </c>
      <c r="OC11" s="109">
        <v>206935</v>
      </c>
      <c r="OD11" s="109">
        <v>1829232</v>
      </c>
      <c r="OE11" s="109">
        <v>16473629</v>
      </c>
      <c r="OF11" s="109">
        <v>22906449</v>
      </c>
      <c r="OG11" s="110">
        <v>41416245</v>
      </c>
      <c r="OH11" s="111">
        <v>41416245</v>
      </c>
      <c r="OI11" s="129">
        <v>54910525</v>
      </c>
      <c r="OJ11" s="109">
        <v>99810868</v>
      </c>
      <c r="OK11" s="128">
        <v>154721393</v>
      </c>
      <c r="OL11" s="108">
        <v>0</v>
      </c>
      <c r="OM11" s="109">
        <v>1218161326</v>
      </c>
      <c r="ON11" s="109">
        <v>1435563988</v>
      </c>
      <c r="OO11" s="109">
        <v>1672780158</v>
      </c>
      <c r="OP11" s="109">
        <v>1886986694</v>
      </c>
      <c r="OQ11" s="109">
        <v>1456846658</v>
      </c>
      <c r="OR11" s="110">
        <v>7670338824</v>
      </c>
      <c r="OS11" s="130">
        <v>7825060217</v>
      </c>
    </row>
    <row r="12" spans="1:409" ht="21" customHeight="1" x14ac:dyDescent="0.2">
      <c r="B12" s="437" t="s">
        <v>14</v>
      </c>
      <c r="C12" s="100">
        <v>27825423</v>
      </c>
      <c r="D12" s="104">
        <v>74650573</v>
      </c>
      <c r="E12" s="103">
        <v>102475996</v>
      </c>
      <c r="F12" s="99">
        <v>0</v>
      </c>
      <c r="G12" s="104">
        <v>334952233</v>
      </c>
      <c r="H12" s="104">
        <v>534954171</v>
      </c>
      <c r="I12" s="104">
        <v>497531106</v>
      </c>
      <c r="J12" s="104">
        <v>443989966</v>
      </c>
      <c r="K12" s="104">
        <v>296580714</v>
      </c>
      <c r="L12" s="102">
        <v>2108008190</v>
      </c>
      <c r="M12" s="106">
        <v>2210484186</v>
      </c>
      <c r="N12" s="100">
        <v>5290180</v>
      </c>
      <c r="O12" s="104">
        <v>17662753</v>
      </c>
      <c r="P12" s="103">
        <v>22952933</v>
      </c>
      <c r="Q12" s="100">
        <v>0</v>
      </c>
      <c r="R12" s="104">
        <v>91573939</v>
      </c>
      <c r="S12" s="104">
        <v>171669062</v>
      </c>
      <c r="T12" s="104">
        <v>172165254</v>
      </c>
      <c r="U12" s="104">
        <v>179154685</v>
      </c>
      <c r="V12" s="104">
        <v>158093476</v>
      </c>
      <c r="W12" s="103">
        <v>772656416</v>
      </c>
      <c r="X12" s="106">
        <v>795609349</v>
      </c>
      <c r="Y12" s="100">
        <v>0</v>
      </c>
      <c r="Z12" s="104">
        <v>0</v>
      </c>
      <c r="AA12" s="103">
        <v>0</v>
      </c>
      <c r="AB12" s="100">
        <v>0</v>
      </c>
      <c r="AC12" s="104">
        <v>46306781</v>
      </c>
      <c r="AD12" s="104">
        <v>91816364</v>
      </c>
      <c r="AE12" s="104">
        <v>102803396</v>
      </c>
      <c r="AF12" s="104">
        <v>112034626</v>
      </c>
      <c r="AG12" s="104">
        <v>97268871</v>
      </c>
      <c r="AH12" s="103">
        <v>450230038</v>
      </c>
      <c r="AI12" s="106">
        <v>450230038</v>
      </c>
      <c r="AJ12" s="100">
        <v>11131</v>
      </c>
      <c r="AK12" s="104">
        <v>81090</v>
      </c>
      <c r="AL12" s="103">
        <v>92221</v>
      </c>
      <c r="AM12" s="100">
        <v>0</v>
      </c>
      <c r="AN12" s="104">
        <v>139978</v>
      </c>
      <c r="AO12" s="104">
        <v>1203276</v>
      </c>
      <c r="AP12" s="104">
        <v>3085476</v>
      </c>
      <c r="AQ12" s="104">
        <v>8947858</v>
      </c>
      <c r="AR12" s="104">
        <v>15204739</v>
      </c>
      <c r="AS12" s="103">
        <v>28581327</v>
      </c>
      <c r="AT12" s="106">
        <v>28673548</v>
      </c>
      <c r="AU12" s="100">
        <v>2509985</v>
      </c>
      <c r="AV12" s="104">
        <v>11989999</v>
      </c>
      <c r="AW12" s="103">
        <v>14499984</v>
      </c>
      <c r="AX12" s="100">
        <v>0</v>
      </c>
      <c r="AY12" s="104">
        <v>25779681</v>
      </c>
      <c r="AZ12" s="104">
        <v>49555105</v>
      </c>
      <c r="BA12" s="104">
        <v>36747383</v>
      </c>
      <c r="BB12" s="104">
        <v>31757998</v>
      </c>
      <c r="BC12" s="104">
        <v>27494011</v>
      </c>
      <c r="BD12" s="103">
        <v>171334178</v>
      </c>
      <c r="BE12" s="106">
        <v>185834162</v>
      </c>
      <c r="BF12" s="100">
        <v>132387</v>
      </c>
      <c r="BG12" s="104">
        <v>1255141</v>
      </c>
      <c r="BH12" s="102">
        <v>1387528</v>
      </c>
      <c r="BI12" s="101">
        <v>0</v>
      </c>
      <c r="BJ12" s="104">
        <v>919461</v>
      </c>
      <c r="BK12" s="104">
        <v>2972760</v>
      </c>
      <c r="BL12" s="104">
        <v>1795440</v>
      </c>
      <c r="BM12" s="104">
        <v>1612363</v>
      </c>
      <c r="BN12" s="104">
        <v>759585</v>
      </c>
      <c r="BO12" s="103">
        <v>8059609</v>
      </c>
      <c r="BP12" s="106">
        <v>9447137</v>
      </c>
      <c r="BQ12" s="100">
        <v>2636677</v>
      </c>
      <c r="BR12" s="104">
        <v>4336523</v>
      </c>
      <c r="BS12" s="103">
        <v>6973200</v>
      </c>
      <c r="BT12" s="100">
        <v>0</v>
      </c>
      <c r="BU12" s="104">
        <v>18428038</v>
      </c>
      <c r="BV12" s="104">
        <v>26121557</v>
      </c>
      <c r="BW12" s="104">
        <v>27733559</v>
      </c>
      <c r="BX12" s="104">
        <v>24801840</v>
      </c>
      <c r="BY12" s="104">
        <v>17366270</v>
      </c>
      <c r="BZ12" s="103">
        <v>114451264</v>
      </c>
      <c r="CA12" s="106">
        <v>121424464</v>
      </c>
      <c r="CB12" s="100">
        <v>2018790</v>
      </c>
      <c r="CC12" s="104">
        <v>7220004</v>
      </c>
      <c r="CD12" s="103">
        <v>9238794</v>
      </c>
      <c r="CE12" s="100">
        <v>0</v>
      </c>
      <c r="CF12" s="104">
        <v>95625228</v>
      </c>
      <c r="CG12" s="104">
        <v>152967392</v>
      </c>
      <c r="CH12" s="104">
        <v>124253714</v>
      </c>
      <c r="CI12" s="104">
        <v>77571640</v>
      </c>
      <c r="CJ12" s="104">
        <v>37926074</v>
      </c>
      <c r="CK12" s="103">
        <v>488344048</v>
      </c>
      <c r="CL12" s="106">
        <v>497582842</v>
      </c>
      <c r="CM12" s="100">
        <v>0</v>
      </c>
      <c r="CN12" s="104">
        <v>0</v>
      </c>
      <c r="CO12" s="103">
        <v>0</v>
      </c>
      <c r="CP12" s="101">
        <v>0</v>
      </c>
      <c r="CQ12" s="104">
        <v>88898945</v>
      </c>
      <c r="CR12" s="104">
        <v>129433625</v>
      </c>
      <c r="CS12" s="104">
        <v>106294453</v>
      </c>
      <c r="CT12" s="104">
        <v>65462580</v>
      </c>
      <c r="CU12" s="104">
        <v>33188680</v>
      </c>
      <c r="CV12" s="103">
        <v>423278283</v>
      </c>
      <c r="CW12" s="106">
        <v>423278283</v>
      </c>
      <c r="CX12" s="100">
        <v>2018790</v>
      </c>
      <c r="CY12" s="104">
        <v>7220004</v>
      </c>
      <c r="CZ12" s="103">
        <v>9238794</v>
      </c>
      <c r="DA12" s="100">
        <v>0</v>
      </c>
      <c r="DB12" s="104">
        <v>6726283</v>
      </c>
      <c r="DC12" s="104">
        <v>23533767</v>
      </c>
      <c r="DD12" s="104">
        <v>17959261</v>
      </c>
      <c r="DE12" s="104">
        <v>12109060</v>
      </c>
      <c r="DF12" s="104">
        <v>4737394</v>
      </c>
      <c r="DG12" s="103">
        <v>65065765</v>
      </c>
      <c r="DH12" s="106">
        <v>74304559</v>
      </c>
      <c r="DI12" s="100">
        <v>49176</v>
      </c>
      <c r="DJ12" s="104">
        <v>585786</v>
      </c>
      <c r="DK12" s="102">
        <v>634962</v>
      </c>
      <c r="DL12" s="101">
        <v>0</v>
      </c>
      <c r="DM12" s="104">
        <v>8364780</v>
      </c>
      <c r="DN12" s="104">
        <v>22146654</v>
      </c>
      <c r="DO12" s="104">
        <v>46793575</v>
      </c>
      <c r="DP12" s="104">
        <v>40343109</v>
      </c>
      <c r="DQ12" s="104">
        <v>18258927</v>
      </c>
      <c r="DR12" s="103">
        <v>135907045</v>
      </c>
      <c r="DS12" s="106">
        <v>136542007</v>
      </c>
      <c r="DT12" s="100">
        <v>49176</v>
      </c>
      <c r="DU12" s="104">
        <v>585786</v>
      </c>
      <c r="DV12" s="103">
        <v>634962</v>
      </c>
      <c r="DW12" s="100">
        <v>0</v>
      </c>
      <c r="DX12" s="104">
        <v>8216828</v>
      </c>
      <c r="DY12" s="104">
        <v>21436926</v>
      </c>
      <c r="DZ12" s="104">
        <v>45613591</v>
      </c>
      <c r="EA12" s="104">
        <v>39127440</v>
      </c>
      <c r="EB12" s="104">
        <v>17701547</v>
      </c>
      <c r="EC12" s="103">
        <v>132096332</v>
      </c>
      <c r="ED12" s="106">
        <v>132731294</v>
      </c>
      <c r="EE12" s="100">
        <v>0</v>
      </c>
      <c r="EF12" s="102">
        <v>0</v>
      </c>
      <c r="EG12" s="103">
        <v>0</v>
      </c>
      <c r="EH12" s="100">
        <v>0</v>
      </c>
      <c r="EI12" s="104">
        <v>147952</v>
      </c>
      <c r="EJ12" s="104">
        <v>709728</v>
      </c>
      <c r="EK12" s="104">
        <v>1179984</v>
      </c>
      <c r="EL12" s="104">
        <v>1215669</v>
      </c>
      <c r="EM12" s="104">
        <v>557380</v>
      </c>
      <c r="EN12" s="102">
        <v>3810713</v>
      </c>
      <c r="EO12" s="106">
        <v>3810713</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06">
        <v>0</v>
      </c>
      <c r="FE12" s="104">
        <v>0</v>
      </c>
      <c r="FF12" s="104">
        <v>0</v>
      </c>
      <c r="FG12" s="104">
        <v>0</v>
      </c>
      <c r="FH12" s="104">
        <v>0</v>
      </c>
      <c r="FI12" s="104">
        <v>0</v>
      </c>
      <c r="FJ12" s="103">
        <v>0</v>
      </c>
      <c r="FK12" s="106">
        <v>0</v>
      </c>
      <c r="FL12" s="100">
        <v>8542722</v>
      </c>
      <c r="FM12" s="104">
        <v>24417537</v>
      </c>
      <c r="FN12" s="103">
        <v>32960259</v>
      </c>
      <c r="FO12" s="100">
        <v>0</v>
      </c>
      <c r="FP12" s="104">
        <v>19884954</v>
      </c>
      <c r="FQ12" s="104">
        <v>57449088</v>
      </c>
      <c r="FR12" s="104">
        <v>41439156</v>
      </c>
      <c r="FS12" s="104">
        <v>36662160</v>
      </c>
      <c r="FT12" s="104">
        <v>23210267</v>
      </c>
      <c r="FU12" s="103">
        <v>178645625</v>
      </c>
      <c r="FV12" s="106">
        <v>211605884</v>
      </c>
      <c r="FW12" s="105">
        <v>5057264</v>
      </c>
      <c r="FX12" s="104">
        <v>18285674</v>
      </c>
      <c r="FY12" s="102">
        <v>23342938</v>
      </c>
      <c r="FZ12" s="101">
        <v>0</v>
      </c>
      <c r="GA12" s="104">
        <v>15994069</v>
      </c>
      <c r="GB12" s="104">
        <v>52587611</v>
      </c>
      <c r="GC12" s="104">
        <v>39115403</v>
      </c>
      <c r="GD12" s="104">
        <v>34045599</v>
      </c>
      <c r="GE12" s="104">
        <v>22315870</v>
      </c>
      <c r="GF12" s="103">
        <v>164058552</v>
      </c>
      <c r="GG12" s="290">
        <v>187401490</v>
      </c>
      <c r="GH12" s="105">
        <v>517244</v>
      </c>
      <c r="GI12" s="104">
        <v>1471285</v>
      </c>
      <c r="GJ12" s="102">
        <v>1988529</v>
      </c>
      <c r="GK12" s="101">
        <v>0</v>
      </c>
      <c r="GL12" s="104">
        <v>986542</v>
      </c>
      <c r="GM12" s="104">
        <v>1466529</v>
      </c>
      <c r="GN12" s="104">
        <v>974043</v>
      </c>
      <c r="GO12" s="104">
        <v>1332262</v>
      </c>
      <c r="GP12" s="104">
        <v>490960</v>
      </c>
      <c r="GQ12" s="103">
        <v>5250336</v>
      </c>
      <c r="GR12" s="106">
        <v>7238865</v>
      </c>
      <c r="GS12" s="100">
        <v>2968214</v>
      </c>
      <c r="GT12" s="104">
        <v>4660578</v>
      </c>
      <c r="GU12" s="103">
        <v>7628792</v>
      </c>
      <c r="GV12" s="100">
        <v>0</v>
      </c>
      <c r="GW12" s="104">
        <v>2904343</v>
      </c>
      <c r="GX12" s="104">
        <v>3394948</v>
      </c>
      <c r="GY12" s="104">
        <v>1349710</v>
      </c>
      <c r="GZ12" s="104">
        <v>1284299</v>
      </c>
      <c r="HA12" s="104">
        <v>403437</v>
      </c>
      <c r="HB12" s="102">
        <v>9336737</v>
      </c>
      <c r="HC12" s="106">
        <v>16965529</v>
      </c>
      <c r="HD12" s="100">
        <v>6811541</v>
      </c>
      <c r="HE12" s="104">
        <v>11179857</v>
      </c>
      <c r="HF12" s="102">
        <v>17991398</v>
      </c>
      <c r="HG12" s="101">
        <v>0</v>
      </c>
      <c r="HH12" s="104">
        <v>59489316</v>
      </c>
      <c r="HI12" s="104">
        <v>53328292</v>
      </c>
      <c r="HJ12" s="104">
        <v>60549249</v>
      </c>
      <c r="HK12" s="104">
        <v>75312357</v>
      </c>
      <c r="HL12" s="104">
        <v>40340985</v>
      </c>
      <c r="HM12" s="103">
        <v>289020199</v>
      </c>
      <c r="HN12" s="99">
        <v>307011597</v>
      </c>
      <c r="HO12" s="105">
        <v>5113014</v>
      </c>
      <c r="HP12" s="104">
        <v>13584636</v>
      </c>
      <c r="HQ12" s="103">
        <v>18697650</v>
      </c>
      <c r="HR12" s="100">
        <v>0</v>
      </c>
      <c r="HS12" s="104">
        <v>60014016</v>
      </c>
      <c r="HT12" s="104">
        <v>77393683</v>
      </c>
      <c r="HU12" s="104">
        <v>52330158</v>
      </c>
      <c r="HV12" s="104">
        <v>34946015</v>
      </c>
      <c r="HW12" s="104">
        <v>18750985</v>
      </c>
      <c r="HX12" s="102">
        <v>243434857</v>
      </c>
      <c r="HY12" s="106">
        <v>262132507</v>
      </c>
      <c r="HZ12" s="118">
        <v>976411</v>
      </c>
      <c r="IA12" s="119">
        <v>2745578</v>
      </c>
      <c r="IB12" s="120">
        <v>3721989</v>
      </c>
      <c r="IC12" s="121">
        <v>0</v>
      </c>
      <c r="ID12" s="122">
        <v>116671354</v>
      </c>
      <c r="IE12" s="123">
        <v>185149756</v>
      </c>
      <c r="IF12" s="124">
        <v>211674504</v>
      </c>
      <c r="IG12" s="122">
        <v>142774522</v>
      </c>
      <c r="IH12" s="124">
        <v>94474878</v>
      </c>
      <c r="II12" s="125">
        <v>750745014</v>
      </c>
      <c r="IJ12" s="126">
        <v>754467003</v>
      </c>
      <c r="IK12" s="215">
        <v>0</v>
      </c>
      <c r="IL12" s="219">
        <v>0</v>
      </c>
      <c r="IM12" s="220">
        <v>0</v>
      </c>
      <c r="IN12" s="127">
        <v>0</v>
      </c>
      <c r="IO12" s="109">
        <v>1847932</v>
      </c>
      <c r="IP12" s="109">
        <v>4672112</v>
      </c>
      <c r="IQ12" s="109">
        <v>5151807</v>
      </c>
      <c r="IR12" s="109">
        <v>7963917</v>
      </c>
      <c r="IS12" s="109">
        <v>8311846</v>
      </c>
      <c r="IT12" s="128">
        <v>27947614</v>
      </c>
      <c r="IU12" s="292">
        <v>27947614</v>
      </c>
      <c r="IV12" s="129">
        <v>0</v>
      </c>
      <c r="IW12" s="109">
        <v>0</v>
      </c>
      <c r="IX12" s="110">
        <v>0</v>
      </c>
      <c r="IY12" s="443">
        <v>0</v>
      </c>
      <c r="IZ12" s="109">
        <v>0</v>
      </c>
      <c r="JA12" s="109">
        <v>0</v>
      </c>
      <c r="JB12" s="109">
        <v>0</v>
      </c>
      <c r="JC12" s="109">
        <v>0</v>
      </c>
      <c r="JD12" s="109">
        <v>0</v>
      </c>
      <c r="JE12" s="110">
        <v>0</v>
      </c>
      <c r="JF12" s="111">
        <v>0</v>
      </c>
      <c r="JG12" s="129">
        <v>0</v>
      </c>
      <c r="JH12" s="109">
        <v>0</v>
      </c>
      <c r="JI12" s="128">
        <v>0</v>
      </c>
      <c r="JJ12" s="108">
        <v>0</v>
      </c>
      <c r="JK12" s="109">
        <v>44833199</v>
      </c>
      <c r="JL12" s="109">
        <v>64098208</v>
      </c>
      <c r="JM12" s="109">
        <v>47128064</v>
      </c>
      <c r="JN12" s="109">
        <v>28162343</v>
      </c>
      <c r="JO12" s="109">
        <v>15838150</v>
      </c>
      <c r="JP12" s="110">
        <v>200059964</v>
      </c>
      <c r="JQ12" s="292">
        <v>200059964</v>
      </c>
      <c r="JR12" s="129">
        <v>0</v>
      </c>
      <c r="JS12" s="109">
        <v>0</v>
      </c>
      <c r="JT12" s="128">
        <v>0</v>
      </c>
      <c r="JU12" s="108">
        <v>0</v>
      </c>
      <c r="JV12" s="109">
        <v>1000578</v>
      </c>
      <c r="JW12" s="109">
        <v>2306530</v>
      </c>
      <c r="JX12" s="109">
        <v>5893035</v>
      </c>
      <c r="JY12" s="109">
        <v>2773254</v>
      </c>
      <c r="JZ12" s="109">
        <v>3257720</v>
      </c>
      <c r="KA12" s="110">
        <v>15231117</v>
      </c>
      <c r="KB12" s="292">
        <v>15231117</v>
      </c>
      <c r="KC12" s="217">
        <v>976411</v>
      </c>
      <c r="KD12" s="213">
        <v>2254120</v>
      </c>
      <c r="KE12" s="110">
        <v>3230531</v>
      </c>
      <c r="KF12" s="108">
        <v>0</v>
      </c>
      <c r="KG12" s="109">
        <v>16338250</v>
      </c>
      <c r="KH12" s="109">
        <v>29275403</v>
      </c>
      <c r="KI12" s="109">
        <v>30892651</v>
      </c>
      <c r="KJ12" s="109">
        <v>22982687</v>
      </c>
      <c r="KK12" s="109">
        <v>9761734</v>
      </c>
      <c r="KL12" s="110">
        <v>109250725</v>
      </c>
      <c r="KM12" s="130">
        <v>112481256</v>
      </c>
      <c r="KN12" s="215">
        <v>0</v>
      </c>
      <c r="KO12" s="219">
        <v>491458</v>
      </c>
      <c r="KP12" s="220">
        <v>491458</v>
      </c>
      <c r="KQ12" s="443">
        <v>0</v>
      </c>
      <c r="KR12" s="109">
        <v>50439945</v>
      </c>
      <c r="KS12" s="109">
        <v>79268125</v>
      </c>
      <c r="KT12" s="109">
        <v>111329752</v>
      </c>
      <c r="KU12" s="109">
        <v>61305235</v>
      </c>
      <c r="KV12" s="109">
        <v>41641116</v>
      </c>
      <c r="KW12" s="110">
        <v>343984173</v>
      </c>
      <c r="KX12" s="292">
        <v>344475631</v>
      </c>
      <c r="KY12" s="129">
        <v>0</v>
      </c>
      <c r="KZ12" s="109">
        <v>0</v>
      </c>
      <c r="LA12" s="110">
        <v>0</v>
      </c>
      <c r="LB12" s="443">
        <v>0</v>
      </c>
      <c r="LC12" s="109">
        <v>0</v>
      </c>
      <c r="LD12" s="109">
        <v>0</v>
      </c>
      <c r="LE12" s="109">
        <v>0</v>
      </c>
      <c r="LF12" s="109">
        <v>0</v>
      </c>
      <c r="LG12" s="109">
        <v>0</v>
      </c>
      <c r="LH12" s="110">
        <v>0</v>
      </c>
      <c r="LI12" s="111">
        <v>0</v>
      </c>
      <c r="LJ12" s="129">
        <v>0</v>
      </c>
      <c r="LK12" s="109">
        <v>0</v>
      </c>
      <c r="LL12" s="110">
        <v>0</v>
      </c>
      <c r="LM12" s="443">
        <v>0</v>
      </c>
      <c r="LN12" s="109">
        <v>0</v>
      </c>
      <c r="LO12" s="109">
        <v>182059</v>
      </c>
      <c r="LP12" s="109">
        <v>2999389</v>
      </c>
      <c r="LQ12" s="109">
        <v>6055906</v>
      </c>
      <c r="LR12" s="109">
        <v>3336629</v>
      </c>
      <c r="LS12" s="110">
        <v>12573983</v>
      </c>
      <c r="LT12" s="292">
        <v>12573983</v>
      </c>
      <c r="LU12" s="129">
        <v>0</v>
      </c>
      <c r="LV12" s="109">
        <v>0</v>
      </c>
      <c r="LW12" s="110">
        <v>0</v>
      </c>
      <c r="LX12" s="443">
        <v>0</v>
      </c>
      <c r="LY12" s="109">
        <v>2211450</v>
      </c>
      <c r="LZ12" s="109">
        <v>5347319</v>
      </c>
      <c r="MA12" s="109">
        <v>8279806</v>
      </c>
      <c r="MB12" s="109">
        <v>13531180</v>
      </c>
      <c r="MC12" s="109">
        <v>12327683</v>
      </c>
      <c r="MD12" s="110">
        <v>41697438</v>
      </c>
      <c r="ME12" s="111">
        <v>41697438</v>
      </c>
      <c r="MF12" s="129">
        <v>0</v>
      </c>
      <c r="MG12" s="109">
        <v>0</v>
      </c>
      <c r="MH12" s="110">
        <v>0</v>
      </c>
      <c r="MI12" s="443">
        <v>0</v>
      </c>
      <c r="MJ12" s="109">
        <v>19636758</v>
      </c>
      <c r="MK12" s="109">
        <v>66556240</v>
      </c>
      <c r="ML12" s="109">
        <v>324471620</v>
      </c>
      <c r="MM12" s="109">
        <v>523331909</v>
      </c>
      <c r="MN12" s="109">
        <v>362227375</v>
      </c>
      <c r="MO12" s="110">
        <v>1296223902</v>
      </c>
      <c r="MP12" s="130">
        <v>1296223902</v>
      </c>
      <c r="MQ12" s="129">
        <v>0</v>
      </c>
      <c r="MR12" s="109">
        <v>0</v>
      </c>
      <c r="MS12" s="110">
        <v>0</v>
      </c>
      <c r="MT12" s="443">
        <v>0</v>
      </c>
      <c r="MU12" s="109">
        <v>2302469</v>
      </c>
      <c r="MV12" s="109">
        <v>8793920</v>
      </c>
      <c r="MW12" s="109">
        <v>226272806</v>
      </c>
      <c r="MX12" s="109">
        <v>361461126</v>
      </c>
      <c r="MY12" s="109">
        <v>255486743</v>
      </c>
      <c r="MZ12" s="110">
        <v>854317064</v>
      </c>
      <c r="NA12" s="130">
        <v>854317064</v>
      </c>
      <c r="NB12" s="129">
        <v>0</v>
      </c>
      <c r="NC12" s="109">
        <v>0</v>
      </c>
      <c r="ND12" s="110">
        <v>0</v>
      </c>
      <c r="NE12" s="443">
        <v>0</v>
      </c>
      <c r="NF12" s="109">
        <v>17334289</v>
      </c>
      <c r="NG12" s="109">
        <v>57354334</v>
      </c>
      <c r="NH12" s="109">
        <v>94597437</v>
      </c>
      <c r="NI12" s="109">
        <v>125521365</v>
      </c>
      <c r="NJ12" s="109">
        <v>67025955</v>
      </c>
      <c r="NK12" s="110">
        <v>361833380</v>
      </c>
      <c r="NL12" s="292">
        <v>361833380</v>
      </c>
      <c r="NM12" s="129">
        <v>0</v>
      </c>
      <c r="NN12" s="109">
        <v>0</v>
      </c>
      <c r="NO12" s="110">
        <v>0</v>
      </c>
      <c r="NP12" s="443">
        <v>0</v>
      </c>
      <c r="NQ12" s="109">
        <v>0</v>
      </c>
      <c r="NR12" s="109">
        <v>0</v>
      </c>
      <c r="NS12" s="109">
        <v>299472</v>
      </c>
      <c r="NT12" s="109">
        <v>6903420</v>
      </c>
      <c r="NU12" s="109">
        <v>6669979</v>
      </c>
      <c r="NV12" s="110">
        <v>13872871</v>
      </c>
      <c r="NW12" s="111">
        <v>13872871</v>
      </c>
      <c r="NX12" s="129">
        <v>0</v>
      </c>
      <c r="NY12" s="109">
        <v>0</v>
      </c>
      <c r="NZ12" s="110">
        <v>0</v>
      </c>
      <c r="OA12" s="443">
        <v>0</v>
      </c>
      <c r="OB12" s="109">
        <v>0</v>
      </c>
      <c r="OC12" s="109">
        <v>407986</v>
      </c>
      <c r="OD12" s="109">
        <v>3301905</v>
      </c>
      <c r="OE12" s="109">
        <v>29445998</v>
      </c>
      <c r="OF12" s="109">
        <v>33044698</v>
      </c>
      <c r="OG12" s="110">
        <v>66200587</v>
      </c>
      <c r="OH12" s="111">
        <v>66200587</v>
      </c>
      <c r="OI12" s="129">
        <v>28801834</v>
      </c>
      <c r="OJ12" s="109">
        <v>77396151</v>
      </c>
      <c r="OK12" s="128">
        <v>106197985</v>
      </c>
      <c r="OL12" s="108">
        <v>0</v>
      </c>
      <c r="OM12" s="109">
        <v>471260345</v>
      </c>
      <c r="ON12" s="109">
        <v>786660167</v>
      </c>
      <c r="OO12" s="109">
        <v>1033677230</v>
      </c>
      <c r="OP12" s="109">
        <v>1110096397</v>
      </c>
      <c r="OQ12" s="109">
        <v>753282967</v>
      </c>
      <c r="OR12" s="110">
        <v>4154977106</v>
      </c>
      <c r="OS12" s="130">
        <v>4261175091</v>
      </c>
    </row>
    <row r="13" spans="1:409" ht="21" customHeight="1" x14ac:dyDescent="0.2">
      <c r="B13" s="437" t="s">
        <v>7</v>
      </c>
      <c r="C13" s="100">
        <v>15668465</v>
      </c>
      <c r="D13" s="104">
        <v>18876246</v>
      </c>
      <c r="E13" s="103">
        <v>34544711</v>
      </c>
      <c r="F13" s="99">
        <v>0</v>
      </c>
      <c r="G13" s="104">
        <v>359047421</v>
      </c>
      <c r="H13" s="104">
        <v>330528004</v>
      </c>
      <c r="I13" s="104">
        <v>275933414</v>
      </c>
      <c r="J13" s="104">
        <v>274974718</v>
      </c>
      <c r="K13" s="104">
        <v>201570111</v>
      </c>
      <c r="L13" s="99">
        <v>1442053668</v>
      </c>
      <c r="M13" s="106">
        <v>1476598379</v>
      </c>
      <c r="N13" s="100">
        <v>2548549</v>
      </c>
      <c r="O13" s="104">
        <v>2272185</v>
      </c>
      <c r="P13" s="103">
        <v>4820734</v>
      </c>
      <c r="Q13" s="100">
        <v>0</v>
      </c>
      <c r="R13" s="104">
        <v>87273303</v>
      </c>
      <c r="S13" s="104">
        <v>93880847</v>
      </c>
      <c r="T13" s="104">
        <v>94094872</v>
      </c>
      <c r="U13" s="104">
        <v>119014861</v>
      </c>
      <c r="V13" s="104">
        <v>106993890</v>
      </c>
      <c r="W13" s="103">
        <v>501257773</v>
      </c>
      <c r="X13" s="106">
        <v>506078507</v>
      </c>
      <c r="Y13" s="100">
        <v>0</v>
      </c>
      <c r="Z13" s="104">
        <v>0</v>
      </c>
      <c r="AA13" s="103">
        <v>0</v>
      </c>
      <c r="AB13" s="100">
        <v>0</v>
      </c>
      <c r="AC13" s="104">
        <v>46797431</v>
      </c>
      <c r="AD13" s="104">
        <v>51639462</v>
      </c>
      <c r="AE13" s="104">
        <v>60584780</v>
      </c>
      <c r="AF13" s="104">
        <v>78720569</v>
      </c>
      <c r="AG13" s="104">
        <v>64243568</v>
      </c>
      <c r="AH13" s="103">
        <v>301985810</v>
      </c>
      <c r="AI13" s="106">
        <v>301985810</v>
      </c>
      <c r="AJ13" s="100">
        <v>0</v>
      </c>
      <c r="AK13" s="104">
        <v>0</v>
      </c>
      <c r="AL13" s="103">
        <v>0</v>
      </c>
      <c r="AM13" s="100">
        <v>0</v>
      </c>
      <c r="AN13" s="104">
        <v>393108</v>
      </c>
      <c r="AO13" s="104">
        <v>1846957</v>
      </c>
      <c r="AP13" s="104">
        <v>3257551</v>
      </c>
      <c r="AQ13" s="104">
        <v>8090699</v>
      </c>
      <c r="AR13" s="104">
        <v>12702753</v>
      </c>
      <c r="AS13" s="103">
        <v>26291068</v>
      </c>
      <c r="AT13" s="106">
        <v>26291068</v>
      </c>
      <c r="AU13" s="100">
        <v>637629</v>
      </c>
      <c r="AV13" s="104">
        <v>1004155</v>
      </c>
      <c r="AW13" s="103">
        <v>1641784</v>
      </c>
      <c r="AX13" s="100">
        <v>0</v>
      </c>
      <c r="AY13" s="104">
        <v>21510732</v>
      </c>
      <c r="AZ13" s="104">
        <v>22602636</v>
      </c>
      <c r="BA13" s="104">
        <v>15361996</v>
      </c>
      <c r="BB13" s="104">
        <v>15887929</v>
      </c>
      <c r="BC13" s="104">
        <v>19489706</v>
      </c>
      <c r="BD13" s="103">
        <v>94852999</v>
      </c>
      <c r="BE13" s="106">
        <v>96494783</v>
      </c>
      <c r="BF13" s="100">
        <v>156964</v>
      </c>
      <c r="BG13" s="104">
        <v>267326</v>
      </c>
      <c r="BH13" s="102">
        <v>424290</v>
      </c>
      <c r="BI13" s="101">
        <v>0</v>
      </c>
      <c r="BJ13" s="104">
        <v>2349551</v>
      </c>
      <c r="BK13" s="104">
        <v>2898308</v>
      </c>
      <c r="BL13" s="104">
        <v>1745013</v>
      </c>
      <c r="BM13" s="104">
        <v>1870501</v>
      </c>
      <c r="BN13" s="104">
        <v>975793</v>
      </c>
      <c r="BO13" s="103">
        <v>9839166</v>
      </c>
      <c r="BP13" s="106">
        <v>10263456</v>
      </c>
      <c r="BQ13" s="100">
        <v>1753956</v>
      </c>
      <c r="BR13" s="104">
        <v>1000704</v>
      </c>
      <c r="BS13" s="103">
        <v>2754660</v>
      </c>
      <c r="BT13" s="100">
        <v>0</v>
      </c>
      <c r="BU13" s="104">
        <v>16222481</v>
      </c>
      <c r="BV13" s="104">
        <v>14893484</v>
      </c>
      <c r="BW13" s="104">
        <v>13145532</v>
      </c>
      <c r="BX13" s="104">
        <v>14445163</v>
      </c>
      <c r="BY13" s="104">
        <v>9582070</v>
      </c>
      <c r="BZ13" s="103">
        <v>68288730</v>
      </c>
      <c r="CA13" s="106">
        <v>71043390</v>
      </c>
      <c r="CB13" s="100">
        <v>887908</v>
      </c>
      <c r="CC13" s="104">
        <v>2190115</v>
      </c>
      <c r="CD13" s="103">
        <v>3078023</v>
      </c>
      <c r="CE13" s="100">
        <v>0</v>
      </c>
      <c r="CF13" s="104">
        <v>97045298</v>
      </c>
      <c r="CG13" s="104">
        <v>80739569</v>
      </c>
      <c r="CH13" s="104">
        <v>52763755</v>
      </c>
      <c r="CI13" s="104">
        <v>31815273</v>
      </c>
      <c r="CJ13" s="104">
        <v>17770902</v>
      </c>
      <c r="CK13" s="103">
        <v>280134797</v>
      </c>
      <c r="CL13" s="106">
        <v>283212820</v>
      </c>
      <c r="CM13" s="100">
        <v>0</v>
      </c>
      <c r="CN13" s="104">
        <v>0</v>
      </c>
      <c r="CO13" s="103">
        <v>0</v>
      </c>
      <c r="CP13" s="101">
        <v>0</v>
      </c>
      <c r="CQ13" s="104">
        <v>83249961</v>
      </c>
      <c r="CR13" s="104">
        <v>67171221</v>
      </c>
      <c r="CS13" s="104">
        <v>42064665</v>
      </c>
      <c r="CT13" s="104">
        <v>26569098</v>
      </c>
      <c r="CU13" s="104">
        <v>15338850</v>
      </c>
      <c r="CV13" s="103">
        <v>234393795</v>
      </c>
      <c r="CW13" s="106">
        <v>234393795</v>
      </c>
      <c r="CX13" s="100">
        <v>887908</v>
      </c>
      <c r="CY13" s="104">
        <v>2190115</v>
      </c>
      <c r="CZ13" s="103">
        <v>3078023</v>
      </c>
      <c r="DA13" s="100">
        <v>0</v>
      </c>
      <c r="DB13" s="104">
        <v>13795337</v>
      </c>
      <c r="DC13" s="104">
        <v>13568348</v>
      </c>
      <c r="DD13" s="104">
        <v>10699090</v>
      </c>
      <c r="DE13" s="104">
        <v>5246175</v>
      </c>
      <c r="DF13" s="104">
        <v>2432052</v>
      </c>
      <c r="DG13" s="103">
        <v>45741002</v>
      </c>
      <c r="DH13" s="106">
        <v>48819025</v>
      </c>
      <c r="DI13" s="100">
        <v>13938</v>
      </c>
      <c r="DJ13" s="104">
        <v>204115</v>
      </c>
      <c r="DK13" s="102">
        <v>218053</v>
      </c>
      <c r="DL13" s="101">
        <v>0</v>
      </c>
      <c r="DM13" s="104">
        <v>14489182</v>
      </c>
      <c r="DN13" s="104">
        <v>20890466</v>
      </c>
      <c r="DO13" s="104">
        <v>27048940</v>
      </c>
      <c r="DP13" s="104">
        <v>23352565</v>
      </c>
      <c r="DQ13" s="104">
        <v>12876995</v>
      </c>
      <c r="DR13" s="103">
        <v>98658148</v>
      </c>
      <c r="DS13" s="106">
        <v>98876201</v>
      </c>
      <c r="DT13" s="100">
        <v>13938</v>
      </c>
      <c r="DU13" s="104">
        <v>204115</v>
      </c>
      <c r="DV13" s="103">
        <v>218053</v>
      </c>
      <c r="DW13" s="100">
        <v>0</v>
      </c>
      <c r="DX13" s="104">
        <v>13408379</v>
      </c>
      <c r="DY13" s="104">
        <v>19833548</v>
      </c>
      <c r="DZ13" s="104">
        <v>24967731</v>
      </c>
      <c r="EA13" s="104">
        <v>20933337</v>
      </c>
      <c r="EB13" s="104">
        <v>12286163</v>
      </c>
      <c r="EC13" s="103">
        <v>91429158</v>
      </c>
      <c r="ED13" s="106">
        <v>91647211</v>
      </c>
      <c r="EE13" s="100">
        <v>0</v>
      </c>
      <c r="EF13" s="102">
        <v>0</v>
      </c>
      <c r="EG13" s="103">
        <v>0</v>
      </c>
      <c r="EH13" s="100">
        <v>0</v>
      </c>
      <c r="EI13" s="104">
        <v>1080803</v>
      </c>
      <c r="EJ13" s="104">
        <v>1056918</v>
      </c>
      <c r="EK13" s="104">
        <v>2081209</v>
      </c>
      <c r="EL13" s="104">
        <v>2419228</v>
      </c>
      <c r="EM13" s="104">
        <v>590832</v>
      </c>
      <c r="EN13" s="102">
        <v>7228990</v>
      </c>
      <c r="EO13" s="106">
        <v>7228990</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06">
        <v>0</v>
      </c>
      <c r="FE13" s="104">
        <v>0</v>
      </c>
      <c r="FF13" s="104">
        <v>0</v>
      </c>
      <c r="FG13" s="104">
        <v>0</v>
      </c>
      <c r="FH13" s="104">
        <v>0</v>
      </c>
      <c r="FI13" s="104">
        <v>0</v>
      </c>
      <c r="FJ13" s="103">
        <v>0</v>
      </c>
      <c r="FK13" s="106">
        <v>0</v>
      </c>
      <c r="FL13" s="100">
        <v>4384578</v>
      </c>
      <c r="FM13" s="104">
        <v>5931418</v>
      </c>
      <c r="FN13" s="103">
        <v>10315996</v>
      </c>
      <c r="FO13" s="100">
        <v>0</v>
      </c>
      <c r="FP13" s="104">
        <v>15764559</v>
      </c>
      <c r="FQ13" s="104">
        <v>29110351</v>
      </c>
      <c r="FR13" s="104">
        <v>19198331</v>
      </c>
      <c r="FS13" s="104">
        <v>16638952</v>
      </c>
      <c r="FT13" s="104">
        <v>12137972</v>
      </c>
      <c r="FU13" s="103">
        <v>92850165</v>
      </c>
      <c r="FV13" s="106">
        <v>103166161</v>
      </c>
      <c r="FW13" s="105">
        <v>1582502</v>
      </c>
      <c r="FX13" s="104">
        <v>3498285</v>
      </c>
      <c r="FY13" s="102">
        <v>5080787</v>
      </c>
      <c r="FZ13" s="101">
        <v>0</v>
      </c>
      <c r="GA13" s="104">
        <v>11886329</v>
      </c>
      <c r="GB13" s="104">
        <v>26551847</v>
      </c>
      <c r="GC13" s="104">
        <v>17506890</v>
      </c>
      <c r="GD13" s="104">
        <v>16080494</v>
      </c>
      <c r="GE13" s="104">
        <v>11816424</v>
      </c>
      <c r="GF13" s="103">
        <v>83841984</v>
      </c>
      <c r="GG13" s="290">
        <v>88922771</v>
      </c>
      <c r="GH13" s="105">
        <v>214457</v>
      </c>
      <c r="GI13" s="104">
        <v>547513</v>
      </c>
      <c r="GJ13" s="102">
        <v>761970</v>
      </c>
      <c r="GK13" s="101">
        <v>0</v>
      </c>
      <c r="GL13" s="104">
        <v>913364</v>
      </c>
      <c r="GM13" s="104">
        <v>835068</v>
      </c>
      <c r="GN13" s="104">
        <v>479421</v>
      </c>
      <c r="GO13" s="104">
        <v>192068</v>
      </c>
      <c r="GP13" s="104">
        <v>141548</v>
      </c>
      <c r="GQ13" s="103">
        <v>2561469</v>
      </c>
      <c r="GR13" s="106">
        <v>3323439</v>
      </c>
      <c r="GS13" s="100">
        <v>2587619</v>
      </c>
      <c r="GT13" s="104">
        <v>1885620</v>
      </c>
      <c r="GU13" s="103">
        <v>4473239</v>
      </c>
      <c r="GV13" s="100">
        <v>0</v>
      </c>
      <c r="GW13" s="104">
        <v>2964866</v>
      </c>
      <c r="GX13" s="104">
        <v>1723436</v>
      </c>
      <c r="GY13" s="104">
        <v>1212020</v>
      </c>
      <c r="GZ13" s="104">
        <v>366390</v>
      </c>
      <c r="HA13" s="104">
        <v>180000</v>
      </c>
      <c r="HB13" s="102">
        <v>6446712</v>
      </c>
      <c r="HC13" s="106">
        <v>10919951</v>
      </c>
      <c r="HD13" s="100">
        <v>5613468</v>
      </c>
      <c r="HE13" s="104">
        <v>3916536</v>
      </c>
      <c r="HF13" s="102">
        <v>9530004</v>
      </c>
      <c r="HG13" s="101">
        <v>0</v>
      </c>
      <c r="HH13" s="104">
        <v>74927668</v>
      </c>
      <c r="HI13" s="104">
        <v>58402127</v>
      </c>
      <c r="HJ13" s="104">
        <v>54119875</v>
      </c>
      <c r="HK13" s="104">
        <v>64194271</v>
      </c>
      <c r="HL13" s="104">
        <v>39413223</v>
      </c>
      <c r="HM13" s="103">
        <v>291057164</v>
      </c>
      <c r="HN13" s="99">
        <v>300587168</v>
      </c>
      <c r="HO13" s="105">
        <v>2220024</v>
      </c>
      <c r="HP13" s="104">
        <v>4361877</v>
      </c>
      <c r="HQ13" s="103">
        <v>6581901</v>
      </c>
      <c r="HR13" s="100">
        <v>0</v>
      </c>
      <c r="HS13" s="104">
        <v>69547411</v>
      </c>
      <c r="HT13" s="104">
        <v>47504644</v>
      </c>
      <c r="HU13" s="104">
        <v>28707641</v>
      </c>
      <c r="HV13" s="104">
        <v>19958796</v>
      </c>
      <c r="HW13" s="104">
        <v>12377129</v>
      </c>
      <c r="HX13" s="102">
        <v>178095621</v>
      </c>
      <c r="HY13" s="106">
        <v>184677522</v>
      </c>
      <c r="HZ13" s="118">
        <v>121541</v>
      </c>
      <c r="IA13" s="119">
        <v>508749</v>
      </c>
      <c r="IB13" s="120">
        <v>630290</v>
      </c>
      <c r="IC13" s="131">
        <v>0</v>
      </c>
      <c r="ID13" s="119">
        <v>94747114</v>
      </c>
      <c r="IE13" s="132">
        <v>97549481</v>
      </c>
      <c r="IF13" s="120">
        <v>87991407</v>
      </c>
      <c r="IG13" s="119">
        <v>64375568</v>
      </c>
      <c r="IH13" s="120">
        <v>39790732</v>
      </c>
      <c r="II13" s="133">
        <v>384454302</v>
      </c>
      <c r="IJ13" s="126">
        <v>385084592</v>
      </c>
      <c r="IK13" s="215">
        <v>0</v>
      </c>
      <c r="IL13" s="219">
        <v>0</v>
      </c>
      <c r="IM13" s="220">
        <v>0</v>
      </c>
      <c r="IN13" s="127">
        <v>0</v>
      </c>
      <c r="IO13" s="109">
        <v>598349</v>
      </c>
      <c r="IP13" s="109">
        <v>1724199</v>
      </c>
      <c r="IQ13" s="109">
        <v>812615</v>
      </c>
      <c r="IR13" s="109">
        <v>1855832</v>
      </c>
      <c r="IS13" s="109">
        <v>802147</v>
      </c>
      <c r="IT13" s="128">
        <v>5793142</v>
      </c>
      <c r="IU13" s="292">
        <v>5793142</v>
      </c>
      <c r="IV13" s="129">
        <v>0</v>
      </c>
      <c r="IW13" s="109">
        <v>0</v>
      </c>
      <c r="IX13" s="110">
        <v>0</v>
      </c>
      <c r="IY13" s="443">
        <v>0</v>
      </c>
      <c r="IZ13" s="109">
        <v>0</v>
      </c>
      <c r="JA13" s="109">
        <v>0</v>
      </c>
      <c r="JB13" s="109">
        <v>0</v>
      </c>
      <c r="JC13" s="109">
        <v>0</v>
      </c>
      <c r="JD13" s="109">
        <v>0</v>
      </c>
      <c r="JE13" s="110">
        <v>0</v>
      </c>
      <c r="JF13" s="111">
        <v>0</v>
      </c>
      <c r="JG13" s="129">
        <v>0</v>
      </c>
      <c r="JH13" s="109">
        <v>0</v>
      </c>
      <c r="JI13" s="128">
        <v>0</v>
      </c>
      <c r="JJ13" s="108">
        <v>0</v>
      </c>
      <c r="JK13" s="109">
        <v>46734370</v>
      </c>
      <c r="JL13" s="109">
        <v>37353123</v>
      </c>
      <c r="JM13" s="109">
        <v>21683447</v>
      </c>
      <c r="JN13" s="109">
        <v>9425761</v>
      </c>
      <c r="JO13" s="109">
        <v>6574172</v>
      </c>
      <c r="JP13" s="110">
        <v>121770873</v>
      </c>
      <c r="JQ13" s="292">
        <v>121770873</v>
      </c>
      <c r="JR13" s="129">
        <v>0</v>
      </c>
      <c r="JS13" s="109">
        <v>89516</v>
      </c>
      <c r="JT13" s="128">
        <v>89516</v>
      </c>
      <c r="JU13" s="108">
        <v>0</v>
      </c>
      <c r="JV13" s="109">
        <v>7559552</v>
      </c>
      <c r="JW13" s="109">
        <v>8978954</v>
      </c>
      <c r="JX13" s="109">
        <v>11239170</v>
      </c>
      <c r="JY13" s="109">
        <v>6367466</v>
      </c>
      <c r="JZ13" s="109">
        <v>2704478</v>
      </c>
      <c r="KA13" s="110">
        <v>36849620</v>
      </c>
      <c r="KB13" s="292">
        <v>36939136</v>
      </c>
      <c r="KC13" s="217">
        <v>121541</v>
      </c>
      <c r="KD13" s="213">
        <v>166484</v>
      </c>
      <c r="KE13" s="110">
        <v>288025</v>
      </c>
      <c r="KF13" s="108">
        <v>0</v>
      </c>
      <c r="KG13" s="109">
        <v>5552559</v>
      </c>
      <c r="KH13" s="109">
        <v>5928655</v>
      </c>
      <c r="KI13" s="109">
        <v>8638641</v>
      </c>
      <c r="KJ13" s="109">
        <v>5297568</v>
      </c>
      <c r="KK13" s="109">
        <v>3422911</v>
      </c>
      <c r="KL13" s="110">
        <v>28840334</v>
      </c>
      <c r="KM13" s="130">
        <v>29128359</v>
      </c>
      <c r="KN13" s="215">
        <v>0</v>
      </c>
      <c r="KO13" s="219">
        <v>252749</v>
      </c>
      <c r="KP13" s="220">
        <v>252749</v>
      </c>
      <c r="KQ13" s="443">
        <v>0</v>
      </c>
      <c r="KR13" s="109">
        <v>32378832</v>
      </c>
      <c r="KS13" s="109">
        <v>41072767</v>
      </c>
      <c r="KT13" s="109">
        <v>42106953</v>
      </c>
      <c r="KU13" s="109">
        <v>37691854</v>
      </c>
      <c r="KV13" s="109">
        <v>19876845</v>
      </c>
      <c r="KW13" s="110">
        <v>173127251</v>
      </c>
      <c r="KX13" s="292">
        <v>173380000</v>
      </c>
      <c r="KY13" s="129">
        <v>0</v>
      </c>
      <c r="KZ13" s="109">
        <v>0</v>
      </c>
      <c r="LA13" s="110">
        <v>0</v>
      </c>
      <c r="LB13" s="443">
        <v>0</v>
      </c>
      <c r="LC13" s="109">
        <v>0</v>
      </c>
      <c r="LD13" s="109">
        <v>0</v>
      </c>
      <c r="LE13" s="109">
        <v>0</v>
      </c>
      <c r="LF13" s="109">
        <v>0</v>
      </c>
      <c r="LG13" s="109">
        <v>0</v>
      </c>
      <c r="LH13" s="110">
        <v>0</v>
      </c>
      <c r="LI13" s="111">
        <v>0</v>
      </c>
      <c r="LJ13" s="129">
        <v>0</v>
      </c>
      <c r="LK13" s="109">
        <v>0</v>
      </c>
      <c r="LL13" s="110">
        <v>0</v>
      </c>
      <c r="LM13" s="443">
        <v>0</v>
      </c>
      <c r="LN13" s="109">
        <v>0</v>
      </c>
      <c r="LO13" s="109">
        <v>0</v>
      </c>
      <c r="LP13" s="109">
        <v>0</v>
      </c>
      <c r="LQ13" s="109">
        <v>0</v>
      </c>
      <c r="LR13" s="109">
        <v>0</v>
      </c>
      <c r="LS13" s="110">
        <v>0</v>
      </c>
      <c r="LT13" s="292">
        <v>0</v>
      </c>
      <c r="LU13" s="129">
        <v>0</v>
      </c>
      <c r="LV13" s="109">
        <v>0</v>
      </c>
      <c r="LW13" s="110">
        <v>0</v>
      </c>
      <c r="LX13" s="443">
        <v>0</v>
      </c>
      <c r="LY13" s="109">
        <v>1923452</v>
      </c>
      <c r="LZ13" s="109">
        <v>2491783</v>
      </c>
      <c r="MA13" s="109">
        <v>3510581</v>
      </c>
      <c r="MB13" s="109">
        <v>3737087</v>
      </c>
      <c r="MC13" s="109">
        <v>6410179</v>
      </c>
      <c r="MD13" s="110">
        <v>18073082</v>
      </c>
      <c r="ME13" s="111">
        <v>18073082</v>
      </c>
      <c r="MF13" s="129">
        <v>0</v>
      </c>
      <c r="MG13" s="109">
        <v>0</v>
      </c>
      <c r="MH13" s="110">
        <v>0</v>
      </c>
      <c r="MI13" s="443">
        <v>0</v>
      </c>
      <c r="MJ13" s="109">
        <v>48722398</v>
      </c>
      <c r="MK13" s="109">
        <v>71806130</v>
      </c>
      <c r="ML13" s="109">
        <v>233848155</v>
      </c>
      <c r="MM13" s="109">
        <v>347546246</v>
      </c>
      <c r="MN13" s="109">
        <v>208131095</v>
      </c>
      <c r="MO13" s="110">
        <v>910054024</v>
      </c>
      <c r="MP13" s="130">
        <v>910054024</v>
      </c>
      <c r="MQ13" s="129">
        <v>0</v>
      </c>
      <c r="MR13" s="109">
        <v>0</v>
      </c>
      <c r="MS13" s="110">
        <v>0</v>
      </c>
      <c r="MT13" s="443">
        <v>0</v>
      </c>
      <c r="MU13" s="109">
        <v>5212334</v>
      </c>
      <c r="MV13" s="109">
        <v>11268225</v>
      </c>
      <c r="MW13" s="109">
        <v>156912959</v>
      </c>
      <c r="MX13" s="109">
        <v>252504545</v>
      </c>
      <c r="MY13" s="109">
        <v>170232766</v>
      </c>
      <c r="MZ13" s="110">
        <v>596130829</v>
      </c>
      <c r="NA13" s="130">
        <v>596130829</v>
      </c>
      <c r="NB13" s="129">
        <v>0</v>
      </c>
      <c r="NC13" s="109">
        <v>0</v>
      </c>
      <c r="ND13" s="110">
        <v>0</v>
      </c>
      <c r="NE13" s="443">
        <v>0</v>
      </c>
      <c r="NF13" s="109">
        <v>43510064</v>
      </c>
      <c r="NG13" s="109">
        <v>60537905</v>
      </c>
      <c r="NH13" s="109">
        <v>76265274</v>
      </c>
      <c r="NI13" s="109">
        <v>93584350</v>
      </c>
      <c r="NJ13" s="109">
        <v>37166800</v>
      </c>
      <c r="NK13" s="110">
        <v>311064393</v>
      </c>
      <c r="NL13" s="292">
        <v>311064393</v>
      </c>
      <c r="NM13" s="129">
        <v>0</v>
      </c>
      <c r="NN13" s="109">
        <v>0</v>
      </c>
      <c r="NO13" s="110">
        <v>0</v>
      </c>
      <c r="NP13" s="443">
        <v>0</v>
      </c>
      <c r="NQ13" s="109">
        <v>0</v>
      </c>
      <c r="NR13" s="109">
        <v>0</v>
      </c>
      <c r="NS13" s="109">
        <v>0</v>
      </c>
      <c r="NT13" s="109">
        <v>336105</v>
      </c>
      <c r="NU13" s="109">
        <v>731529</v>
      </c>
      <c r="NV13" s="110">
        <v>1067634</v>
      </c>
      <c r="NW13" s="111">
        <v>1067634</v>
      </c>
      <c r="NX13" s="129">
        <v>0</v>
      </c>
      <c r="NY13" s="109">
        <v>0</v>
      </c>
      <c r="NZ13" s="110">
        <v>0</v>
      </c>
      <c r="OA13" s="443">
        <v>0</v>
      </c>
      <c r="OB13" s="109">
        <v>0</v>
      </c>
      <c r="OC13" s="109">
        <v>0</v>
      </c>
      <c r="OD13" s="109">
        <v>669922</v>
      </c>
      <c r="OE13" s="109">
        <v>1121246</v>
      </c>
      <c r="OF13" s="109">
        <v>0</v>
      </c>
      <c r="OG13" s="110">
        <v>1791168</v>
      </c>
      <c r="OH13" s="111">
        <v>1791168</v>
      </c>
      <c r="OI13" s="129">
        <v>15790006</v>
      </c>
      <c r="OJ13" s="109">
        <v>19384995</v>
      </c>
      <c r="OK13" s="128">
        <v>35175001</v>
      </c>
      <c r="OL13" s="108">
        <v>0</v>
      </c>
      <c r="OM13" s="109">
        <v>502516933</v>
      </c>
      <c r="ON13" s="109">
        <v>499883615</v>
      </c>
      <c r="OO13" s="109">
        <v>597772976</v>
      </c>
      <c r="OP13" s="109">
        <v>686896532</v>
      </c>
      <c r="OQ13" s="109">
        <v>449491938</v>
      </c>
      <c r="OR13" s="110">
        <v>2736561994</v>
      </c>
      <c r="OS13" s="130">
        <v>2771736995</v>
      </c>
    </row>
    <row r="14" spans="1:409" ht="21" customHeight="1" x14ac:dyDescent="0.2">
      <c r="B14" s="437" t="s">
        <v>8</v>
      </c>
      <c r="C14" s="100">
        <v>13449782</v>
      </c>
      <c r="D14" s="104">
        <v>16082825</v>
      </c>
      <c r="E14" s="103">
        <v>29532607</v>
      </c>
      <c r="F14" s="99">
        <v>0</v>
      </c>
      <c r="G14" s="104">
        <v>146881726</v>
      </c>
      <c r="H14" s="104">
        <v>206236053</v>
      </c>
      <c r="I14" s="104">
        <v>187964129</v>
      </c>
      <c r="J14" s="104">
        <v>169514876</v>
      </c>
      <c r="K14" s="104">
        <v>131231541</v>
      </c>
      <c r="L14" s="99">
        <v>841828325</v>
      </c>
      <c r="M14" s="106">
        <v>871360932</v>
      </c>
      <c r="N14" s="100">
        <v>2506839</v>
      </c>
      <c r="O14" s="104">
        <v>3245978</v>
      </c>
      <c r="P14" s="103">
        <v>5752817</v>
      </c>
      <c r="Q14" s="100">
        <v>0</v>
      </c>
      <c r="R14" s="104">
        <v>39361052</v>
      </c>
      <c r="S14" s="104">
        <v>64930738</v>
      </c>
      <c r="T14" s="104">
        <v>61390321</v>
      </c>
      <c r="U14" s="104">
        <v>69606684</v>
      </c>
      <c r="V14" s="104">
        <v>72223378</v>
      </c>
      <c r="W14" s="103">
        <v>307512173</v>
      </c>
      <c r="X14" s="106">
        <v>313264990</v>
      </c>
      <c r="Y14" s="100">
        <v>0</v>
      </c>
      <c r="Z14" s="104">
        <v>0</v>
      </c>
      <c r="AA14" s="103">
        <v>0</v>
      </c>
      <c r="AB14" s="100">
        <v>0</v>
      </c>
      <c r="AC14" s="104">
        <v>20106267</v>
      </c>
      <c r="AD14" s="104">
        <v>37009418</v>
      </c>
      <c r="AE14" s="104">
        <v>39341898</v>
      </c>
      <c r="AF14" s="104">
        <v>46181719</v>
      </c>
      <c r="AG14" s="104">
        <v>48523222</v>
      </c>
      <c r="AH14" s="103">
        <v>191162524</v>
      </c>
      <c r="AI14" s="106">
        <v>191162524</v>
      </c>
      <c r="AJ14" s="100">
        <v>0</v>
      </c>
      <c r="AK14" s="104">
        <v>0</v>
      </c>
      <c r="AL14" s="103">
        <v>0</v>
      </c>
      <c r="AM14" s="100">
        <v>0</v>
      </c>
      <c r="AN14" s="104">
        <v>269780</v>
      </c>
      <c r="AO14" s="104">
        <v>912878</v>
      </c>
      <c r="AP14" s="104">
        <v>1374211</v>
      </c>
      <c r="AQ14" s="104">
        <v>3180923</v>
      </c>
      <c r="AR14" s="104">
        <v>5903267</v>
      </c>
      <c r="AS14" s="103">
        <v>11641059</v>
      </c>
      <c r="AT14" s="106">
        <v>11641059</v>
      </c>
      <c r="AU14" s="100">
        <v>1202238</v>
      </c>
      <c r="AV14" s="104">
        <v>1997179</v>
      </c>
      <c r="AW14" s="103">
        <v>3199417</v>
      </c>
      <c r="AX14" s="100">
        <v>0</v>
      </c>
      <c r="AY14" s="104">
        <v>10355835</v>
      </c>
      <c r="AZ14" s="104">
        <v>16325318</v>
      </c>
      <c r="BA14" s="104">
        <v>11411440</v>
      </c>
      <c r="BB14" s="104">
        <v>10905042</v>
      </c>
      <c r="BC14" s="104">
        <v>11079296</v>
      </c>
      <c r="BD14" s="103">
        <v>60076931</v>
      </c>
      <c r="BE14" s="106">
        <v>63276348</v>
      </c>
      <c r="BF14" s="100">
        <v>331714</v>
      </c>
      <c r="BG14" s="104">
        <v>649194</v>
      </c>
      <c r="BH14" s="102">
        <v>980908</v>
      </c>
      <c r="BI14" s="101">
        <v>0</v>
      </c>
      <c r="BJ14" s="104">
        <v>2416169</v>
      </c>
      <c r="BK14" s="104">
        <v>3397624</v>
      </c>
      <c r="BL14" s="104">
        <v>1845750</v>
      </c>
      <c r="BM14" s="104">
        <v>1956095</v>
      </c>
      <c r="BN14" s="104">
        <v>860003</v>
      </c>
      <c r="BO14" s="103">
        <v>10475641</v>
      </c>
      <c r="BP14" s="106">
        <v>11456549</v>
      </c>
      <c r="BQ14" s="100">
        <v>972887</v>
      </c>
      <c r="BR14" s="104">
        <v>599605</v>
      </c>
      <c r="BS14" s="103">
        <v>1572492</v>
      </c>
      <c r="BT14" s="100">
        <v>0</v>
      </c>
      <c r="BU14" s="104">
        <v>6213001</v>
      </c>
      <c r="BV14" s="104">
        <v>7285500</v>
      </c>
      <c r="BW14" s="104">
        <v>7417022</v>
      </c>
      <c r="BX14" s="104">
        <v>7382905</v>
      </c>
      <c r="BY14" s="104">
        <v>5857590</v>
      </c>
      <c r="BZ14" s="103">
        <v>34156018</v>
      </c>
      <c r="CA14" s="106">
        <v>35728510</v>
      </c>
      <c r="CB14" s="100">
        <v>1395572</v>
      </c>
      <c r="CC14" s="104">
        <v>2618239</v>
      </c>
      <c r="CD14" s="103">
        <v>4013811</v>
      </c>
      <c r="CE14" s="100">
        <v>0</v>
      </c>
      <c r="CF14" s="104">
        <v>38810101</v>
      </c>
      <c r="CG14" s="104">
        <v>56059069</v>
      </c>
      <c r="CH14" s="104">
        <v>42073310</v>
      </c>
      <c r="CI14" s="104">
        <v>28018081</v>
      </c>
      <c r="CJ14" s="104">
        <v>16268722</v>
      </c>
      <c r="CK14" s="103">
        <v>181229283</v>
      </c>
      <c r="CL14" s="106">
        <v>185243094</v>
      </c>
      <c r="CM14" s="100">
        <v>0</v>
      </c>
      <c r="CN14" s="104">
        <v>0</v>
      </c>
      <c r="CO14" s="103">
        <v>0</v>
      </c>
      <c r="CP14" s="101">
        <v>0</v>
      </c>
      <c r="CQ14" s="104">
        <v>31347997</v>
      </c>
      <c r="CR14" s="104">
        <v>46201163</v>
      </c>
      <c r="CS14" s="104">
        <v>34695572</v>
      </c>
      <c r="CT14" s="104">
        <v>22885160</v>
      </c>
      <c r="CU14" s="104">
        <v>14153664</v>
      </c>
      <c r="CV14" s="103">
        <v>149283556</v>
      </c>
      <c r="CW14" s="106">
        <v>149283556</v>
      </c>
      <c r="CX14" s="100">
        <v>1395572</v>
      </c>
      <c r="CY14" s="104">
        <v>2618239</v>
      </c>
      <c r="CZ14" s="103">
        <v>4013811</v>
      </c>
      <c r="DA14" s="100">
        <v>0</v>
      </c>
      <c r="DB14" s="104">
        <v>7462104</v>
      </c>
      <c r="DC14" s="104">
        <v>9857906</v>
      </c>
      <c r="DD14" s="104">
        <v>7377738</v>
      </c>
      <c r="DE14" s="104">
        <v>5132921</v>
      </c>
      <c r="DF14" s="104">
        <v>2115058</v>
      </c>
      <c r="DG14" s="103">
        <v>31945727</v>
      </c>
      <c r="DH14" s="106">
        <v>35959538</v>
      </c>
      <c r="DI14" s="100">
        <v>52432</v>
      </c>
      <c r="DJ14" s="104">
        <v>390186</v>
      </c>
      <c r="DK14" s="102">
        <v>442618</v>
      </c>
      <c r="DL14" s="101">
        <v>0</v>
      </c>
      <c r="DM14" s="104">
        <v>5139071</v>
      </c>
      <c r="DN14" s="104">
        <v>10544068</v>
      </c>
      <c r="DO14" s="104">
        <v>27204167</v>
      </c>
      <c r="DP14" s="104">
        <v>15400163</v>
      </c>
      <c r="DQ14" s="104">
        <v>7699912</v>
      </c>
      <c r="DR14" s="103">
        <v>65987381</v>
      </c>
      <c r="DS14" s="106">
        <v>66429999</v>
      </c>
      <c r="DT14" s="100">
        <v>52432</v>
      </c>
      <c r="DU14" s="104">
        <v>390186</v>
      </c>
      <c r="DV14" s="103">
        <v>442618</v>
      </c>
      <c r="DW14" s="100">
        <v>0</v>
      </c>
      <c r="DX14" s="104">
        <v>4993610</v>
      </c>
      <c r="DY14" s="104">
        <v>9975225</v>
      </c>
      <c r="DZ14" s="104">
        <v>26659479</v>
      </c>
      <c r="EA14" s="104">
        <v>15028432</v>
      </c>
      <c r="EB14" s="104">
        <v>7549472</v>
      </c>
      <c r="EC14" s="103">
        <v>64206218</v>
      </c>
      <c r="ED14" s="106">
        <v>64648836</v>
      </c>
      <c r="EE14" s="100">
        <v>0</v>
      </c>
      <c r="EF14" s="102">
        <v>0</v>
      </c>
      <c r="EG14" s="103">
        <v>0</v>
      </c>
      <c r="EH14" s="100">
        <v>0</v>
      </c>
      <c r="EI14" s="104">
        <v>145461</v>
      </c>
      <c r="EJ14" s="104">
        <v>568843</v>
      </c>
      <c r="EK14" s="104">
        <v>544688</v>
      </c>
      <c r="EL14" s="104">
        <v>371731</v>
      </c>
      <c r="EM14" s="104">
        <v>150440</v>
      </c>
      <c r="EN14" s="102">
        <v>1781163</v>
      </c>
      <c r="EO14" s="106">
        <v>1781163</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06">
        <v>0</v>
      </c>
      <c r="FE14" s="104">
        <v>0</v>
      </c>
      <c r="FF14" s="104">
        <v>0</v>
      </c>
      <c r="FG14" s="104">
        <v>0</v>
      </c>
      <c r="FH14" s="104">
        <v>0</v>
      </c>
      <c r="FI14" s="104">
        <v>0</v>
      </c>
      <c r="FJ14" s="103">
        <v>0</v>
      </c>
      <c r="FK14" s="106">
        <v>0</v>
      </c>
      <c r="FL14" s="100">
        <v>3536802</v>
      </c>
      <c r="FM14" s="104">
        <v>4576809</v>
      </c>
      <c r="FN14" s="103">
        <v>8113611</v>
      </c>
      <c r="FO14" s="100">
        <v>0</v>
      </c>
      <c r="FP14" s="104">
        <v>9491853</v>
      </c>
      <c r="FQ14" s="104">
        <v>21921306</v>
      </c>
      <c r="FR14" s="104">
        <v>14968352</v>
      </c>
      <c r="FS14" s="104">
        <v>13074570</v>
      </c>
      <c r="FT14" s="104">
        <v>9382893</v>
      </c>
      <c r="FU14" s="103">
        <v>68838974</v>
      </c>
      <c r="FV14" s="106">
        <v>76952585</v>
      </c>
      <c r="FW14" s="105">
        <v>2428979</v>
      </c>
      <c r="FX14" s="104">
        <v>3925429</v>
      </c>
      <c r="FY14" s="102">
        <v>6354408</v>
      </c>
      <c r="FZ14" s="101">
        <v>0</v>
      </c>
      <c r="GA14" s="104">
        <v>7765992</v>
      </c>
      <c r="GB14" s="104">
        <v>21032129</v>
      </c>
      <c r="GC14" s="104">
        <v>14033413</v>
      </c>
      <c r="GD14" s="104">
        <v>12037757</v>
      </c>
      <c r="GE14" s="104">
        <v>9200414</v>
      </c>
      <c r="GF14" s="103">
        <v>64069705</v>
      </c>
      <c r="GG14" s="290">
        <v>70424113</v>
      </c>
      <c r="GH14" s="105">
        <v>116437</v>
      </c>
      <c r="GI14" s="104">
        <v>61736</v>
      </c>
      <c r="GJ14" s="102">
        <v>178173</v>
      </c>
      <c r="GK14" s="101">
        <v>0</v>
      </c>
      <c r="GL14" s="104">
        <v>196308</v>
      </c>
      <c r="GM14" s="104">
        <v>363527</v>
      </c>
      <c r="GN14" s="104">
        <v>255889</v>
      </c>
      <c r="GO14" s="104">
        <v>259085</v>
      </c>
      <c r="GP14" s="104">
        <v>27769</v>
      </c>
      <c r="GQ14" s="103">
        <v>1102578</v>
      </c>
      <c r="GR14" s="106">
        <v>1280751</v>
      </c>
      <c r="GS14" s="100">
        <v>991386</v>
      </c>
      <c r="GT14" s="104">
        <v>589644</v>
      </c>
      <c r="GU14" s="103">
        <v>1581030</v>
      </c>
      <c r="GV14" s="100">
        <v>0</v>
      </c>
      <c r="GW14" s="104">
        <v>1529553</v>
      </c>
      <c r="GX14" s="104">
        <v>525650</v>
      </c>
      <c r="GY14" s="104">
        <v>679050</v>
      </c>
      <c r="GZ14" s="104">
        <v>777728</v>
      </c>
      <c r="HA14" s="104">
        <v>154710</v>
      </c>
      <c r="HB14" s="102">
        <v>3666691</v>
      </c>
      <c r="HC14" s="106">
        <v>5247721</v>
      </c>
      <c r="HD14" s="100">
        <v>3328063</v>
      </c>
      <c r="HE14" s="104">
        <v>1830107</v>
      </c>
      <c r="HF14" s="102">
        <v>5158170</v>
      </c>
      <c r="HG14" s="101">
        <v>0</v>
      </c>
      <c r="HH14" s="104">
        <v>26442930</v>
      </c>
      <c r="HI14" s="104">
        <v>23912215</v>
      </c>
      <c r="HJ14" s="104">
        <v>23132225</v>
      </c>
      <c r="HK14" s="104">
        <v>30816315</v>
      </c>
      <c r="HL14" s="104">
        <v>17862368</v>
      </c>
      <c r="HM14" s="103">
        <v>122166053</v>
      </c>
      <c r="HN14" s="99">
        <v>127324223</v>
      </c>
      <c r="HO14" s="105">
        <v>2630074</v>
      </c>
      <c r="HP14" s="104">
        <v>3421506</v>
      </c>
      <c r="HQ14" s="103">
        <v>6051580</v>
      </c>
      <c r="HR14" s="100">
        <v>0</v>
      </c>
      <c r="HS14" s="104">
        <v>27636719</v>
      </c>
      <c r="HT14" s="104">
        <v>28868657</v>
      </c>
      <c r="HU14" s="104">
        <v>19195754</v>
      </c>
      <c r="HV14" s="104">
        <v>12599063</v>
      </c>
      <c r="HW14" s="104">
        <v>7794268</v>
      </c>
      <c r="HX14" s="102">
        <v>96094461</v>
      </c>
      <c r="HY14" s="106">
        <v>102146041</v>
      </c>
      <c r="HZ14" s="118">
        <v>527050</v>
      </c>
      <c r="IA14" s="119">
        <v>1037018</v>
      </c>
      <c r="IB14" s="120">
        <v>1564068</v>
      </c>
      <c r="IC14" s="121">
        <v>0</v>
      </c>
      <c r="ID14" s="122">
        <v>52346421</v>
      </c>
      <c r="IE14" s="123">
        <v>65511636</v>
      </c>
      <c r="IF14" s="124">
        <v>64114677</v>
      </c>
      <c r="IG14" s="122">
        <v>56006819</v>
      </c>
      <c r="IH14" s="124">
        <v>28767227</v>
      </c>
      <c r="II14" s="125">
        <v>266746780</v>
      </c>
      <c r="IJ14" s="126">
        <v>268310848</v>
      </c>
      <c r="IK14" s="215">
        <v>0</v>
      </c>
      <c r="IL14" s="219">
        <v>0</v>
      </c>
      <c r="IM14" s="220">
        <v>0</v>
      </c>
      <c r="IN14" s="127">
        <v>0</v>
      </c>
      <c r="IO14" s="109">
        <v>450181</v>
      </c>
      <c r="IP14" s="109">
        <v>516356</v>
      </c>
      <c r="IQ14" s="109">
        <v>227094</v>
      </c>
      <c r="IR14" s="109">
        <v>1407148</v>
      </c>
      <c r="IS14" s="109">
        <v>335306</v>
      </c>
      <c r="IT14" s="128">
        <v>2936085</v>
      </c>
      <c r="IU14" s="292">
        <v>2936085</v>
      </c>
      <c r="IV14" s="129">
        <v>0</v>
      </c>
      <c r="IW14" s="109">
        <v>0</v>
      </c>
      <c r="IX14" s="110">
        <v>0</v>
      </c>
      <c r="IY14" s="443">
        <v>0</v>
      </c>
      <c r="IZ14" s="109">
        <v>45731</v>
      </c>
      <c r="JA14" s="109">
        <v>65000</v>
      </c>
      <c r="JB14" s="109">
        <v>0</v>
      </c>
      <c r="JC14" s="109">
        <v>19269</v>
      </c>
      <c r="JD14" s="109">
        <v>-61640</v>
      </c>
      <c r="JE14" s="110">
        <v>68360</v>
      </c>
      <c r="JF14" s="111">
        <v>68360</v>
      </c>
      <c r="JG14" s="129">
        <v>0</v>
      </c>
      <c r="JH14" s="109">
        <v>0</v>
      </c>
      <c r="JI14" s="128">
        <v>0</v>
      </c>
      <c r="JJ14" s="108">
        <v>0</v>
      </c>
      <c r="JK14" s="109">
        <v>25124557</v>
      </c>
      <c r="JL14" s="109">
        <v>32881749</v>
      </c>
      <c r="JM14" s="109">
        <v>19531775</v>
      </c>
      <c r="JN14" s="109">
        <v>11967204</v>
      </c>
      <c r="JO14" s="109">
        <v>6525755</v>
      </c>
      <c r="JP14" s="110">
        <v>96031040</v>
      </c>
      <c r="JQ14" s="292">
        <v>96031040</v>
      </c>
      <c r="JR14" s="129">
        <v>0</v>
      </c>
      <c r="JS14" s="109">
        <v>0</v>
      </c>
      <c r="JT14" s="128">
        <v>0</v>
      </c>
      <c r="JU14" s="108">
        <v>0</v>
      </c>
      <c r="JV14" s="109">
        <v>402948</v>
      </c>
      <c r="JW14" s="109">
        <v>921213</v>
      </c>
      <c r="JX14" s="109">
        <v>557304</v>
      </c>
      <c r="JY14" s="109">
        <v>1933664</v>
      </c>
      <c r="JZ14" s="109">
        <v>1253106</v>
      </c>
      <c r="KA14" s="110">
        <v>5068235</v>
      </c>
      <c r="KB14" s="292">
        <v>5068235</v>
      </c>
      <c r="KC14" s="217">
        <v>527050</v>
      </c>
      <c r="KD14" s="213">
        <v>1037018</v>
      </c>
      <c r="KE14" s="110">
        <v>1564068</v>
      </c>
      <c r="KF14" s="108">
        <v>0</v>
      </c>
      <c r="KG14" s="109">
        <v>8551445</v>
      </c>
      <c r="KH14" s="109">
        <v>9217505</v>
      </c>
      <c r="KI14" s="109">
        <v>11154870</v>
      </c>
      <c r="KJ14" s="109">
        <v>6855847</v>
      </c>
      <c r="KK14" s="109">
        <v>4384866</v>
      </c>
      <c r="KL14" s="110">
        <v>40164533</v>
      </c>
      <c r="KM14" s="130">
        <v>41728601</v>
      </c>
      <c r="KN14" s="215">
        <v>0</v>
      </c>
      <c r="KO14" s="219">
        <v>0</v>
      </c>
      <c r="KP14" s="220">
        <v>0</v>
      </c>
      <c r="KQ14" s="443">
        <v>0</v>
      </c>
      <c r="KR14" s="109">
        <v>15143724</v>
      </c>
      <c r="KS14" s="109">
        <v>17562603</v>
      </c>
      <c r="KT14" s="109">
        <v>22724058</v>
      </c>
      <c r="KU14" s="109">
        <v>20570554</v>
      </c>
      <c r="KV14" s="109">
        <v>10518213</v>
      </c>
      <c r="KW14" s="110">
        <v>86519152</v>
      </c>
      <c r="KX14" s="292">
        <v>86519152</v>
      </c>
      <c r="KY14" s="129">
        <v>0</v>
      </c>
      <c r="KZ14" s="109">
        <v>0</v>
      </c>
      <c r="LA14" s="110">
        <v>0</v>
      </c>
      <c r="LB14" s="443">
        <v>0</v>
      </c>
      <c r="LC14" s="109">
        <v>483340</v>
      </c>
      <c r="LD14" s="109">
        <v>1415151</v>
      </c>
      <c r="LE14" s="109">
        <v>2891306</v>
      </c>
      <c r="LF14" s="109">
        <v>3283868</v>
      </c>
      <c r="LG14" s="109">
        <v>2057819</v>
      </c>
      <c r="LH14" s="110">
        <v>10131484</v>
      </c>
      <c r="LI14" s="111">
        <v>10131484</v>
      </c>
      <c r="LJ14" s="129">
        <v>0</v>
      </c>
      <c r="LK14" s="109">
        <v>0</v>
      </c>
      <c r="LL14" s="110">
        <v>0</v>
      </c>
      <c r="LM14" s="443">
        <v>0</v>
      </c>
      <c r="LN14" s="109">
        <v>0</v>
      </c>
      <c r="LO14" s="109">
        <v>233901</v>
      </c>
      <c r="LP14" s="109">
        <v>2214839</v>
      </c>
      <c r="LQ14" s="109">
        <v>6680709</v>
      </c>
      <c r="LR14" s="109">
        <v>1978933</v>
      </c>
      <c r="LS14" s="110">
        <v>11108382</v>
      </c>
      <c r="LT14" s="292">
        <v>11108382</v>
      </c>
      <c r="LU14" s="129">
        <v>0</v>
      </c>
      <c r="LV14" s="109">
        <v>0</v>
      </c>
      <c r="LW14" s="110">
        <v>0</v>
      </c>
      <c r="LX14" s="443">
        <v>0</v>
      </c>
      <c r="LY14" s="109">
        <v>2144495</v>
      </c>
      <c r="LZ14" s="109">
        <v>2698158</v>
      </c>
      <c r="MA14" s="109">
        <v>4813431</v>
      </c>
      <c r="MB14" s="109">
        <v>3288556</v>
      </c>
      <c r="MC14" s="109">
        <v>1774869</v>
      </c>
      <c r="MD14" s="110">
        <v>14719509</v>
      </c>
      <c r="ME14" s="111">
        <v>14719509</v>
      </c>
      <c r="MF14" s="129">
        <v>0</v>
      </c>
      <c r="MG14" s="109">
        <v>0</v>
      </c>
      <c r="MH14" s="110">
        <v>0</v>
      </c>
      <c r="MI14" s="443">
        <v>0</v>
      </c>
      <c r="MJ14" s="109">
        <v>16642063</v>
      </c>
      <c r="MK14" s="109">
        <v>39833809</v>
      </c>
      <c r="ML14" s="109">
        <v>152033507</v>
      </c>
      <c r="MM14" s="109">
        <v>164776267</v>
      </c>
      <c r="MN14" s="109">
        <v>103635567</v>
      </c>
      <c r="MO14" s="110">
        <v>476921213</v>
      </c>
      <c r="MP14" s="130">
        <v>476921213</v>
      </c>
      <c r="MQ14" s="129">
        <v>0</v>
      </c>
      <c r="MR14" s="109">
        <v>0</v>
      </c>
      <c r="MS14" s="110">
        <v>0</v>
      </c>
      <c r="MT14" s="443">
        <v>0</v>
      </c>
      <c r="MU14" s="109">
        <v>3597806</v>
      </c>
      <c r="MV14" s="109">
        <v>15633429</v>
      </c>
      <c r="MW14" s="109">
        <v>100322150</v>
      </c>
      <c r="MX14" s="109">
        <v>116867060</v>
      </c>
      <c r="MY14" s="109">
        <v>74957514</v>
      </c>
      <c r="MZ14" s="110">
        <v>311377959</v>
      </c>
      <c r="NA14" s="130">
        <v>311377959</v>
      </c>
      <c r="NB14" s="129">
        <v>0</v>
      </c>
      <c r="NC14" s="109">
        <v>0</v>
      </c>
      <c r="ND14" s="110">
        <v>0</v>
      </c>
      <c r="NE14" s="443">
        <v>0</v>
      </c>
      <c r="NF14" s="109">
        <v>12689717</v>
      </c>
      <c r="NG14" s="109">
        <v>23646380</v>
      </c>
      <c r="NH14" s="109">
        <v>50938654</v>
      </c>
      <c r="NI14" s="109">
        <v>45487877</v>
      </c>
      <c r="NJ14" s="109">
        <v>25804946</v>
      </c>
      <c r="NK14" s="110">
        <v>158567574</v>
      </c>
      <c r="NL14" s="292">
        <v>158567574</v>
      </c>
      <c r="NM14" s="129">
        <v>0</v>
      </c>
      <c r="NN14" s="109">
        <v>0</v>
      </c>
      <c r="NO14" s="110">
        <v>0</v>
      </c>
      <c r="NP14" s="443">
        <v>0</v>
      </c>
      <c r="NQ14" s="109">
        <v>0</v>
      </c>
      <c r="NR14" s="109">
        <v>0</v>
      </c>
      <c r="NS14" s="109">
        <v>0</v>
      </c>
      <c r="NT14" s="109">
        <v>0</v>
      </c>
      <c r="NU14" s="109">
        <v>0</v>
      </c>
      <c r="NV14" s="110">
        <v>0</v>
      </c>
      <c r="NW14" s="111">
        <v>0</v>
      </c>
      <c r="NX14" s="129">
        <v>0</v>
      </c>
      <c r="NY14" s="109">
        <v>0</v>
      </c>
      <c r="NZ14" s="110">
        <v>0</v>
      </c>
      <c r="OA14" s="443">
        <v>0</v>
      </c>
      <c r="OB14" s="109">
        <v>354540</v>
      </c>
      <c r="OC14" s="109">
        <v>554000</v>
      </c>
      <c r="OD14" s="109">
        <v>772703</v>
      </c>
      <c r="OE14" s="109">
        <v>2421330</v>
      </c>
      <c r="OF14" s="109">
        <v>2873107</v>
      </c>
      <c r="OG14" s="110">
        <v>6975680</v>
      </c>
      <c r="OH14" s="111">
        <v>6975680</v>
      </c>
      <c r="OI14" s="129">
        <v>13976832</v>
      </c>
      <c r="OJ14" s="109">
        <v>17119843</v>
      </c>
      <c r="OK14" s="128">
        <v>31096675</v>
      </c>
      <c r="OL14" s="108">
        <v>0</v>
      </c>
      <c r="OM14" s="109">
        <v>215870210</v>
      </c>
      <c r="ON14" s="109">
        <v>311581498</v>
      </c>
      <c r="OO14" s="109">
        <v>404112313</v>
      </c>
      <c r="OP14" s="109">
        <v>390297962</v>
      </c>
      <c r="OQ14" s="109">
        <v>263634335</v>
      </c>
      <c r="OR14" s="110">
        <v>1585496318</v>
      </c>
      <c r="OS14" s="130">
        <v>1616592993</v>
      </c>
    </row>
    <row r="15" spans="1:409" ht="21" customHeight="1" x14ac:dyDescent="0.2">
      <c r="B15" s="437" t="s">
        <v>9</v>
      </c>
      <c r="C15" s="100">
        <v>12417720</v>
      </c>
      <c r="D15" s="104">
        <v>15757298</v>
      </c>
      <c r="E15" s="103">
        <v>28175018</v>
      </c>
      <c r="F15" s="101">
        <v>0</v>
      </c>
      <c r="G15" s="104">
        <v>153586211</v>
      </c>
      <c r="H15" s="104">
        <v>150754186</v>
      </c>
      <c r="I15" s="104">
        <v>161816014</v>
      </c>
      <c r="J15" s="104">
        <v>163870169</v>
      </c>
      <c r="K15" s="104">
        <v>131330253</v>
      </c>
      <c r="L15" s="99">
        <v>761356833</v>
      </c>
      <c r="M15" s="106">
        <v>789531851</v>
      </c>
      <c r="N15" s="100">
        <v>2478895</v>
      </c>
      <c r="O15" s="104">
        <v>3627549</v>
      </c>
      <c r="P15" s="103">
        <v>6106444</v>
      </c>
      <c r="Q15" s="100">
        <v>0</v>
      </c>
      <c r="R15" s="104">
        <v>45239693</v>
      </c>
      <c r="S15" s="104">
        <v>49318990</v>
      </c>
      <c r="T15" s="104">
        <v>55972607</v>
      </c>
      <c r="U15" s="104">
        <v>68846382</v>
      </c>
      <c r="V15" s="104">
        <v>70112375</v>
      </c>
      <c r="W15" s="103">
        <v>289490047</v>
      </c>
      <c r="X15" s="106">
        <v>295596491</v>
      </c>
      <c r="Y15" s="100">
        <v>0</v>
      </c>
      <c r="Z15" s="104">
        <v>0</v>
      </c>
      <c r="AA15" s="103">
        <v>0</v>
      </c>
      <c r="AB15" s="100">
        <v>0</v>
      </c>
      <c r="AC15" s="104">
        <v>21585702</v>
      </c>
      <c r="AD15" s="104">
        <v>25279889</v>
      </c>
      <c r="AE15" s="104">
        <v>34312101</v>
      </c>
      <c r="AF15" s="104">
        <v>44574068</v>
      </c>
      <c r="AG15" s="104">
        <v>44207096</v>
      </c>
      <c r="AH15" s="103">
        <v>169958856</v>
      </c>
      <c r="AI15" s="106">
        <v>169958856</v>
      </c>
      <c r="AJ15" s="100">
        <v>0</v>
      </c>
      <c r="AK15" s="104">
        <v>0</v>
      </c>
      <c r="AL15" s="103">
        <v>0</v>
      </c>
      <c r="AM15" s="100">
        <v>0</v>
      </c>
      <c r="AN15" s="104">
        <v>95733</v>
      </c>
      <c r="AO15" s="104">
        <v>294570</v>
      </c>
      <c r="AP15" s="104">
        <v>924546</v>
      </c>
      <c r="AQ15" s="104">
        <v>3177510</v>
      </c>
      <c r="AR15" s="104">
        <v>6613454</v>
      </c>
      <c r="AS15" s="103">
        <v>11105813</v>
      </c>
      <c r="AT15" s="106">
        <v>11105813</v>
      </c>
      <c r="AU15" s="100">
        <v>1314918</v>
      </c>
      <c r="AV15" s="104">
        <v>2518782</v>
      </c>
      <c r="AW15" s="103">
        <v>3833700</v>
      </c>
      <c r="AX15" s="100">
        <v>0</v>
      </c>
      <c r="AY15" s="104">
        <v>14813117</v>
      </c>
      <c r="AZ15" s="104">
        <v>14164873</v>
      </c>
      <c r="BA15" s="104">
        <v>10738039</v>
      </c>
      <c r="BB15" s="104">
        <v>10541063</v>
      </c>
      <c r="BC15" s="104">
        <v>11688603</v>
      </c>
      <c r="BD15" s="103">
        <v>61945695</v>
      </c>
      <c r="BE15" s="106">
        <v>65779395</v>
      </c>
      <c r="BF15" s="100">
        <v>200488</v>
      </c>
      <c r="BG15" s="104">
        <v>477803</v>
      </c>
      <c r="BH15" s="102">
        <v>678291</v>
      </c>
      <c r="BI15" s="101">
        <v>0</v>
      </c>
      <c r="BJ15" s="104">
        <v>1373870</v>
      </c>
      <c r="BK15" s="104">
        <v>1585774</v>
      </c>
      <c r="BL15" s="104">
        <v>1298008</v>
      </c>
      <c r="BM15" s="104">
        <v>1414263</v>
      </c>
      <c r="BN15" s="104">
        <v>844912</v>
      </c>
      <c r="BO15" s="103">
        <v>6516827</v>
      </c>
      <c r="BP15" s="106">
        <v>7195118</v>
      </c>
      <c r="BQ15" s="100">
        <v>963489</v>
      </c>
      <c r="BR15" s="104">
        <v>630964</v>
      </c>
      <c r="BS15" s="103">
        <v>1594453</v>
      </c>
      <c r="BT15" s="100">
        <v>0</v>
      </c>
      <c r="BU15" s="104">
        <v>7371271</v>
      </c>
      <c r="BV15" s="104">
        <v>7993884</v>
      </c>
      <c r="BW15" s="104">
        <v>8699913</v>
      </c>
      <c r="BX15" s="104">
        <v>9139478</v>
      </c>
      <c r="BY15" s="104">
        <v>6758310</v>
      </c>
      <c r="BZ15" s="103">
        <v>39962856</v>
      </c>
      <c r="CA15" s="106">
        <v>41557309</v>
      </c>
      <c r="CB15" s="100">
        <v>1201466</v>
      </c>
      <c r="CC15" s="104">
        <v>3474150</v>
      </c>
      <c r="CD15" s="103">
        <v>4675616</v>
      </c>
      <c r="CE15" s="100">
        <v>0</v>
      </c>
      <c r="CF15" s="104">
        <v>31693189</v>
      </c>
      <c r="CG15" s="104">
        <v>32495307</v>
      </c>
      <c r="CH15" s="104">
        <v>27516505</v>
      </c>
      <c r="CI15" s="104">
        <v>21082565</v>
      </c>
      <c r="CJ15" s="104">
        <v>6409932</v>
      </c>
      <c r="CK15" s="103">
        <v>119197498</v>
      </c>
      <c r="CL15" s="106">
        <v>123873114</v>
      </c>
      <c r="CM15" s="100">
        <v>0</v>
      </c>
      <c r="CN15" s="104">
        <v>0</v>
      </c>
      <c r="CO15" s="103">
        <v>0</v>
      </c>
      <c r="CP15" s="101">
        <v>0</v>
      </c>
      <c r="CQ15" s="104">
        <v>26404075</v>
      </c>
      <c r="CR15" s="104">
        <v>25045199</v>
      </c>
      <c r="CS15" s="104">
        <v>21799753</v>
      </c>
      <c r="CT15" s="104">
        <v>15676762</v>
      </c>
      <c r="CU15" s="104">
        <v>4613890</v>
      </c>
      <c r="CV15" s="103">
        <v>93539679</v>
      </c>
      <c r="CW15" s="106">
        <v>93539679</v>
      </c>
      <c r="CX15" s="100">
        <v>1201466</v>
      </c>
      <c r="CY15" s="104">
        <v>3474150</v>
      </c>
      <c r="CZ15" s="103">
        <v>4675616</v>
      </c>
      <c r="DA15" s="100">
        <v>0</v>
      </c>
      <c r="DB15" s="104">
        <v>5289114</v>
      </c>
      <c r="DC15" s="104">
        <v>7450108</v>
      </c>
      <c r="DD15" s="104">
        <v>5716752</v>
      </c>
      <c r="DE15" s="104">
        <v>5405803</v>
      </c>
      <c r="DF15" s="104">
        <v>1796042</v>
      </c>
      <c r="DG15" s="103">
        <v>25657819</v>
      </c>
      <c r="DH15" s="106">
        <v>30333435</v>
      </c>
      <c r="DI15" s="100">
        <v>22378</v>
      </c>
      <c r="DJ15" s="104">
        <v>207388</v>
      </c>
      <c r="DK15" s="102">
        <v>229766</v>
      </c>
      <c r="DL15" s="101">
        <v>0</v>
      </c>
      <c r="DM15" s="104">
        <v>5136844</v>
      </c>
      <c r="DN15" s="104">
        <v>7865641</v>
      </c>
      <c r="DO15" s="104">
        <v>17671370</v>
      </c>
      <c r="DP15" s="104">
        <v>13987379</v>
      </c>
      <c r="DQ15" s="104">
        <v>8608021</v>
      </c>
      <c r="DR15" s="103">
        <v>53269255</v>
      </c>
      <c r="DS15" s="106">
        <v>53499021</v>
      </c>
      <c r="DT15" s="100">
        <v>22378</v>
      </c>
      <c r="DU15" s="104">
        <v>96610</v>
      </c>
      <c r="DV15" s="103">
        <v>118988</v>
      </c>
      <c r="DW15" s="100">
        <v>0</v>
      </c>
      <c r="DX15" s="104">
        <v>4643235</v>
      </c>
      <c r="DY15" s="104">
        <v>7054354</v>
      </c>
      <c r="DZ15" s="104">
        <v>14490477</v>
      </c>
      <c r="EA15" s="104">
        <v>11946373</v>
      </c>
      <c r="EB15" s="104">
        <v>7438514</v>
      </c>
      <c r="EC15" s="103">
        <v>45572953</v>
      </c>
      <c r="ED15" s="106">
        <v>45691941</v>
      </c>
      <c r="EE15" s="100">
        <v>0</v>
      </c>
      <c r="EF15" s="102">
        <v>110778</v>
      </c>
      <c r="EG15" s="103">
        <v>110778</v>
      </c>
      <c r="EH15" s="100">
        <v>0</v>
      </c>
      <c r="EI15" s="104">
        <v>493609</v>
      </c>
      <c r="EJ15" s="104">
        <v>811287</v>
      </c>
      <c r="EK15" s="104">
        <v>3180893</v>
      </c>
      <c r="EL15" s="104">
        <v>2041006</v>
      </c>
      <c r="EM15" s="104">
        <v>1169507</v>
      </c>
      <c r="EN15" s="102">
        <v>7696302</v>
      </c>
      <c r="EO15" s="106">
        <v>7807080</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06">
        <v>0</v>
      </c>
      <c r="FE15" s="104">
        <v>0</v>
      </c>
      <c r="FF15" s="104">
        <v>0</v>
      </c>
      <c r="FG15" s="104">
        <v>0</v>
      </c>
      <c r="FH15" s="104">
        <v>0</v>
      </c>
      <c r="FI15" s="104">
        <v>0</v>
      </c>
      <c r="FJ15" s="103">
        <v>0</v>
      </c>
      <c r="FK15" s="106">
        <v>0</v>
      </c>
      <c r="FL15" s="100">
        <v>3323952</v>
      </c>
      <c r="FM15" s="104">
        <v>3646873</v>
      </c>
      <c r="FN15" s="103">
        <v>6970825</v>
      </c>
      <c r="FO15" s="100">
        <v>0</v>
      </c>
      <c r="FP15" s="104">
        <v>9418239</v>
      </c>
      <c r="FQ15" s="104">
        <v>12405031</v>
      </c>
      <c r="FR15" s="104">
        <v>10977836</v>
      </c>
      <c r="FS15" s="104">
        <v>11039241</v>
      </c>
      <c r="FT15" s="104">
        <v>8574445</v>
      </c>
      <c r="FU15" s="103">
        <v>52414792</v>
      </c>
      <c r="FV15" s="106">
        <v>59385617</v>
      </c>
      <c r="FW15" s="105">
        <v>1778502</v>
      </c>
      <c r="FX15" s="104">
        <v>2674872</v>
      </c>
      <c r="FY15" s="102">
        <v>4453374</v>
      </c>
      <c r="FZ15" s="101">
        <v>0</v>
      </c>
      <c r="GA15" s="104">
        <v>6586063</v>
      </c>
      <c r="GB15" s="104">
        <v>11334179</v>
      </c>
      <c r="GC15" s="104">
        <v>9896866</v>
      </c>
      <c r="GD15" s="104">
        <v>10341763</v>
      </c>
      <c r="GE15" s="104">
        <v>8180795</v>
      </c>
      <c r="GF15" s="103">
        <v>46339666</v>
      </c>
      <c r="GG15" s="290">
        <v>50793040</v>
      </c>
      <c r="GH15" s="105">
        <v>283058</v>
      </c>
      <c r="GI15" s="104">
        <v>97801</v>
      </c>
      <c r="GJ15" s="102">
        <v>380859</v>
      </c>
      <c r="GK15" s="101">
        <v>0</v>
      </c>
      <c r="GL15" s="104">
        <v>590866</v>
      </c>
      <c r="GM15" s="104">
        <v>262722</v>
      </c>
      <c r="GN15" s="104">
        <v>489870</v>
      </c>
      <c r="GO15" s="104">
        <v>226028</v>
      </c>
      <c r="GP15" s="104">
        <v>308750</v>
      </c>
      <c r="GQ15" s="103">
        <v>1878236</v>
      </c>
      <c r="GR15" s="106">
        <v>2259095</v>
      </c>
      <c r="GS15" s="100">
        <v>1262392</v>
      </c>
      <c r="GT15" s="104">
        <v>874200</v>
      </c>
      <c r="GU15" s="103">
        <v>2136592</v>
      </c>
      <c r="GV15" s="100">
        <v>0</v>
      </c>
      <c r="GW15" s="104">
        <v>2241310</v>
      </c>
      <c r="GX15" s="104">
        <v>808130</v>
      </c>
      <c r="GY15" s="104">
        <v>591100</v>
      </c>
      <c r="GZ15" s="104">
        <v>471450</v>
      </c>
      <c r="HA15" s="104">
        <v>84900</v>
      </c>
      <c r="HB15" s="102">
        <v>4196890</v>
      </c>
      <c r="HC15" s="106">
        <v>6333482</v>
      </c>
      <c r="HD15" s="100">
        <v>3138928</v>
      </c>
      <c r="HE15" s="104">
        <v>1932975</v>
      </c>
      <c r="HF15" s="102">
        <v>5071903</v>
      </c>
      <c r="HG15" s="101">
        <v>0</v>
      </c>
      <c r="HH15" s="104">
        <v>34832621</v>
      </c>
      <c r="HI15" s="104">
        <v>29719329</v>
      </c>
      <c r="HJ15" s="104">
        <v>35495388</v>
      </c>
      <c r="HK15" s="104">
        <v>37521350</v>
      </c>
      <c r="HL15" s="104">
        <v>30671104</v>
      </c>
      <c r="HM15" s="103">
        <v>168239792</v>
      </c>
      <c r="HN15" s="99">
        <v>173311695</v>
      </c>
      <c r="HO15" s="105">
        <v>2252101</v>
      </c>
      <c r="HP15" s="104">
        <v>2868363</v>
      </c>
      <c r="HQ15" s="103">
        <v>5120464</v>
      </c>
      <c r="HR15" s="100">
        <v>0</v>
      </c>
      <c r="HS15" s="104">
        <v>27265625</v>
      </c>
      <c r="HT15" s="104">
        <v>18949888</v>
      </c>
      <c r="HU15" s="104">
        <v>14182308</v>
      </c>
      <c r="HV15" s="104">
        <v>11393252</v>
      </c>
      <c r="HW15" s="104">
        <v>6954376</v>
      </c>
      <c r="HX15" s="102">
        <v>78745449</v>
      </c>
      <c r="HY15" s="106">
        <v>83865913</v>
      </c>
      <c r="HZ15" s="115">
        <v>401608</v>
      </c>
      <c r="IA15" s="134">
        <v>885425</v>
      </c>
      <c r="IB15" s="116">
        <v>1287033</v>
      </c>
      <c r="IC15" s="131">
        <v>0</v>
      </c>
      <c r="ID15" s="119">
        <v>29951421</v>
      </c>
      <c r="IE15" s="132">
        <v>38712034</v>
      </c>
      <c r="IF15" s="120">
        <v>40121287</v>
      </c>
      <c r="IG15" s="119">
        <v>37811853</v>
      </c>
      <c r="IH15" s="120">
        <v>22841642</v>
      </c>
      <c r="II15" s="133">
        <v>169438237</v>
      </c>
      <c r="IJ15" s="117">
        <v>170725270</v>
      </c>
      <c r="IK15" s="215">
        <v>0</v>
      </c>
      <c r="IL15" s="219">
        <v>0</v>
      </c>
      <c r="IM15" s="220">
        <v>0</v>
      </c>
      <c r="IN15" s="127">
        <v>0</v>
      </c>
      <c r="IO15" s="109">
        <v>0</v>
      </c>
      <c r="IP15" s="109">
        <v>299414</v>
      </c>
      <c r="IQ15" s="109">
        <v>575487</v>
      </c>
      <c r="IR15" s="109">
        <v>2740620</v>
      </c>
      <c r="IS15" s="109">
        <v>1594036</v>
      </c>
      <c r="IT15" s="128">
        <v>5209557</v>
      </c>
      <c r="IU15" s="292">
        <v>5209557</v>
      </c>
      <c r="IV15" s="129">
        <v>0</v>
      </c>
      <c r="IW15" s="109">
        <v>0</v>
      </c>
      <c r="IX15" s="110">
        <v>0</v>
      </c>
      <c r="IY15" s="443">
        <v>0</v>
      </c>
      <c r="IZ15" s="109">
        <v>0</v>
      </c>
      <c r="JA15" s="109">
        <v>0</v>
      </c>
      <c r="JB15" s="109">
        <v>0</v>
      </c>
      <c r="JC15" s="109">
        <v>0</v>
      </c>
      <c r="JD15" s="109">
        <v>0</v>
      </c>
      <c r="JE15" s="110">
        <v>0</v>
      </c>
      <c r="JF15" s="111">
        <v>0</v>
      </c>
      <c r="JG15" s="129">
        <v>0</v>
      </c>
      <c r="JH15" s="109">
        <v>0</v>
      </c>
      <c r="JI15" s="128">
        <v>0</v>
      </c>
      <c r="JJ15" s="108">
        <v>0</v>
      </c>
      <c r="JK15" s="109">
        <v>18892531</v>
      </c>
      <c r="JL15" s="109">
        <v>13862771</v>
      </c>
      <c r="JM15" s="109">
        <v>15938631</v>
      </c>
      <c r="JN15" s="109">
        <v>8983537</v>
      </c>
      <c r="JO15" s="109">
        <v>4120487</v>
      </c>
      <c r="JP15" s="110">
        <v>61797957</v>
      </c>
      <c r="JQ15" s="292">
        <v>61797957</v>
      </c>
      <c r="JR15" s="129">
        <v>0</v>
      </c>
      <c r="JS15" s="109">
        <v>0</v>
      </c>
      <c r="JT15" s="128">
        <v>0</v>
      </c>
      <c r="JU15" s="108">
        <v>0</v>
      </c>
      <c r="JV15" s="109">
        <v>175482</v>
      </c>
      <c r="JW15" s="109">
        <v>883550</v>
      </c>
      <c r="JX15" s="109">
        <v>830813</v>
      </c>
      <c r="JY15" s="109">
        <v>0</v>
      </c>
      <c r="JZ15" s="109">
        <v>880531</v>
      </c>
      <c r="KA15" s="110">
        <v>2770376</v>
      </c>
      <c r="KB15" s="292">
        <v>2770376</v>
      </c>
      <c r="KC15" s="217">
        <v>401608</v>
      </c>
      <c r="KD15" s="213">
        <v>626767</v>
      </c>
      <c r="KE15" s="110">
        <v>1028375</v>
      </c>
      <c r="KF15" s="108">
        <v>0</v>
      </c>
      <c r="KG15" s="109">
        <v>3507877</v>
      </c>
      <c r="KH15" s="109">
        <v>4421979</v>
      </c>
      <c r="KI15" s="109">
        <v>-1686084</v>
      </c>
      <c r="KJ15" s="109">
        <v>4489397</v>
      </c>
      <c r="KK15" s="109">
        <v>892102</v>
      </c>
      <c r="KL15" s="110">
        <v>11625271</v>
      </c>
      <c r="KM15" s="130">
        <v>12653646</v>
      </c>
      <c r="KN15" s="215">
        <v>0</v>
      </c>
      <c r="KO15" s="219">
        <v>258658</v>
      </c>
      <c r="KP15" s="220">
        <v>258658</v>
      </c>
      <c r="KQ15" s="443">
        <v>0</v>
      </c>
      <c r="KR15" s="109">
        <v>6826115</v>
      </c>
      <c r="KS15" s="109">
        <v>18395674</v>
      </c>
      <c r="KT15" s="109">
        <v>21986459</v>
      </c>
      <c r="KU15" s="109">
        <v>18189979</v>
      </c>
      <c r="KV15" s="109">
        <v>9753290</v>
      </c>
      <c r="KW15" s="110">
        <v>75151517</v>
      </c>
      <c r="KX15" s="292">
        <v>75410175</v>
      </c>
      <c r="KY15" s="129">
        <v>0</v>
      </c>
      <c r="KZ15" s="109">
        <v>0</v>
      </c>
      <c r="LA15" s="110">
        <v>0</v>
      </c>
      <c r="LB15" s="443">
        <v>0</v>
      </c>
      <c r="LC15" s="109">
        <v>0</v>
      </c>
      <c r="LD15" s="109">
        <v>0</v>
      </c>
      <c r="LE15" s="109">
        <v>0</v>
      </c>
      <c r="LF15" s="109">
        <v>0</v>
      </c>
      <c r="LG15" s="109">
        <v>265968</v>
      </c>
      <c r="LH15" s="110">
        <v>265968</v>
      </c>
      <c r="LI15" s="111">
        <v>265968</v>
      </c>
      <c r="LJ15" s="129">
        <v>0</v>
      </c>
      <c r="LK15" s="109">
        <v>0</v>
      </c>
      <c r="LL15" s="110">
        <v>0</v>
      </c>
      <c r="LM15" s="443">
        <v>0</v>
      </c>
      <c r="LN15" s="109">
        <v>0</v>
      </c>
      <c r="LO15" s="109">
        <v>0</v>
      </c>
      <c r="LP15" s="109">
        <v>0</v>
      </c>
      <c r="LQ15" s="109">
        <v>329808</v>
      </c>
      <c r="LR15" s="109">
        <v>0</v>
      </c>
      <c r="LS15" s="110">
        <v>329808</v>
      </c>
      <c r="LT15" s="292">
        <v>329808</v>
      </c>
      <c r="LU15" s="129">
        <v>0</v>
      </c>
      <c r="LV15" s="109">
        <v>0</v>
      </c>
      <c r="LW15" s="110">
        <v>0</v>
      </c>
      <c r="LX15" s="443">
        <v>0</v>
      </c>
      <c r="LY15" s="109">
        <v>549416</v>
      </c>
      <c r="LZ15" s="109">
        <v>848646</v>
      </c>
      <c r="MA15" s="109">
        <v>2475981</v>
      </c>
      <c r="MB15" s="109">
        <v>3078512</v>
      </c>
      <c r="MC15" s="109">
        <v>5335228</v>
      </c>
      <c r="MD15" s="110">
        <v>12287783</v>
      </c>
      <c r="ME15" s="111">
        <v>12287783</v>
      </c>
      <c r="MF15" s="129">
        <v>0</v>
      </c>
      <c r="MG15" s="109">
        <v>0</v>
      </c>
      <c r="MH15" s="110">
        <v>0</v>
      </c>
      <c r="MI15" s="443">
        <v>0</v>
      </c>
      <c r="MJ15" s="109">
        <v>8720950</v>
      </c>
      <c r="MK15" s="109">
        <v>19557682</v>
      </c>
      <c r="ML15" s="109">
        <v>86007589</v>
      </c>
      <c r="MM15" s="109">
        <v>138359901</v>
      </c>
      <c r="MN15" s="109">
        <v>111626683</v>
      </c>
      <c r="MO15" s="110">
        <v>364272805</v>
      </c>
      <c r="MP15" s="130">
        <v>364272805</v>
      </c>
      <c r="MQ15" s="129">
        <v>0</v>
      </c>
      <c r="MR15" s="109">
        <v>0</v>
      </c>
      <c r="MS15" s="110">
        <v>0</v>
      </c>
      <c r="MT15" s="443">
        <v>0</v>
      </c>
      <c r="MU15" s="109">
        <v>1156539</v>
      </c>
      <c r="MV15" s="109">
        <v>1234636</v>
      </c>
      <c r="MW15" s="109">
        <v>54876713</v>
      </c>
      <c r="MX15" s="109">
        <v>98165923</v>
      </c>
      <c r="MY15" s="109">
        <v>83461461</v>
      </c>
      <c r="MZ15" s="110">
        <v>238895272</v>
      </c>
      <c r="NA15" s="130">
        <v>238895272</v>
      </c>
      <c r="NB15" s="129">
        <v>0</v>
      </c>
      <c r="NC15" s="109">
        <v>0</v>
      </c>
      <c r="ND15" s="110">
        <v>0</v>
      </c>
      <c r="NE15" s="443">
        <v>0</v>
      </c>
      <c r="NF15" s="109">
        <v>7564411</v>
      </c>
      <c r="NG15" s="109">
        <v>18022266</v>
      </c>
      <c r="NH15" s="109">
        <v>31130876</v>
      </c>
      <c r="NI15" s="109">
        <v>39012050</v>
      </c>
      <c r="NJ15" s="109">
        <v>26065795</v>
      </c>
      <c r="NK15" s="110">
        <v>121795398</v>
      </c>
      <c r="NL15" s="292">
        <v>121795398</v>
      </c>
      <c r="NM15" s="129">
        <v>0</v>
      </c>
      <c r="NN15" s="109">
        <v>0</v>
      </c>
      <c r="NO15" s="110">
        <v>0</v>
      </c>
      <c r="NP15" s="443">
        <v>0</v>
      </c>
      <c r="NQ15" s="109">
        <v>0</v>
      </c>
      <c r="NR15" s="109">
        <v>0</v>
      </c>
      <c r="NS15" s="109">
        <v>0</v>
      </c>
      <c r="NT15" s="109">
        <v>0</v>
      </c>
      <c r="NU15" s="109">
        <v>0</v>
      </c>
      <c r="NV15" s="110">
        <v>0</v>
      </c>
      <c r="NW15" s="111">
        <v>0</v>
      </c>
      <c r="NX15" s="129">
        <v>0</v>
      </c>
      <c r="NY15" s="109">
        <v>0</v>
      </c>
      <c r="NZ15" s="110">
        <v>0</v>
      </c>
      <c r="OA15" s="443">
        <v>0</v>
      </c>
      <c r="OB15" s="109">
        <v>0</v>
      </c>
      <c r="OC15" s="109">
        <v>300780</v>
      </c>
      <c r="OD15" s="109">
        <v>0</v>
      </c>
      <c r="OE15" s="109">
        <v>1181928</v>
      </c>
      <c r="OF15" s="109">
        <v>2099427</v>
      </c>
      <c r="OG15" s="110">
        <v>3582135</v>
      </c>
      <c r="OH15" s="111">
        <v>3582135</v>
      </c>
      <c r="OI15" s="129">
        <v>12819328</v>
      </c>
      <c r="OJ15" s="109">
        <v>16642723</v>
      </c>
      <c r="OK15" s="128">
        <v>29462051</v>
      </c>
      <c r="OL15" s="108">
        <v>0</v>
      </c>
      <c r="OM15" s="109">
        <v>192258582</v>
      </c>
      <c r="ON15" s="109">
        <v>209023902</v>
      </c>
      <c r="OO15" s="109">
        <v>287944890</v>
      </c>
      <c r="OP15" s="109">
        <v>340041923</v>
      </c>
      <c r="OQ15" s="109">
        <v>265798578</v>
      </c>
      <c r="OR15" s="110">
        <v>1295067875</v>
      </c>
      <c r="OS15" s="130">
        <v>1324529926</v>
      </c>
    </row>
    <row r="16" spans="1:409" ht="21" customHeight="1" x14ac:dyDescent="0.2">
      <c r="B16" s="437" t="s">
        <v>10</v>
      </c>
      <c r="C16" s="100">
        <v>24923581</v>
      </c>
      <c r="D16" s="104">
        <v>41821052</v>
      </c>
      <c r="E16" s="103">
        <v>66744633</v>
      </c>
      <c r="F16" s="155">
        <v>0</v>
      </c>
      <c r="G16" s="104">
        <v>334709038</v>
      </c>
      <c r="H16" s="104">
        <v>285166345</v>
      </c>
      <c r="I16" s="104">
        <v>258749771</v>
      </c>
      <c r="J16" s="104">
        <v>255816824</v>
      </c>
      <c r="K16" s="104">
        <v>200768204</v>
      </c>
      <c r="L16" s="99">
        <v>1335210182</v>
      </c>
      <c r="M16" s="106">
        <v>1401954815</v>
      </c>
      <c r="N16" s="100">
        <v>6492145</v>
      </c>
      <c r="O16" s="104">
        <v>12544988</v>
      </c>
      <c r="P16" s="103">
        <v>19037133</v>
      </c>
      <c r="Q16" s="100">
        <v>0</v>
      </c>
      <c r="R16" s="104">
        <v>106032309</v>
      </c>
      <c r="S16" s="104">
        <v>95390448</v>
      </c>
      <c r="T16" s="104">
        <v>96472151</v>
      </c>
      <c r="U16" s="104">
        <v>113269772</v>
      </c>
      <c r="V16" s="104">
        <v>112855639</v>
      </c>
      <c r="W16" s="103">
        <v>524020319</v>
      </c>
      <c r="X16" s="106">
        <v>543057452</v>
      </c>
      <c r="Y16" s="100">
        <v>0</v>
      </c>
      <c r="Z16" s="104">
        <v>0</v>
      </c>
      <c r="AA16" s="103">
        <v>0</v>
      </c>
      <c r="AB16" s="100">
        <v>0</v>
      </c>
      <c r="AC16" s="104">
        <v>50972940</v>
      </c>
      <c r="AD16" s="104">
        <v>50333173</v>
      </c>
      <c r="AE16" s="104">
        <v>62912787</v>
      </c>
      <c r="AF16" s="104">
        <v>75698053</v>
      </c>
      <c r="AG16" s="104">
        <v>68394129</v>
      </c>
      <c r="AH16" s="103">
        <v>308311082</v>
      </c>
      <c r="AI16" s="106">
        <v>308311082</v>
      </c>
      <c r="AJ16" s="100">
        <v>0</v>
      </c>
      <c r="AK16" s="104">
        <v>37774</v>
      </c>
      <c r="AL16" s="103">
        <v>37774</v>
      </c>
      <c r="AM16" s="100">
        <v>0</v>
      </c>
      <c r="AN16" s="104">
        <v>337417</v>
      </c>
      <c r="AO16" s="104">
        <v>1552273</v>
      </c>
      <c r="AP16" s="104">
        <v>1978488</v>
      </c>
      <c r="AQ16" s="104">
        <v>4937578</v>
      </c>
      <c r="AR16" s="104">
        <v>11381869</v>
      </c>
      <c r="AS16" s="103">
        <v>20187625</v>
      </c>
      <c r="AT16" s="106">
        <v>20225399</v>
      </c>
      <c r="AU16" s="100">
        <v>3837983</v>
      </c>
      <c r="AV16" s="104">
        <v>8174499</v>
      </c>
      <c r="AW16" s="103">
        <v>12012482</v>
      </c>
      <c r="AX16" s="100">
        <v>0</v>
      </c>
      <c r="AY16" s="104">
        <v>34188042</v>
      </c>
      <c r="AZ16" s="104">
        <v>24546954</v>
      </c>
      <c r="BA16" s="104">
        <v>15211522</v>
      </c>
      <c r="BB16" s="104">
        <v>16463423</v>
      </c>
      <c r="BC16" s="104">
        <v>18807528</v>
      </c>
      <c r="BD16" s="103">
        <v>109217469</v>
      </c>
      <c r="BE16" s="106">
        <v>121229951</v>
      </c>
      <c r="BF16" s="100">
        <v>573627</v>
      </c>
      <c r="BG16" s="104">
        <v>1363974</v>
      </c>
      <c r="BH16" s="102">
        <v>1937601</v>
      </c>
      <c r="BI16" s="101">
        <v>0</v>
      </c>
      <c r="BJ16" s="104">
        <v>2809436</v>
      </c>
      <c r="BK16" s="104">
        <v>3175243</v>
      </c>
      <c r="BL16" s="104">
        <v>2015498</v>
      </c>
      <c r="BM16" s="104">
        <v>1287516</v>
      </c>
      <c r="BN16" s="104">
        <v>1849971</v>
      </c>
      <c r="BO16" s="103">
        <v>11137664</v>
      </c>
      <c r="BP16" s="106">
        <v>13075265</v>
      </c>
      <c r="BQ16" s="100">
        <v>2080535</v>
      </c>
      <c r="BR16" s="104">
        <v>2968741</v>
      </c>
      <c r="BS16" s="103">
        <v>5049276</v>
      </c>
      <c r="BT16" s="100">
        <v>0</v>
      </c>
      <c r="BU16" s="104">
        <v>17724474</v>
      </c>
      <c r="BV16" s="104">
        <v>15782805</v>
      </c>
      <c r="BW16" s="104">
        <v>14353856</v>
      </c>
      <c r="BX16" s="104">
        <v>14883202</v>
      </c>
      <c r="BY16" s="104">
        <v>12422142</v>
      </c>
      <c r="BZ16" s="103">
        <v>75166479</v>
      </c>
      <c r="CA16" s="106">
        <v>80215755</v>
      </c>
      <c r="CB16" s="100">
        <v>1231232</v>
      </c>
      <c r="CC16" s="104">
        <v>3749798</v>
      </c>
      <c r="CD16" s="103">
        <v>4981030</v>
      </c>
      <c r="CE16" s="100">
        <v>0</v>
      </c>
      <c r="CF16" s="104">
        <v>96001836</v>
      </c>
      <c r="CG16" s="104">
        <v>72889355</v>
      </c>
      <c r="CH16" s="104">
        <v>53297824</v>
      </c>
      <c r="CI16" s="104">
        <v>36685300</v>
      </c>
      <c r="CJ16" s="104">
        <v>15982305</v>
      </c>
      <c r="CK16" s="103">
        <v>274856620</v>
      </c>
      <c r="CL16" s="106">
        <v>279837650</v>
      </c>
      <c r="CM16" s="100">
        <v>0</v>
      </c>
      <c r="CN16" s="104">
        <v>0</v>
      </c>
      <c r="CO16" s="103">
        <v>0</v>
      </c>
      <c r="CP16" s="101">
        <v>0</v>
      </c>
      <c r="CQ16" s="104">
        <v>82241859</v>
      </c>
      <c r="CR16" s="104">
        <v>60775321</v>
      </c>
      <c r="CS16" s="104">
        <v>46002177</v>
      </c>
      <c r="CT16" s="104">
        <v>31308318</v>
      </c>
      <c r="CU16" s="104">
        <v>13376495</v>
      </c>
      <c r="CV16" s="103">
        <v>233704170</v>
      </c>
      <c r="CW16" s="106">
        <v>233704170</v>
      </c>
      <c r="CX16" s="100">
        <v>1231232</v>
      </c>
      <c r="CY16" s="104">
        <v>3749798</v>
      </c>
      <c r="CZ16" s="103">
        <v>4981030</v>
      </c>
      <c r="DA16" s="100">
        <v>0</v>
      </c>
      <c r="DB16" s="104">
        <v>13759977</v>
      </c>
      <c r="DC16" s="104">
        <v>12114034</v>
      </c>
      <c r="DD16" s="104">
        <v>7295647</v>
      </c>
      <c r="DE16" s="104">
        <v>5376982</v>
      </c>
      <c r="DF16" s="104">
        <v>2605810</v>
      </c>
      <c r="DG16" s="103">
        <v>41152450</v>
      </c>
      <c r="DH16" s="106">
        <v>46133480</v>
      </c>
      <c r="DI16" s="100">
        <v>200095</v>
      </c>
      <c r="DJ16" s="104">
        <v>900186</v>
      </c>
      <c r="DK16" s="102">
        <v>1100281</v>
      </c>
      <c r="DL16" s="101">
        <v>0</v>
      </c>
      <c r="DM16" s="104">
        <v>9157876</v>
      </c>
      <c r="DN16" s="104">
        <v>14671524</v>
      </c>
      <c r="DO16" s="104">
        <v>21473654</v>
      </c>
      <c r="DP16" s="104">
        <v>19240554</v>
      </c>
      <c r="DQ16" s="104">
        <v>10157411</v>
      </c>
      <c r="DR16" s="103">
        <v>74701019</v>
      </c>
      <c r="DS16" s="106">
        <v>75801300</v>
      </c>
      <c r="DT16" s="100">
        <v>200095</v>
      </c>
      <c r="DU16" s="104">
        <v>800006</v>
      </c>
      <c r="DV16" s="103">
        <v>1000101</v>
      </c>
      <c r="DW16" s="100">
        <v>0</v>
      </c>
      <c r="DX16" s="104">
        <v>8472062</v>
      </c>
      <c r="DY16" s="104">
        <v>13509236</v>
      </c>
      <c r="DZ16" s="104">
        <v>20395759</v>
      </c>
      <c r="EA16" s="104">
        <v>17868734</v>
      </c>
      <c r="EB16" s="104">
        <v>9486049</v>
      </c>
      <c r="EC16" s="103">
        <v>69731840</v>
      </c>
      <c r="ED16" s="106">
        <v>70731941</v>
      </c>
      <c r="EE16" s="100">
        <v>0</v>
      </c>
      <c r="EF16" s="102">
        <v>100180</v>
      </c>
      <c r="EG16" s="103">
        <v>100180</v>
      </c>
      <c r="EH16" s="100">
        <v>0</v>
      </c>
      <c r="EI16" s="104">
        <v>685814</v>
      </c>
      <c r="EJ16" s="104">
        <v>1162288</v>
      </c>
      <c r="EK16" s="104">
        <v>1077895</v>
      </c>
      <c r="EL16" s="104">
        <v>1371820</v>
      </c>
      <c r="EM16" s="104">
        <v>671362</v>
      </c>
      <c r="EN16" s="102">
        <v>4969179</v>
      </c>
      <c r="EO16" s="106">
        <v>5069359</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06">
        <v>0</v>
      </c>
      <c r="FE16" s="104">
        <v>0</v>
      </c>
      <c r="FF16" s="104">
        <v>0</v>
      </c>
      <c r="FG16" s="104">
        <v>0</v>
      </c>
      <c r="FH16" s="104">
        <v>0</v>
      </c>
      <c r="FI16" s="104">
        <v>0</v>
      </c>
      <c r="FJ16" s="103">
        <v>0</v>
      </c>
      <c r="FK16" s="106">
        <v>0</v>
      </c>
      <c r="FL16" s="100">
        <v>6802846</v>
      </c>
      <c r="FM16" s="104">
        <v>10879154</v>
      </c>
      <c r="FN16" s="103">
        <v>17682000</v>
      </c>
      <c r="FO16" s="100">
        <v>0</v>
      </c>
      <c r="FP16" s="104">
        <v>19127749</v>
      </c>
      <c r="FQ16" s="104">
        <v>25390349</v>
      </c>
      <c r="FR16" s="104">
        <v>18432762</v>
      </c>
      <c r="FS16" s="104">
        <v>17873656</v>
      </c>
      <c r="FT16" s="104">
        <v>14289674</v>
      </c>
      <c r="FU16" s="103">
        <v>95114190</v>
      </c>
      <c r="FV16" s="106">
        <v>112796190</v>
      </c>
      <c r="FW16" s="105">
        <v>4835147</v>
      </c>
      <c r="FX16" s="104">
        <v>8135047</v>
      </c>
      <c r="FY16" s="102">
        <v>12970194</v>
      </c>
      <c r="FZ16" s="101">
        <v>0</v>
      </c>
      <c r="GA16" s="104">
        <v>15903155</v>
      </c>
      <c r="GB16" s="104">
        <v>23618807</v>
      </c>
      <c r="GC16" s="104">
        <v>17296457</v>
      </c>
      <c r="GD16" s="104">
        <v>17051461</v>
      </c>
      <c r="GE16" s="104">
        <v>14170352</v>
      </c>
      <c r="GF16" s="103">
        <v>88040232</v>
      </c>
      <c r="GG16" s="290">
        <v>101010426</v>
      </c>
      <c r="GH16" s="105">
        <v>496731</v>
      </c>
      <c r="GI16" s="104">
        <v>459238</v>
      </c>
      <c r="GJ16" s="102">
        <v>955969</v>
      </c>
      <c r="GK16" s="101">
        <v>0</v>
      </c>
      <c r="GL16" s="104">
        <v>1085987</v>
      </c>
      <c r="GM16" s="104">
        <v>706772</v>
      </c>
      <c r="GN16" s="104">
        <v>491475</v>
      </c>
      <c r="GO16" s="104">
        <v>408807</v>
      </c>
      <c r="GP16" s="104">
        <v>97722</v>
      </c>
      <c r="GQ16" s="103">
        <v>2790763</v>
      </c>
      <c r="GR16" s="106">
        <v>3746732</v>
      </c>
      <c r="GS16" s="100">
        <v>1470968</v>
      </c>
      <c r="GT16" s="104">
        <v>2284869</v>
      </c>
      <c r="GU16" s="103">
        <v>3755837</v>
      </c>
      <c r="GV16" s="100">
        <v>0</v>
      </c>
      <c r="GW16" s="104">
        <v>2138607</v>
      </c>
      <c r="GX16" s="104">
        <v>1064770</v>
      </c>
      <c r="GY16" s="104">
        <v>644830</v>
      </c>
      <c r="GZ16" s="104">
        <v>413388</v>
      </c>
      <c r="HA16" s="104">
        <v>21600</v>
      </c>
      <c r="HB16" s="102">
        <v>4283195</v>
      </c>
      <c r="HC16" s="106">
        <v>8039032</v>
      </c>
      <c r="HD16" s="100">
        <v>4525216</v>
      </c>
      <c r="HE16" s="104">
        <v>6514850</v>
      </c>
      <c r="HF16" s="102">
        <v>11040066</v>
      </c>
      <c r="HG16" s="101">
        <v>0</v>
      </c>
      <c r="HH16" s="104">
        <v>49898607</v>
      </c>
      <c r="HI16" s="104">
        <v>46317872</v>
      </c>
      <c r="HJ16" s="104">
        <v>47635934</v>
      </c>
      <c r="HK16" s="104">
        <v>52304292</v>
      </c>
      <c r="HL16" s="104">
        <v>36553119</v>
      </c>
      <c r="HM16" s="103">
        <v>232709824</v>
      </c>
      <c r="HN16" s="99">
        <v>243749890</v>
      </c>
      <c r="HO16" s="105">
        <v>5672047</v>
      </c>
      <c r="HP16" s="104">
        <v>7232076</v>
      </c>
      <c r="HQ16" s="103">
        <v>12904123</v>
      </c>
      <c r="HR16" s="100">
        <v>0</v>
      </c>
      <c r="HS16" s="104">
        <v>54490661</v>
      </c>
      <c r="HT16" s="104">
        <v>30506797</v>
      </c>
      <c r="HU16" s="104">
        <v>21437446</v>
      </c>
      <c r="HV16" s="104">
        <v>16443250</v>
      </c>
      <c r="HW16" s="104">
        <v>10930056</v>
      </c>
      <c r="HX16" s="102">
        <v>133808210</v>
      </c>
      <c r="HY16" s="106">
        <v>146712333</v>
      </c>
      <c r="HZ16" s="135">
        <v>633137</v>
      </c>
      <c r="IA16" s="122">
        <v>2272154</v>
      </c>
      <c r="IB16" s="135">
        <v>2905291</v>
      </c>
      <c r="IC16" s="121">
        <v>0</v>
      </c>
      <c r="ID16" s="122">
        <v>72474840</v>
      </c>
      <c r="IE16" s="123">
        <v>76103462</v>
      </c>
      <c r="IF16" s="124">
        <v>85845324</v>
      </c>
      <c r="IG16" s="122">
        <v>83745548</v>
      </c>
      <c r="IH16" s="124">
        <v>67318672</v>
      </c>
      <c r="II16" s="125">
        <v>385487846</v>
      </c>
      <c r="IJ16" s="135">
        <v>388393137</v>
      </c>
      <c r="IK16" s="215">
        <v>0</v>
      </c>
      <c r="IL16" s="219">
        <v>0</v>
      </c>
      <c r="IM16" s="220">
        <v>0</v>
      </c>
      <c r="IN16" s="127">
        <v>0</v>
      </c>
      <c r="IO16" s="109">
        <v>1235476</v>
      </c>
      <c r="IP16" s="109">
        <v>1952754</v>
      </c>
      <c r="IQ16" s="109">
        <v>2810954</v>
      </c>
      <c r="IR16" s="109">
        <v>3812332</v>
      </c>
      <c r="IS16" s="109">
        <v>5015619</v>
      </c>
      <c r="IT16" s="128">
        <v>14827135</v>
      </c>
      <c r="IU16" s="292">
        <v>14827135</v>
      </c>
      <c r="IV16" s="129">
        <v>0</v>
      </c>
      <c r="IW16" s="109">
        <v>0</v>
      </c>
      <c r="IX16" s="110">
        <v>0</v>
      </c>
      <c r="IY16" s="443">
        <v>0</v>
      </c>
      <c r="IZ16" s="109">
        <v>163236</v>
      </c>
      <c r="JA16" s="109">
        <v>64629</v>
      </c>
      <c r="JB16" s="109">
        <v>72168</v>
      </c>
      <c r="JC16" s="109">
        <v>271267</v>
      </c>
      <c r="JD16" s="109">
        <v>207242</v>
      </c>
      <c r="JE16" s="110">
        <v>778542</v>
      </c>
      <c r="JF16" s="111">
        <v>778542</v>
      </c>
      <c r="JG16" s="129">
        <v>0</v>
      </c>
      <c r="JH16" s="109">
        <v>0</v>
      </c>
      <c r="JI16" s="128">
        <v>0</v>
      </c>
      <c r="JJ16" s="108">
        <v>0</v>
      </c>
      <c r="JK16" s="109">
        <v>23744267</v>
      </c>
      <c r="JL16" s="109">
        <v>14939800</v>
      </c>
      <c r="JM16" s="109">
        <v>10234352</v>
      </c>
      <c r="JN16" s="109">
        <v>6712236</v>
      </c>
      <c r="JO16" s="109">
        <v>2396894</v>
      </c>
      <c r="JP16" s="110">
        <v>58027549</v>
      </c>
      <c r="JQ16" s="292">
        <v>58027549</v>
      </c>
      <c r="JR16" s="129">
        <v>0</v>
      </c>
      <c r="JS16" s="109">
        <v>46251</v>
      </c>
      <c r="JT16" s="128">
        <v>46251</v>
      </c>
      <c r="JU16" s="108">
        <v>0</v>
      </c>
      <c r="JV16" s="109">
        <v>944444</v>
      </c>
      <c r="JW16" s="109">
        <v>823485</v>
      </c>
      <c r="JX16" s="109">
        <v>2975599</v>
      </c>
      <c r="JY16" s="109">
        <v>1471058</v>
      </c>
      <c r="JZ16" s="109">
        <v>1438795</v>
      </c>
      <c r="KA16" s="110">
        <v>7653381</v>
      </c>
      <c r="KB16" s="292">
        <v>7699632</v>
      </c>
      <c r="KC16" s="217">
        <v>633137</v>
      </c>
      <c r="KD16" s="213">
        <v>1459938</v>
      </c>
      <c r="KE16" s="110">
        <v>2093075</v>
      </c>
      <c r="KF16" s="108">
        <v>0</v>
      </c>
      <c r="KG16" s="109">
        <v>10864341</v>
      </c>
      <c r="KH16" s="109">
        <v>13004608</v>
      </c>
      <c r="KI16" s="109">
        <v>17987837</v>
      </c>
      <c r="KJ16" s="109">
        <v>15151444</v>
      </c>
      <c r="KK16" s="109">
        <v>13631142</v>
      </c>
      <c r="KL16" s="110">
        <v>70639372</v>
      </c>
      <c r="KM16" s="130">
        <v>72732447</v>
      </c>
      <c r="KN16" s="215">
        <v>0</v>
      </c>
      <c r="KO16" s="219">
        <v>765965</v>
      </c>
      <c r="KP16" s="220">
        <v>765965</v>
      </c>
      <c r="KQ16" s="443">
        <v>0</v>
      </c>
      <c r="KR16" s="109">
        <v>26756257</v>
      </c>
      <c r="KS16" s="109">
        <v>33503852</v>
      </c>
      <c r="KT16" s="109">
        <v>35305610</v>
      </c>
      <c r="KU16" s="109">
        <v>27985284</v>
      </c>
      <c r="KV16" s="109">
        <v>21207883</v>
      </c>
      <c r="KW16" s="110">
        <v>144758886</v>
      </c>
      <c r="KX16" s="292">
        <v>145524851</v>
      </c>
      <c r="KY16" s="129">
        <v>0</v>
      </c>
      <c r="KZ16" s="109">
        <v>0</v>
      </c>
      <c r="LA16" s="110">
        <v>0</v>
      </c>
      <c r="LB16" s="443">
        <v>0</v>
      </c>
      <c r="LC16" s="109">
        <v>5904503</v>
      </c>
      <c r="LD16" s="109">
        <v>4041726</v>
      </c>
      <c r="LE16" s="109">
        <v>5825284</v>
      </c>
      <c r="LF16" s="109">
        <v>6815304</v>
      </c>
      <c r="LG16" s="109">
        <v>7851762</v>
      </c>
      <c r="LH16" s="110">
        <v>30438579</v>
      </c>
      <c r="LI16" s="111">
        <v>30438579</v>
      </c>
      <c r="LJ16" s="129">
        <v>0</v>
      </c>
      <c r="LK16" s="109">
        <v>0</v>
      </c>
      <c r="LL16" s="110">
        <v>0</v>
      </c>
      <c r="LM16" s="443">
        <v>0</v>
      </c>
      <c r="LN16" s="109">
        <v>0</v>
      </c>
      <c r="LO16" s="109">
        <v>212983</v>
      </c>
      <c r="LP16" s="109">
        <v>981233</v>
      </c>
      <c r="LQ16" s="109">
        <v>5193253</v>
      </c>
      <c r="LR16" s="109">
        <v>6313274</v>
      </c>
      <c r="LS16" s="110">
        <v>12700743</v>
      </c>
      <c r="LT16" s="292">
        <v>12700743</v>
      </c>
      <c r="LU16" s="129">
        <v>0</v>
      </c>
      <c r="LV16" s="109">
        <v>0</v>
      </c>
      <c r="LW16" s="110">
        <v>0</v>
      </c>
      <c r="LX16" s="443">
        <v>0</v>
      </c>
      <c r="LY16" s="109">
        <v>2862316</v>
      </c>
      <c r="LZ16" s="109">
        <v>7559625</v>
      </c>
      <c r="MA16" s="109">
        <v>9652287</v>
      </c>
      <c r="MB16" s="109">
        <v>16333370</v>
      </c>
      <c r="MC16" s="109">
        <v>9256061</v>
      </c>
      <c r="MD16" s="110">
        <v>45663659</v>
      </c>
      <c r="ME16" s="111">
        <v>45663659</v>
      </c>
      <c r="MF16" s="129">
        <v>0</v>
      </c>
      <c r="MG16" s="109">
        <v>0</v>
      </c>
      <c r="MH16" s="110">
        <v>0</v>
      </c>
      <c r="MI16" s="443">
        <v>0</v>
      </c>
      <c r="MJ16" s="109">
        <v>28465244</v>
      </c>
      <c r="MK16" s="109">
        <v>42694074</v>
      </c>
      <c r="ML16" s="109">
        <v>126063850</v>
      </c>
      <c r="MM16" s="109">
        <v>225586273</v>
      </c>
      <c r="MN16" s="109">
        <v>188887743</v>
      </c>
      <c r="MO16" s="110">
        <v>611697184</v>
      </c>
      <c r="MP16" s="130">
        <v>611697184</v>
      </c>
      <c r="MQ16" s="129">
        <v>0</v>
      </c>
      <c r="MR16" s="109">
        <v>0</v>
      </c>
      <c r="MS16" s="110">
        <v>0</v>
      </c>
      <c r="MT16" s="443">
        <v>0</v>
      </c>
      <c r="MU16" s="109">
        <v>3454186</v>
      </c>
      <c r="MV16" s="109">
        <v>11429723</v>
      </c>
      <c r="MW16" s="109">
        <v>83686524</v>
      </c>
      <c r="MX16" s="109">
        <v>166317327</v>
      </c>
      <c r="MY16" s="109">
        <v>136216511</v>
      </c>
      <c r="MZ16" s="110">
        <v>401104271</v>
      </c>
      <c r="NA16" s="130">
        <v>401104271</v>
      </c>
      <c r="NB16" s="129">
        <v>0</v>
      </c>
      <c r="NC16" s="109">
        <v>0</v>
      </c>
      <c r="ND16" s="110">
        <v>0</v>
      </c>
      <c r="NE16" s="443">
        <v>0</v>
      </c>
      <c r="NF16" s="109">
        <v>25011058</v>
      </c>
      <c r="NG16" s="109">
        <v>31264351</v>
      </c>
      <c r="NH16" s="109">
        <v>42377326</v>
      </c>
      <c r="NI16" s="109">
        <v>57731576</v>
      </c>
      <c r="NJ16" s="109">
        <v>40660921</v>
      </c>
      <c r="NK16" s="110">
        <v>197045232</v>
      </c>
      <c r="NL16" s="292">
        <v>197045232</v>
      </c>
      <c r="NM16" s="129">
        <v>0</v>
      </c>
      <c r="NN16" s="109">
        <v>0</v>
      </c>
      <c r="NO16" s="110">
        <v>0</v>
      </c>
      <c r="NP16" s="443">
        <v>0</v>
      </c>
      <c r="NQ16" s="109">
        <v>0</v>
      </c>
      <c r="NR16" s="109">
        <v>0</v>
      </c>
      <c r="NS16" s="109">
        <v>0</v>
      </c>
      <c r="NT16" s="109">
        <v>0</v>
      </c>
      <c r="NU16" s="109">
        <v>225839</v>
      </c>
      <c r="NV16" s="110">
        <v>225839</v>
      </c>
      <c r="NW16" s="111">
        <v>225839</v>
      </c>
      <c r="NX16" s="129">
        <v>0</v>
      </c>
      <c r="NY16" s="109">
        <v>0</v>
      </c>
      <c r="NZ16" s="110">
        <v>0</v>
      </c>
      <c r="OA16" s="443">
        <v>0</v>
      </c>
      <c r="OB16" s="109">
        <v>0</v>
      </c>
      <c r="OC16" s="109">
        <v>0</v>
      </c>
      <c r="OD16" s="109">
        <v>0</v>
      </c>
      <c r="OE16" s="109">
        <v>1537370</v>
      </c>
      <c r="OF16" s="109">
        <v>11784472</v>
      </c>
      <c r="OG16" s="110">
        <v>13321842</v>
      </c>
      <c r="OH16" s="111">
        <v>13321842</v>
      </c>
      <c r="OI16" s="129">
        <v>25556718</v>
      </c>
      <c r="OJ16" s="109">
        <v>44093206</v>
      </c>
      <c r="OK16" s="128">
        <v>69649924</v>
      </c>
      <c r="OL16" s="108">
        <v>0</v>
      </c>
      <c r="OM16" s="109">
        <v>435649122</v>
      </c>
      <c r="ON16" s="109">
        <v>403963881</v>
      </c>
      <c r="OO16" s="109">
        <v>470658945</v>
      </c>
      <c r="OP16" s="109">
        <v>565148645</v>
      </c>
      <c r="OQ16" s="109">
        <v>456974619</v>
      </c>
      <c r="OR16" s="110">
        <v>2332395212</v>
      </c>
      <c r="OS16" s="130">
        <v>2402045136</v>
      </c>
    </row>
    <row r="17" spans="2:409" ht="21" customHeight="1" x14ac:dyDescent="0.2">
      <c r="B17" s="437" t="s">
        <v>11</v>
      </c>
      <c r="C17" s="100">
        <v>11269955</v>
      </c>
      <c r="D17" s="104">
        <v>14743085</v>
      </c>
      <c r="E17" s="154">
        <v>26013040</v>
      </c>
      <c r="F17" s="101">
        <v>0</v>
      </c>
      <c r="G17" s="104">
        <v>152983962</v>
      </c>
      <c r="H17" s="104">
        <v>132174207</v>
      </c>
      <c r="I17" s="104">
        <v>132340893</v>
      </c>
      <c r="J17" s="104">
        <v>146455606</v>
      </c>
      <c r="K17" s="104">
        <v>91467209</v>
      </c>
      <c r="L17" s="99">
        <v>655421877</v>
      </c>
      <c r="M17" s="106">
        <v>681434917</v>
      </c>
      <c r="N17" s="100">
        <v>1730644</v>
      </c>
      <c r="O17" s="104">
        <v>2567805</v>
      </c>
      <c r="P17" s="103">
        <v>4298449</v>
      </c>
      <c r="Q17" s="100">
        <v>0</v>
      </c>
      <c r="R17" s="104">
        <v>36657602</v>
      </c>
      <c r="S17" s="104">
        <v>36509894</v>
      </c>
      <c r="T17" s="104">
        <v>41384278</v>
      </c>
      <c r="U17" s="104">
        <v>53219782</v>
      </c>
      <c r="V17" s="104">
        <v>44248783</v>
      </c>
      <c r="W17" s="103">
        <v>212020339</v>
      </c>
      <c r="X17" s="106">
        <v>216318788</v>
      </c>
      <c r="Y17" s="100">
        <v>0</v>
      </c>
      <c r="Z17" s="104">
        <v>0</v>
      </c>
      <c r="AA17" s="103">
        <v>0</v>
      </c>
      <c r="AB17" s="100">
        <v>0</v>
      </c>
      <c r="AC17" s="104">
        <v>18005039</v>
      </c>
      <c r="AD17" s="104">
        <v>19772025</v>
      </c>
      <c r="AE17" s="104">
        <v>24883291</v>
      </c>
      <c r="AF17" s="104">
        <v>31682241</v>
      </c>
      <c r="AG17" s="104">
        <v>28240072</v>
      </c>
      <c r="AH17" s="103">
        <v>122582668</v>
      </c>
      <c r="AI17" s="106">
        <v>122582668</v>
      </c>
      <c r="AJ17" s="100">
        <v>0</v>
      </c>
      <c r="AK17" s="104">
        <v>0</v>
      </c>
      <c r="AL17" s="103">
        <v>0</v>
      </c>
      <c r="AM17" s="100">
        <v>0</v>
      </c>
      <c r="AN17" s="104">
        <v>181607</v>
      </c>
      <c r="AO17" s="104">
        <v>368308</v>
      </c>
      <c r="AP17" s="104">
        <v>1365761</v>
      </c>
      <c r="AQ17" s="104">
        <v>3905281</v>
      </c>
      <c r="AR17" s="104">
        <v>4207200</v>
      </c>
      <c r="AS17" s="103">
        <v>10028157</v>
      </c>
      <c r="AT17" s="106">
        <v>10028157</v>
      </c>
      <c r="AU17" s="100">
        <v>1035794</v>
      </c>
      <c r="AV17" s="104">
        <v>1968253</v>
      </c>
      <c r="AW17" s="103">
        <v>3004047</v>
      </c>
      <c r="AX17" s="100">
        <v>0</v>
      </c>
      <c r="AY17" s="104">
        <v>12264703</v>
      </c>
      <c r="AZ17" s="104">
        <v>9346939</v>
      </c>
      <c r="BA17" s="104">
        <v>8745906</v>
      </c>
      <c r="BB17" s="104">
        <v>10428025</v>
      </c>
      <c r="BC17" s="104">
        <v>7615515</v>
      </c>
      <c r="BD17" s="103">
        <v>48401088</v>
      </c>
      <c r="BE17" s="106">
        <v>51405135</v>
      </c>
      <c r="BF17" s="100">
        <v>132059</v>
      </c>
      <c r="BG17" s="104">
        <v>190260</v>
      </c>
      <c r="BH17" s="102">
        <v>322319</v>
      </c>
      <c r="BI17" s="101">
        <v>0</v>
      </c>
      <c r="BJ17" s="104">
        <v>816220</v>
      </c>
      <c r="BK17" s="104">
        <v>874364</v>
      </c>
      <c r="BL17" s="104">
        <v>885245</v>
      </c>
      <c r="BM17" s="104">
        <v>1024784</v>
      </c>
      <c r="BN17" s="104">
        <v>217897</v>
      </c>
      <c r="BO17" s="103">
        <v>3818510</v>
      </c>
      <c r="BP17" s="106">
        <v>4140829</v>
      </c>
      <c r="BQ17" s="100">
        <v>562791</v>
      </c>
      <c r="BR17" s="104">
        <v>409292</v>
      </c>
      <c r="BS17" s="103">
        <v>972083</v>
      </c>
      <c r="BT17" s="100">
        <v>0</v>
      </c>
      <c r="BU17" s="104">
        <v>5390033</v>
      </c>
      <c r="BV17" s="104">
        <v>6148258</v>
      </c>
      <c r="BW17" s="104">
        <v>5504075</v>
      </c>
      <c r="BX17" s="104">
        <v>6179451</v>
      </c>
      <c r="BY17" s="104">
        <v>3968099</v>
      </c>
      <c r="BZ17" s="103">
        <v>27189916</v>
      </c>
      <c r="CA17" s="106">
        <v>28161999</v>
      </c>
      <c r="CB17" s="100">
        <v>2042740</v>
      </c>
      <c r="CC17" s="104">
        <v>2444100</v>
      </c>
      <c r="CD17" s="103">
        <v>4486840</v>
      </c>
      <c r="CE17" s="100">
        <v>0</v>
      </c>
      <c r="CF17" s="104">
        <v>45224415</v>
      </c>
      <c r="CG17" s="104">
        <v>35574091</v>
      </c>
      <c r="CH17" s="104">
        <v>30636839</v>
      </c>
      <c r="CI17" s="104">
        <v>26654114</v>
      </c>
      <c r="CJ17" s="104">
        <v>11488069</v>
      </c>
      <c r="CK17" s="103">
        <v>149577528</v>
      </c>
      <c r="CL17" s="106">
        <v>154064368</v>
      </c>
      <c r="CM17" s="100">
        <v>0</v>
      </c>
      <c r="CN17" s="104">
        <v>0</v>
      </c>
      <c r="CO17" s="103">
        <v>0</v>
      </c>
      <c r="CP17" s="101">
        <v>0</v>
      </c>
      <c r="CQ17" s="104">
        <v>36940189</v>
      </c>
      <c r="CR17" s="104">
        <v>28191765</v>
      </c>
      <c r="CS17" s="104">
        <v>25200428</v>
      </c>
      <c r="CT17" s="104">
        <v>21314120</v>
      </c>
      <c r="CU17" s="104">
        <v>9397397</v>
      </c>
      <c r="CV17" s="103">
        <v>121043899</v>
      </c>
      <c r="CW17" s="106">
        <v>121043899</v>
      </c>
      <c r="CX17" s="100">
        <v>2042740</v>
      </c>
      <c r="CY17" s="104">
        <v>2444100</v>
      </c>
      <c r="CZ17" s="103">
        <v>4486840</v>
      </c>
      <c r="DA17" s="100">
        <v>0</v>
      </c>
      <c r="DB17" s="104">
        <v>8284226</v>
      </c>
      <c r="DC17" s="104">
        <v>7382326</v>
      </c>
      <c r="DD17" s="104">
        <v>5436411</v>
      </c>
      <c r="DE17" s="104">
        <v>5339994</v>
      </c>
      <c r="DF17" s="104">
        <v>2090672</v>
      </c>
      <c r="DG17" s="103">
        <v>28533629</v>
      </c>
      <c r="DH17" s="106">
        <v>33020469</v>
      </c>
      <c r="DI17" s="100">
        <v>195296</v>
      </c>
      <c r="DJ17" s="104">
        <v>272354</v>
      </c>
      <c r="DK17" s="102">
        <v>467650</v>
      </c>
      <c r="DL17" s="101">
        <v>0</v>
      </c>
      <c r="DM17" s="104">
        <v>4285957</v>
      </c>
      <c r="DN17" s="104">
        <v>4170346</v>
      </c>
      <c r="DO17" s="104">
        <v>11834196</v>
      </c>
      <c r="DP17" s="104">
        <v>9991511</v>
      </c>
      <c r="DQ17" s="104">
        <v>6534131</v>
      </c>
      <c r="DR17" s="103">
        <v>36816141</v>
      </c>
      <c r="DS17" s="106">
        <v>37283791</v>
      </c>
      <c r="DT17" s="100">
        <v>195296</v>
      </c>
      <c r="DU17" s="104">
        <v>180722</v>
      </c>
      <c r="DV17" s="103">
        <v>376018</v>
      </c>
      <c r="DW17" s="100">
        <v>0</v>
      </c>
      <c r="DX17" s="104">
        <v>3853132</v>
      </c>
      <c r="DY17" s="104">
        <v>4025855</v>
      </c>
      <c r="DZ17" s="104">
        <v>11426305</v>
      </c>
      <c r="EA17" s="104">
        <v>9455745</v>
      </c>
      <c r="EB17" s="104">
        <v>5748046</v>
      </c>
      <c r="EC17" s="103">
        <v>34509083</v>
      </c>
      <c r="ED17" s="106">
        <v>34885101</v>
      </c>
      <c r="EE17" s="100">
        <v>0</v>
      </c>
      <c r="EF17" s="102">
        <v>91632</v>
      </c>
      <c r="EG17" s="103">
        <v>91632</v>
      </c>
      <c r="EH17" s="100">
        <v>0</v>
      </c>
      <c r="EI17" s="104">
        <v>432825</v>
      </c>
      <c r="EJ17" s="104">
        <v>144491</v>
      </c>
      <c r="EK17" s="104">
        <v>407891</v>
      </c>
      <c r="EL17" s="104">
        <v>535766</v>
      </c>
      <c r="EM17" s="104">
        <v>786085</v>
      </c>
      <c r="EN17" s="102">
        <v>2307058</v>
      </c>
      <c r="EO17" s="106">
        <v>2398690</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06">
        <v>0</v>
      </c>
      <c r="FE17" s="104">
        <v>0</v>
      </c>
      <c r="FF17" s="104">
        <v>0</v>
      </c>
      <c r="FG17" s="104">
        <v>0</v>
      </c>
      <c r="FH17" s="104">
        <v>0</v>
      </c>
      <c r="FI17" s="104">
        <v>0</v>
      </c>
      <c r="FJ17" s="103">
        <v>0</v>
      </c>
      <c r="FK17" s="106">
        <v>0</v>
      </c>
      <c r="FL17" s="100">
        <v>2467960</v>
      </c>
      <c r="FM17" s="104">
        <v>4435694</v>
      </c>
      <c r="FN17" s="103">
        <v>6903654</v>
      </c>
      <c r="FO17" s="100">
        <v>0</v>
      </c>
      <c r="FP17" s="104">
        <v>9090970</v>
      </c>
      <c r="FQ17" s="104">
        <v>11875385</v>
      </c>
      <c r="FR17" s="104">
        <v>10868720</v>
      </c>
      <c r="FS17" s="104">
        <v>11211143</v>
      </c>
      <c r="FT17" s="104">
        <v>6630399</v>
      </c>
      <c r="FU17" s="103">
        <v>49676617</v>
      </c>
      <c r="FV17" s="106">
        <v>56580271</v>
      </c>
      <c r="FW17" s="105">
        <v>1982199</v>
      </c>
      <c r="FX17" s="104">
        <v>3195923</v>
      </c>
      <c r="FY17" s="102">
        <v>5178122</v>
      </c>
      <c r="FZ17" s="101">
        <v>0</v>
      </c>
      <c r="GA17" s="104">
        <v>6878738</v>
      </c>
      <c r="GB17" s="104">
        <v>11119199</v>
      </c>
      <c r="GC17" s="104">
        <v>9893633</v>
      </c>
      <c r="GD17" s="104">
        <v>10415897</v>
      </c>
      <c r="GE17" s="104">
        <v>6195034</v>
      </c>
      <c r="GF17" s="103">
        <v>44502501</v>
      </c>
      <c r="GG17" s="290">
        <v>49680623</v>
      </c>
      <c r="GH17" s="105">
        <v>89370</v>
      </c>
      <c r="GI17" s="104">
        <v>433998</v>
      </c>
      <c r="GJ17" s="102">
        <v>523368</v>
      </c>
      <c r="GK17" s="101">
        <v>0</v>
      </c>
      <c r="GL17" s="104">
        <v>497523</v>
      </c>
      <c r="GM17" s="104">
        <v>159734</v>
      </c>
      <c r="GN17" s="104">
        <v>460287</v>
      </c>
      <c r="GO17" s="104">
        <v>382083</v>
      </c>
      <c r="GP17" s="104">
        <v>65419</v>
      </c>
      <c r="GQ17" s="103">
        <v>1565046</v>
      </c>
      <c r="GR17" s="106">
        <v>2088414</v>
      </c>
      <c r="GS17" s="100">
        <v>396391</v>
      </c>
      <c r="GT17" s="104">
        <v>805773</v>
      </c>
      <c r="GU17" s="103">
        <v>1202164</v>
      </c>
      <c r="GV17" s="100">
        <v>0</v>
      </c>
      <c r="GW17" s="104">
        <v>1714709</v>
      </c>
      <c r="GX17" s="104">
        <v>596452</v>
      </c>
      <c r="GY17" s="104">
        <v>514800</v>
      </c>
      <c r="GZ17" s="104">
        <v>413163</v>
      </c>
      <c r="HA17" s="104">
        <v>369946</v>
      </c>
      <c r="HB17" s="102">
        <v>3609070</v>
      </c>
      <c r="HC17" s="106">
        <v>4811234</v>
      </c>
      <c r="HD17" s="100">
        <v>2397192</v>
      </c>
      <c r="HE17" s="104">
        <v>2240092</v>
      </c>
      <c r="HF17" s="102">
        <v>4637284</v>
      </c>
      <c r="HG17" s="101">
        <v>0</v>
      </c>
      <c r="HH17" s="104">
        <v>31594877</v>
      </c>
      <c r="HI17" s="104">
        <v>28172519</v>
      </c>
      <c r="HJ17" s="104">
        <v>24497897</v>
      </c>
      <c r="HK17" s="104">
        <v>34857880</v>
      </c>
      <c r="HL17" s="104">
        <v>17402529</v>
      </c>
      <c r="HM17" s="103">
        <v>136525702</v>
      </c>
      <c r="HN17" s="99">
        <v>141162986</v>
      </c>
      <c r="HO17" s="105">
        <v>2436123</v>
      </c>
      <c r="HP17" s="104">
        <v>2783040</v>
      </c>
      <c r="HQ17" s="103">
        <v>5219163</v>
      </c>
      <c r="HR17" s="100">
        <v>0</v>
      </c>
      <c r="HS17" s="104">
        <v>26130141</v>
      </c>
      <c r="HT17" s="104">
        <v>15871972</v>
      </c>
      <c r="HU17" s="104">
        <v>13118963</v>
      </c>
      <c r="HV17" s="104">
        <v>10521176</v>
      </c>
      <c r="HW17" s="104">
        <v>5163298</v>
      </c>
      <c r="HX17" s="102">
        <v>70805550</v>
      </c>
      <c r="HY17" s="106">
        <v>76024713</v>
      </c>
      <c r="HZ17" s="118">
        <v>47835</v>
      </c>
      <c r="IA17" s="119">
        <v>1252789</v>
      </c>
      <c r="IB17" s="120">
        <v>1300624</v>
      </c>
      <c r="IC17" s="131">
        <v>0</v>
      </c>
      <c r="ID17" s="119">
        <v>50757584</v>
      </c>
      <c r="IE17" s="132">
        <v>48938269</v>
      </c>
      <c r="IF17" s="120">
        <v>53047797</v>
      </c>
      <c r="IG17" s="119">
        <v>33116901</v>
      </c>
      <c r="IH17" s="120">
        <v>18364962</v>
      </c>
      <c r="II17" s="133">
        <v>204225513</v>
      </c>
      <c r="IJ17" s="126">
        <v>205526137</v>
      </c>
      <c r="IK17" s="215">
        <v>0</v>
      </c>
      <c r="IL17" s="219">
        <v>0</v>
      </c>
      <c r="IM17" s="220">
        <v>0</v>
      </c>
      <c r="IN17" s="127">
        <v>0</v>
      </c>
      <c r="IO17" s="109">
        <v>690716</v>
      </c>
      <c r="IP17" s="109">
        <v>1021102</v>
      </c>
      <c r="IQ17" s="109">
        <v>714563</v>
      </c>
      <c r="IR17" s="109">
        <v>924667</v>
      </c>
      <c r="IS17" s="109">
        <v>1130078</v>
      </c>
      <c r="IT17" s="128">
        <v>4481126</v>
      </c>
      <c r="IU17" s="292">
        <v>4481126</v>
      </c>
      <c r="IV17" s="129">
        <v>0</v>
      </c>
      <c r="IW17" s="109">
        <v>0</v>
      </c>
      <c r="IX17" s="110">
        <v>0</v>
      </c>
      <c r="IY17" s="443">
        <v>0</v>
      </c>
      <c r="IZ17" s="109">
        <v>234956</v>
      </c>
      <c r="JA17" s="109">
        <v>302856</v>
      </c>
      <c r="JB17" s="109">
        <v>208351</v>
      </c>
      <c r="JC17" s="109">
        <v>407951</v>
      </c>
      <c r="JD17" s="109">
        <v>236038</v>
      </c>
      <c r="JE17" s="110">
        <v>1390152</v>
      </c>
      <c r="JF17" s="111">
        <v>1390152</v>
      </c>
      <c r="JG17" s="129">
        <v>0</v>
      </c>
      <c r="JH17" s="109">
        <v>0</v>
      </c>
      <c r="JI17" s="128">
        <v>0</v>
      </c>
      <c r="JJ17" s="108">
        <v>0</v>
      </c>
      <c r="JK17" s="109">
        <v>25737601</v>
      </c>
      <c r="JL17" s="109">
        <v>18895037</v>
      </c>
      <c r="JM17" s="109">
        <v>14569890</v>
      </c>
      <c r="JN17" s="109">
        <v>7432446</v>
      </c>
      <c r="JO17" s="109">
        <v>5851344</v>
      </c>
      <c r="JP17" s="110">
        <v>72486318</v>
      </c>
      <c r="JQ17" s="292">
        <v>72486318</v>
      </c>
      <c r="JR17" s="129">
        <v>0</v>
      </c>
      <c r="JS17" s="109">
        <v>0</v>
      </c>
      <c r="JT17" s="128">
        <v>0</v>
      </c>
      <c r="JU17" s="108">
        <v>0</v>
      </c>
      <c r="JV17" s="109">
        <v>1495467</v>
      </c>
      <c r="JW17" s="109">
        <v>1821814</v>
      </c>
      <c r="JX17" s="109">
        <v>1611196</v>
      </c>
      <c r="JY17" s="109">
        <v>104833</v>
      </c>
      <c r="JZ17" s="109">
        <v>141427</v>
      </c>
      <c r="KA17" s="110">
        <v>5174737</v>
      </c>
      <c r="KB17" s="292">
        <v>5174737</v>
      </c>
      <c r="KC17" s="217">
        <v>47835</v>
      </c>
      <c r="KD17" s="213">
        <v>486905</v>
      </c>
      <c r="KE17" s="110">
        <v>534740</v>
      </c>
      <c r="KF17" s="108">
        <v>0</v>
      </c>
      <c r="KG17" s="109">
        <v>6242863</v>
      </c>
      <c r="KH17" s="109">
        <v>6561205</v>
      </c>
      <c r="KI17" s="109">
        <v>10781371</v>
      </c>
      <c r="KJ17" s="109">
        <v>5630580</v>
      </c>
      <c r="KK17" s="109">
        <v>2269345</v>
      </c>
      <c r="KL17" s="110">
        <v>31485364</v>
      </c>
      <c r="KM17" s="130">
        <v>32020104</v>
      </c>
      <c r="KN17" s="215">
        <v>0</v>
      </c>
      <c r="KO17" s="219">
        <v>765884</v>
      </c>
      <c r="KP17" s="220">
        <v>765884</v>
      </c>
      <c r="KQ17" s="443">
        <v>0</v>
      </c>
      <c r="KR17" s="109">
        <v>14630140</v>
      </c>
      <c r="KS17" s="109">
        <v>19483295</v>
      </c>
      <c r="KT17" s="109">
        <v>24030100</v>
      </c>
      <c r="KU17" s="109">
        <v>16077021</v>
      </c>
      <c r="KV17" s="109">
        <v>7996692</v>
      </c>
      <c r="KW17" s="110">
        <v>82217248</v>
      </c>
      <c r="KX17" s="292">
        <v>82983132</v>
      </c>
      <c r="KY17" s="129">
        <v>0</v>
      </c>
      <c r="KZ17" s="109">
        <v>0</v>
      </c>
      <c r="LA17" s="110">
        <v>0</v>
      </c>
      <c r="LB17" s="443">
        <v>0</v>
      </c>
      <c r="LC17" s="109">
        <v>0</v>
      </c>
      <c r="LD17" s="109">
        <v>0</v>
      </c>
      <c r="LE17" s="109">
        <v>0</v>
      </c>
      <c r="LF17" s="109">
        <v>0</v>
      </c>
      <c r="LG17" s="109">
        <v>0</v>
      </c>
      <c r="LH17" s="110">
        <v>0</v>
      </c>
      <c r="LI17" s="111">
        <v>0</v>
      </c>
      <c r="LJ17" s="129">
        <v>0</v>
      </c>
      <c r="LK17" s="109">
        <v>0</v>
      </c>
      <c r="LL17" s="110">
        <v>0</v>
      </c>
      <c r="LM17" s="443">
        <v>0</v>
      </c>
      <c r="LN17" s="109">
        <v>0</v>
      </c>
      <c r="LO17" s="109">
        <v>247185</v>
      </c>
      <c r="LP17" s="109">
        <v>44982</v>
      </c>
      <c r="LQ17" s="109">
        <v>0</v>
      </c>
      <c r="LR17" s="109">
        <v>0</v>
      </c>
      <c r="LS17" s="110">
        <v>292167</v>
      </c>
      <c r="LT17" s="292">
        <v>292167</v>
      </c>
      <c r="LU17" s="129">
        <v>0</v>
      </c>
      <c r="LV17" s="109">
        <v>0</v>
      </c>
      <c r="LW17" s="110">
        <v>0</v>
      </c>
      <c r="LX17" s="443">
        <v>0</v>
      </c>
      <c r="LY17" s="109">
        <v>1725841</v>
      </c>
      <c r="LZ17" s="109">
        <v>605775</v>
      </c>
      <c r="MA17" s="109">
        <v>1087344</v>
      </c>
      <c r="MB17" s="109">
        <v>2539403</v>
      </c>
      <c r="MC17" s="109">
        <v>740038</v>
      </c>
      <c r="MD17" s="110">
        <v>6698401</v>
      </c>
      <c r="ME17" s="111">
        <v>6698401</v>
      </c>
      <c r="MF17" s="129">
        <v>0</v>
      </c>
      <c r="MG17" s="109">
        <v>0</v>
      </c>
      <c r="MH17" s="110">
        <v>0</v>
      </c>
      <c r="MI17" s="443">
        <v>0</v>
      </c>
      <c r="MJ17" s="109">
        <v>15135210</v>
      </c>
      <c r="MK17" s="109">
        <v>28806038</v>
      </c>
      <c r="ML17" s="109">
        <v>91446016</v>
      </c>
      <c r="MM17" s="109">
        <v>151771859</v>
      </c>
      <c r="MN17" s="109">
        <v>101737111</v>
      </c>
      <c r="MO17" s="110">
        <v>388896234</v>
      </c>
      <c r="MP17" s="130">
        <v>388896234</v>
      </c>
      <c r="MQ17" s="129">
        <v>0</v>
      </c>
      <c r="MR17" s="109">
        <v>0</v>
      </c>
      <c r="MS17" s="110">
        <v>0</v>
      </c>
      <c r="MT17" s="443">
        <v>0</v>
      </c>
      <c r="MU17" s="109">
        <v>184698</v>
      </c>
      <c r="MV17" s="109">
        <v>1650992</v>
      </c>
      <c r="MW17" s="109">
        <v>48156938</v>
      </c>
      <c r="MX17" s="109">
        <v>103192051</v>
      </c>
      <c r="MY17" s="109">
        <v>62275622</v>
      </c>
      <c r="MZ17" s="110">
        <v>215460301</v>
      </c>
      <c r="NA17" s="130">
        <v>215460301</v>
      </c>
      <c r="NB17" s="129">
        <v>0</v>
      </c>
      <c r="NC17" s="109">
        <v>0</v>
      </c>
      <c r="ND17" s="110">
        <v>0</v>
      </c>
      <c r="NE17" s="443">
        <v>0</v>
      </c>
      <c r="NF17" s="109">
        <v>13919351</v>
      </c>
      <c r="NG17" s="109">
        <v>25734638</v>
      </c>
      <c r="NH17" s="109">
        <v>39406280</v>
      </c>
      <c r="NI17" s="109">
        <v>44606867</v>
      </c>
      <c r="NJ17" s="109">
        <v>27209313</v>
      </c>
      <c r="NK17" s="110">
        <v>150876449</v>
      </c>
      <c r="NL17" s="292">
        <v>150876449</v>
      </c>
      <c r="NM17" s="129">
        <v>0</v>
      </c>
      <c r="NN17" s="109">
        <v>0</v>
      </c>
      <c r="NO17" s="110">
        <v>0</v>
      </c>
      <c r="NP17" s="443">
        <v>0</v>
      </c>
      <c r="NQ17" s="109">
        <v>0</v>
      </c>
      <c r="NR17" s="109">
        <v>0</v>
      </c>
      <c r="NS17" s="109">
        <v>0</v>
      </c>
      <c r="NT17" s="109">
        <v>0</v>
      </c>
      <c r="NU17" s="109">
        <v>0</v>
      </c>
      <c r="NV17" s="110">
        <v>0</v>
      </c>
      <c r="NW17" s="111">
        <v>0</v>
      </c>
      <c r="NX17" s="129">
        <v>0</v>
      </c>
      <c r="NY17" s="109">
        <v>0</v>
      </c>
      <c r="NZ17" s="110">
        <v>0</v>
      </c>
      <c r="OA17" s="443">
        <v>0</v>
      </c>
      <c r="OB17" s="109">
        <v>1031161</v>
      </c>
      <c r="OC17" s="109">
        <v>1420408</v>
      </c>
      <c r="OD17" s="109">
        <v>3882798</v>
      </c>
      <c r="OE17" s="109">
        <v>3972941</v>
      </c>
      <c r="OF17" s="109">
        <v>12252176</v>
      </c>
      <c r="OG17" s="110">
        <v>22559484</v>
      </c>
      <c r="OH17" s="111">
        <v>22559484</v>
      </c>
      <c r="OI17" s="129">
        <v>11317790</v>
      </c>
      <c r="OJ17" s="109">
        <v>15995874</v>
      </c>
      <c r="OK17" s="128">
        <v>27313664</v>
      </c>
      <c r="OL17" s="108">
        <v>0</v>
      </c>
      <c r="OM17" s="109">
        <v>218876756</v>
      </c>
      <c r="ON17" s="109">
        <v>209918514</v>
      </c>
      <c r="OO17" s="109">
        <v>276834706</v>
      </c>
      <c r="OP17" s="109">
        <v>331344366</v>
      </c>
      <c r="OQ17" s="109">
        <v>211569282</v>
      </c>
      <c r="OR17" s="110">
        <v>1248543624</v>
      </c>
      <c r="OS17" s="130">
        <v>1275857288</v>
      </c>
    </row>
    <row r="18" spans="2:409" ht="21" customHeight="1" x14ac:dyDescent="0.2">
      <c r="B18" s="437" t="s">
        <v>12</v>
      </c>
      <c r="C18" s="100">
        <v>16401174</v>
      </c>
      <c r="D18" s="104">
        <v>34375309</v>
      </c>
      <c r="E18" s="103">
        <v>50776483</v>
      </c>
      <c r="F18" s="99">
        <v>0</v>
      </c>
      <c r="G18" s="104">
        <v>131662239</v>
      </c>
      <c r="H18" s="153">
        <v>155248717</v>
      </c>
      <c r="I18" s="153">
        <v>142645110</v>
      </c>
      <c r="J18" s="153">
        <v>155514331</v>
      </c>
      <c r="K18" s="153">
        <v>112626645</v>
      </c>
      <c r="L18" s="102">
        <v>697697042</v>
      </c>
      <c r="M18" s="106">
        <v>748473525</v>
      </c>
      <c r="N18" s="100">
        <v>3897595</v>
      </c>
      <c r="O18" s="104">
        <v>10444039</v>
      </c>
      <c r="P18" s="103">
        <v>14341634</v>
      </c>
      <c r="Q18" s="100">
        <v>0</v>
      </c>
      <c r="R18" s="104">
        <v>34842236</v>
      </c>
      <c r="S18" s="104">
        <v>49770410</v>
      </c>
      <c r="T18" s="104">
        <v>43055774</v>
      </c>
      <c r="U18" s="104">
        <v>58794918</v>
      </c>
      <c r="V18" s="104">
        <v>58943952</v>
      </c>
      <c r="W18" s="103">
        <v>245407290</v>
      </c>
      <c r="X18" s="106">
        <v>259748924</v>
      </c>
      <c r="Y18" s="100">
        <v>0</v>
      </c>
      <c r="Z18" s="104">
        <v>0</v>
      </c>
      <c r="AA18" s="103">
        <v>0</v>
      </c>
      <c r="AB18" s="100">
        <v>0</v>
      </c>
      <c r="AC18" s="104">
        <v>19416012</v>
      </c>
      <c r="AD18" s="104">
        <v>26441885</v>
      </c>
      <c r="AE18" s="104">
        <v>26664741</v>
      </c>
      <c r="AF18" s="104">
        <v>38250686</v>
      </c>
      <c r="AG18" s="104">
        <v>39301565</v>
      </c>
      <c r="AH18" s="103">
        <v>150074889</v>
      </c>
      <c r="AI18" s="106">
        <v>150074889</v>
      </c>
      <c r="AJ18" s="100">
        <v>0</v>
      </c>
      <c r="AK18" s="104">
        <v>157359</v>
      </c>
      <c r="AL18" s="103">
        <v>157359</v>
      </c>
      <c r="AM18" s="100">
        <v>0</v>
      </c>
      <c r="AN18" s="104">
        <v>185453</v>
      </c>
      <c r="AO18" s="104">
        <v>920406</v>
      </c>
      <c r="AP18" s="104">
        <v>1325781</v>
      </c>
      <c r="AQ18" s="104">
        <v>3638200</v>
      </c>
      <c r="AR18" s="104">
        <v>5292330</v>
      </c>
      <c r="AS18" s="103">
        <v>11362170</v>
      </c>
      <c r="AT18" s="106">
        <v>11519529</v>
      </c>
      <c r="AU18" s="100">
        <v>2898633</v>
      </c>
      <c r="AV18" s="104">
        <v>8171068</v>
      </c>
      <c r="AW18" s="103">
        <v>11069701</v>
      </c>
      <c r="AX18" s="100">
        <v>0</v>
      </c>
      <c r="AY18" s="104">
        <v>10339995</v>
      </c>
      <c r="AZ18" s="104">
        <v>15998348</v>
      </c>
      <c r="BA18" s="104">
        <v>9022188</v>
      </c>
      <c r="BB18" s="104">
        <v>9855337</v>
      </c>
      <c r="BC18" s="104">
        <v>9297672</v>
      </c>
      <c r="BD18" s="103">
        <v>54513540</v>
      </c>
      <c r="BE18" s="106">
        <v>65583241</v>
      </c>
      <c r="BF18" s="100">
        <v>160668</v>
      </c>
      <c r="BG18" s="104">
        <v>793821</v>
      </c>
      <c r="BH18" s="102">
        <v>954489</v>
      </c>
      <c r="BI18" s="101">
        <v>0</v>
      </c>
      <c r="BJ18" s="104">
        <v>398187</v>
      </c>
      <c r="BK18" s="104">
        <v>1355207</v>
      </c>
      <c r="BL18" s="104">
        <v>902597</v>
      </c>
      <c r="BM18" s="104">
        <v>810891</v>
      </c>
      <c r="BN18" s="104">
        <v>450306</v>
      </c>
      <c r="BO18" s="103">
        <v>3917188</v>
      </c>
      <c r="BP18" s="106">
        <v>4871677</v>
      </c>
      <c r="BQ18" s="100">
        <v>838294</v>
      </c>
      <c r="BR18" s="104">
        <v>1321791</v>
      </c>
      <c r="BS18" s="103">
        <v>2160085</v>
      </c>
      <c r="BT18" s="100">
        <v>0</v>
      </c>
      <c r="BU18" s="104">
        <v>4502589</v>
      </c>
      <c r="BV18" s="104">
        <v>5054564</v>
      </c>
      <c r="BW18" s="104">
        <v>5140467</v>
      </c>
      <c r="BX18" s="104">
        <v>6239804</v>
      </c>
      <c r="BY18" s="104">
        <v>4602079</v>
      </c>
      <c r="BZ18" s="103">
        <v>25539503</v>
      </c>
      <c r="CA18" s="106">
        <v>27699588</v>
      </c>
      <c r="CB18" s="100">
        <v>2511837</v>
      </c>
      <c r="CC18" s="104">
        <v>5614382</v>
      </c>
      <c r="CD18" s="103">
        <v>8126219</v>
      </c>
      <c r="CE18" s="100">
        <v>0</v>
      </c>
      <c r="CF18" s="104">
        <v>41019620</v>
      </c>
      <c r="CG18" s="104">
        <v>43123292</v>
      </c>
      <c r="CH18" s="104">
        <v>37987875</v>
      </c>
      <c r="CI18" s="104">
        <v>27364858</v>
      </c>
      <c r="CJ18" s="104">
        <v>13903939</v>
      </c>
      <c r="CK18" s="103">
        <v>163399584</v>
      </c>
      <c r="CL18" s="106">
        <v>171525803</v>
      </c>
      <c r="CM18" s="100">
        <v>0</v>
      </c>
      <c r="CN18" s="104">
        <v>0</v>
      </c>
      <c r="CO18" s="103">
        <v>0</v>
      </c>
      <c r="CP18" s="101">
        <v>0</v>
      </c>
      <c r="CQ18" s="104">
        <v>35131288</v>
      </c>
      <c r="CR18" s="104">
        <v>32851112</v>
      </c>
      <c r="CS18" s="104">
        <v>28700090</v>
      </c>
      <c r="CT18" s="104">
        <v>21506525</v>
      </c>
      <c r="CU18" s="104">
        <v>12066286</v>
      </c>
      <c r="CV18" s="103">
        <v>130255301</v>
      </c>
      <c r="CW18" s="106">
        <v>130255301</v>
      </c>
      <c r="CX18" s="100">
        <v>2511837</v>
      </c>
      <c r="CY18" s="104">
        <v>5614382</v>
      </c>
      <c r="CZ18" s="103">
        <v>8126219</v>
      </c>
      <c r="DA18" s="100">
        <v>0</v>
      </c>
      <c r="DB18" s="104">
        <v>5888332</v>
      </c>
      <c r="DC18" s="104">
        <v>10272180</v>
      </c>
      <c r="DD18" s="104">
        <v>9287785</v>
      </c>
      <c r="DE18" s="104">
        <v>5858333</v>
      </c>
      <c r="DF18" s="104">
        <v>1837653</v>
      </c>
      <c r="DG18" s="103">
        <v>33144283</v>
      </c>
      <c r="DH18" s="106">
        <v>41270502</v>
      </c>
      <c r="DI18" s="100">
        <v>144364</v>
      </c>
      <c r="DJ18" s="104">
        <v>482967</v>
      </c>
      <c r="DK18" s="102">
        <v>627331</v>
      </c>
      <c r="DL18" s="101">
        <v>0</v>
      </c>
      <c r="DM18" s="104">
        <v>5449807</v>
      </c>
      <c r="DN18" s="104">
        <v>7603563</v>
      </c>
      <c r="DO18" s="104">
        <v>12028695</v>
      </c>
      <c r="DP18" s="104">
        <v>11936711</v>
      </c>
      <c r="DQ18" s="104">
        <v>7001992</v>
      </c>
      <c r="DR18" s="103">
        <v>44020768</v>
      </c>
      <c r="DS18" s="106">
        <v>44648099</v>
      </c>
      <c r="DT18" s="100">
        <v>144364</v>
      </c>
      <c r="DU18" s="104">
        <v>482967</v>
      </c>
      <c r="DV18" s="103">
        <v>627331</v>
      </c>
      <c r="DW18" s="100">
        <v>0</v>
      </c>
      <c r="DX18" s="104">
        <v>5178366</v>
      </c>
      <c r="DY18" s="104">
        <v>7350452</v>
      </c>
      <c r="DZ18" s="104">
        <v>11780343</v>
      </c>
      <c r="EA18" s="104">
        <v>11757210</v>
      </c>
      <c r="EB18" s="104">
        <v>6638745</v>
      </c>
      <c r="EC18" s="103">
        <v>42705116</v>
      </c>
      <c r="ED18" s="106">
        <v>43332447</v>
      </c>
      <c r="EE18" s="100">
        <v>0</v>
      </c>
      <c r="EF18" s="102">
        <v>0</v>
      </c>
      <c r="EG18" s="103">
        <v>0</v>
      </c>
      <c r="EH18" s="100">
        <v>0</v>
      </c>
      <c r="EI18" s="104">
        <v>271441</v>
      </c>
      <c r="EJ18" s="104">
        <v>253111</v>
      </c>
      <c r="EK18" s="104">
        <v>248352</v>
      </c>
      <c r="EL18" s="104">
        <v>179501</v>
      </c>
      <c r="EM18" s="104">
        <v>363247</v>
      </c>
      <c r="EN18" s="102">
        <v>1315652</v>
      </c>
      <c r="EO18" s="106">
        <v>1315652</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06">
        <v>0</v>
      </c>
      <c r="FE18" s="104">
        <v>0</v>
      </c>
      <c r="FF18" s="104">
        <v>0</v>
      </c>
      <c r="FG18" s="104">
        <v>0</v>
      </c>
      <c r="FH18" s="104">
        <v>0</v>
      </c>
      <c r="FI18" s="104">
        <v>0</v>
      </c>
      <c r="FJ18" s="103">
        <v>0</v>
      </c>
      <c r="FK18" s="106">
        <v>0</v>
      </c>
      <c r="FL18" s="100">
        <v>4097796</v>
      </c>
      <c r="FM18" s="104">
        <v>8317342</v>
      </c>
      <c r="FN18" s="103">
        <v>12415138</v>
      </c>
      <c r="FO18" s="100">
        <v>0</v>
      </c>
      <c r="FP18" s="104">
        <v>5531060</v>
      </c>
      <c r="FQ18" s="104">
        <v>15452970</v>
      </c>
      <c r="FR18" s="104">
        <v>12234939</v>
      </c>
      <c r="FS18" s="104">
        <v>12675494</v>
      </c>
      <c r="FT18" s="104">
        <v>9004090</v>
      </c>
      <c r="FU18" s="103">
        <v>54898553</v>
      </c>
      <c r="FV18" s="106">
        <v>67313691</v>
      </c>
      <c r="FW18" s="105">
        <v>2463782</v>
      </c>
      <c r="FX18" s="104">
        <v>5765172</v>
      </c>
      <c r="FY18" s="102">
        <v>8228954</v>
      </c>
      <c r="FZ18" s="101">
        <v>0</v>
      </c>
      <c r="GA18" s="104">
        <v>4023039</v>
      </c>
      <c r="GB18" s="104">
        <v>14216703</v>
      </c>
      <c r="GC18" s="104">
        <v>11094411</v>
      </c>
      <c r="GD18" s="104">
        <v>11626875</v>
      </c>
      <c r="GE18" s="104">
        <v>8343096</v>
      </c>
      <c r="GF18" s="103">
        <v>49304124</v>
      </c>
      <c r="GG18" s="290">
        <v>57533078</v>
      </c>
      <c r="GH18" s="105">
        <v>197934</v>
      </c>
      <c r="GI18" s="104">
        <v>489310</v>
      </c>
      <c r="GJ18" s="102">
        <v>687244</v>
      </c>
      <c r="GK18" s="101">
        <v>0</v>
      </c>
      <c r="GL18" s="104">
        <v>444081</v>
      </c>
      <c r="GM18" s="104">
        <v>415035</v>
      </c>
      <c r="GN18" s="104">
        <v>481538</v>
      </c>
      <c r="GO18" s="104">
        <v>596769</v>
      </c>
      <c r="GP18" s="104">
        <v>271944</v>
      </c>
      <c r="GQ18" s="103">
        <v>2209367</v>
      </c>
      <c r="GR18" s="106">
        <v>2896611</v>
      </c>
      <c r="GS18" s="100">
        <v>1436080</v>
      </c>
      <c r="GT18" s="104">
        <v>2062860</v>
      </c>
      <c r="GU18" s="103">
        <v>3498940</v>
      </c>
      <c r="GV18" s="100">
        <v>0</v>
      </c>
      <c r="GW18" s="104">
        <v>1063940</v>
      </c>
      <c r="GX18" s="104">
        <v>821232</v>
      </c>
      <c r="GY18" s="104">
        <v>658990</v>
      </c>
      <c r="GZ18" s="104">
        <v>451850</v>
      </c>
      <c r="HA18" s="104">
        <v>389050</v>
      </c>
      <c r="HB18" s="102">
        <v>3385062</v>
      </c>
      <c r="HC18" s="106">
        <v>6884002</v>
      </c>
      <c r="HD18" s="100">
        <v>2510338</v>
      </c>
      <c r="HE18" s="104">
        <v>4185734</v>
      </c>
      <c r="HF18" s="102">
        <v>6696072</v>
      </c>
      <c r="HG18" s="101">
        <v>0</v>
      </c>
      <c r="HH18" s="104">
        <v>22354582</v>
      </c>
      <c r="HI18" s="104">
        <v>19852182</v>
      </c>
      <c r="HJ18" s="104">
        <v>23499898</v>
      </c>
      <c r="HK18" s="104">
        <v>33407088</v>
      </c>
      <c r="HL18" s="104">
        <v>17304878</v>
      </c>
      <c r="HM18" s="103">
        <v>116418628</v>
      </c>
      <c r="HN18" s="99">
        <v>123114700</v>
      </c>
      <c r="HO18" s="105">
        <v>3239244</v>
      </c>
      <c r="HP18" s="104">
        <v>5330845</v>
      </c>
      <c r="HQ18" s="103">
        <v>8570089</v>
      </c>
      <c r="HR18" s="100">
        <v>0</v>
      </c>
      <c r="HS18" s="104">
        <v>22464934</v>
      </c>
      <c r="HT18" s="104">
        <v>19446300</v>
      </c>
      <c r="HU18" s="104">
        <v>13837929</v>
      </c>
      <c r="HV18" s="104">
        <v>11335262</v>
      </c>
      <c r="HW18" s="104">
        <v>6467794</v>
      </c>
      <c r="HX18" s="102">
        <v>73552219</v>
      </c>
      <c r="HY18" s="106">
        <v>82122308</v>
      </c>
      <c r="HZ18" s="135">
        <v>0</v>
      </c>
      <c r="IA18" s="122">
        <v>152612</v>
      </c>
      <c r="IB18" s="135">
        <v>152612</v>
      </c>
      <c r="IC18" s="121">
        <v>0</v>
      </c>
      <c r="ID18" s="122">
        <v>35716511</v>
      </c>
      <c r="IE18" s="123">
        <v>42382161</v>
      </c>
      <c r="IF18" s="124">
        <v>52358716</v>
      </c>
      <c r="IG18" s="122">
        <v>37623753</v>
      </c>
      <c r="IH18" s="124">
        <v>32314641</v>
      </c>
      <c r="II18" s="125">
        <v>200395782</v>
      </c>
      <c r="IJ18" s="135">
        <v>200548394</v>
      </c>
      <c r="IK18" s="215">
        <v>0</v>
      </c>
      <c r="IL18" s="219">
        <v>0</v>
      </c>
      <c r="IM18" s="220">
        <v>0</v>
      </c>
      <c r="IN18" s="127">
        <v>0</v>
      </c>
      <c r="IO18" s="109">
        <v>665355</v>
      </c>
      <c r="IP18" s="109">
        <v>512716</v>
      </c>
      <c r="IQ18" s="109">
        <v>623067</v>
      </c>
      <c r="IR18" s="109">
        <v>272374</v>
      </c>
      <c r="IS18" s="109">
        <v>1766822</v>
      </c>
      <c r="IT18" s="128">
        <v>3840334</v>
      </c>
      <c r="IU18" s="292">
        <v>3840334</v>
      </c>
      <c r="IV18" s="129">
        <v>0</v>
      </c>
      <c r="IW18" s="109">
        <v>0</v>
      </c>
      <c r="IX18" s="110">
        <v>0</v>
      </c>
      <c r="IY18" s="443">
        <v>0</v>
      </c>
      <c r="IZ18" s="109">
        <v>0</v>
      </c>
      <c r="JA18" s="109">
        <v>0</v>
      </c>
      <c r="JB18" s="109">
        <v>0</v>
      </c>
      <c r="JC18" s="109">
        <v>0</v>
      </c>
      <c r="JD18" s="109">
        <v>0</v>
      </c>
      <c r="JE18" s="110">
        <v>0</v>
      </c>
      <c r="JF18" s="111">
        <v>0</v>
      </c>
      <c r="JG18" s="129">
        <v>0</v>
      </c>
      <c r="JH18" s="109">
        <v>0</v>
      </c>
      <c r="JI18" s="128">
        <v>0</v>
      </c>
      <c r="JJ18" s="108">
        <v>0</v>
      </c>
      <c r="JK18" s="109">
        <v>20443233</v>
      </c>
      <c r="JL18" s="109">
        <v>15615104</v>
      </c>
      <c r="JM18" s="109">
        <v>12815256</v>
      </c>
      <c r="JN18" s="109">
        <v>6879710</v>
      </c>
      <c r="JO18" s="109">
        <v>2801174</v>
      </c>
      <c r="JP18" s="110">
        <v>58554477</v>
      </c>
      <c r="JQ18" s="292">
        <v>58554477</v>
      </c>
      <c r="JR18" s="129">
        <v>0</v>
      </c>
      <c r="JS18" s="109">
        <v>0</v>
      </c>
      <c r="JT18" s="128">
        <v>0</v>
      </c>
      <c r="JU18" s="108">
        <v>0</v>
      </c>
      <c r="JV18" s="109">
        <v>236310</v>
      </c>
      <c r="JW18" s="109">
        <v>95595</v>
      </c>
      <c r="JX18" s="109">
        <v>38824</v>
      </c>
      <c r="JY18" s="109">
        <v>85282</v>
      </c>
      <c r="JZ18" s="109">
        <v>261151</v>
      </c>
      <c r="KA18" s="110">
        <v>717162</v>
      </c>
      <c r="KB18" s="292">
        <v>717162</v>
      </c>
      <c r="KC18" s="217">
        <v>0</v>
      </c>
      <c r="KD18" s="213">
        <v>152612</v>
      </c>
      <c r="KE18" s="110">
        <v>152612</v>
      </c>
      <c r="KF18" s="108">
        <v>0</v>
      </c>
      <c r="KG18" s="109">
        <v>3205612</v>
      </c>
      <c r="KH18" s="109">
        <v>8116122</v>
      </c>
      <c r="KI18" s="109">
        <v>12662056</v>
      </c>
      <c r="KJ18" s="109">
        <v>9761356</v>
      </c>
      <c r="KK18" s="109">
        <v>8769858</v>
      </c>
      <c r="KL18" s="110">
        <v>42515004</v>
      </c>
      <c r="KM18" s="130">
        <v>42667616</v>
      </c>
      <c r="KN18" s="215">
        <v>0</v>
      </c>
      <c r="KO18" s="219">
        <v>0</v>
      </c>
      <c r="KP18" s="220">
        <v>0</v>
      </c>
      <c r="KQ18" s="443">
        <v>0</v>
      </c>
      <c r="KR18" s="109">
        <v>9918610</v>
      </c>
      <c r="KS18" s="109">
        <v>12816760</v>
      </c>
      <c r="KT18" s="109">
        <v>15018075</v>
      </c>
      <c r="KU18" s="109">
        <v>8066411</v>
      </c>
      <c r="KV18" s="109">
        <v>11494336</v>
      </c>
      <c r="KW18" s="110">
        <v>57314192</v>
      </c>
      <c r="KX18" s="292">
        <v>57314192</v>
      </c>
      <c r="KY18" s="129">
        <v>0</v>
      </c>
      <c r="KZ18" s="109">
        <v>0</v>
      </c>
      <c r="LA18" s="110">
        <v>0</v>
      </c>
      <c r="LB18" s="443">
        <v>0</v>
      </c>
      <c r="LC18" s="109">
        <v>0</v>
      </c>
      <c r="LD18" s="109">
        <v>1153232</v>
      </c>
      <c r="LE18" s="109">
        <v>1341193</v>
      </c>
      <c r="LF18" s="109">
        <v>3092204</v>
      </c>
      <c r="LG18" s="109">
        <v>834399</v>
      </c>
      <c r="LH18" s="110">
        <v>6421028</v>
      </c>
      <c r="LI18" s="111">
        <v>6421028</v>
      </c>
      <c r="LJ18" s="129">
        <v>0</v>
      </c>
      <c r="LK18" s="109">
        <v>0</v>
      </c>
      <c r="LL18" s="110">
        <v>0</v>
      </c>
      <c r="LM18" s="443">
        <v>0</v>
      </c>
      <c r="LN18" s="109">
        <v>0</v>
      </c>
      <c r="LO18" s="109">
        <v>0</v>
      </c>
      <c r="LP18" s="109">
        <v>2905576</v>
      </c>
      <c r="LQ18" s="109">
        <v>4105386</v>
      </c>
      <c r="LR18" s="109">
        <v>1694519</v>
      </c>
      <c r="LS18" s="110">
        <v>8705481</v>
      </c>
      <c r="LT18" s="292">
        <v>8705481</v>
      </c>
      <c r="LU18" s="129">
        <v>0</v>
      </c>
      <c r="LV18" s="109">
        <v>0</v>
      </c>
      <c r="LW18" s="110">
        <v>0</v>
      </c>
      <c r="LX18" s="443">
        <v>0</v>
      </c>
      <c r="LY18" s="109">
        <v>1247391</v>
      </c>
      <c r="LZ18" s="109">
        <v>4072632</v>
      </c>
      <c r="MA18" s="109">
        <v>6954669</v>
      </c>
      <c r="MB18" s="109">
        <v>5361030</v>
      </c>
      <c r="MC18" s="109">
        <v>4692382</v>
      </c>
      <c r="MD18" s="110">
        <v>22328104</v>
      </c>
      <c r="ME18" s="111">
        <v>22328104</v>
      </c>
      <c r="MF18" s="129">
        <v>0</v>
      </c>
      <c r="MG18" s="109">
        <v>0</v>
      </c>
      <c r="MH18" s="110">
        <v>0</v>
      </c>
      <c r="MI18" s="443">
        <v>0</v>
      </c>
      <c r="MJ18" s="109">
        <v>11159110</v>
      </c>
      <c r="MK18" s="109">
        <v>27253534</v>
      </c>
      <c r="ML18" s="109">
        <v>99749943</v>
      </c>
      <c r="MM18" s="109">
        <v>147340561</v>
      </c>
      <c r="MN18" s="109">
        <v>91430141</v>
      </c>
      <c r="MO18" s="110">
        <v>376933289</v>
      </c>
      <c r="MP18" s="130">
        <v>376933289</v>
      </c>
      <c r="MQ18" s="129">
        <v>0</v>
      </c>
      <c r="MR18" s="109">
        <v>0</v>
      </c>
      <c r="MS18" s="110">
        <v>0</v>
      </c>
      <c r="MT18" s="443">
        <v>0</v>
      </c>
      <c r="MU18" s="109">
        <v>682636</v>
      </c>
      <c r="MV18" s="109">
        <v>4984221</v>
      </c>
      <c r="MW18" s="109">
        <v>53758179</v>
      </c>
      <c r="MX18" s="109">
        <v>89230287</v>
      </c>
      <c r="MY18" s="109">
        <v>59938901</v>
      </c>
      <c r="MZ18" s="110">
        <v>208594224</v>
      </c>
      <c r="NA18" s="130">
        <v>208594224</v>
      </c>
      <c r="NB18" s="129">
        <v>0</v>
      </c>
      <c r="NC18" s="109">
        <v>0</v>
      </c>
      <c r="ND18" s="110">
        <v>0</v>
      </c>
      <c r="NE18" s="443">
        <v>0</v>
      </c>
      <c r="NF18" s="109">
        <v>10476474</v>
      </c>
      <c r="NG18" s="109">
        <v>21986902</v>
      </c>
      <c r="NH18" s="109">
        <v>44921082</v>
      </c>
      <c r="NI18" s="109">
        <v>52823499</v>
      </c>
      <c r="NJ18" s="109">
        <v>24631099</v>
      </c>
      <c r="NK18" s="110">
        <v>154839056</v>
      </c>
      <c r="NL18" s="292">
        <v>154839056</v>
      </c>
      <c r="NM18" s="129">
        <v>0</v>
      </c>
      <c r="NN18" s="109">
        <v>0</v>
      </c>
      <c r="NO18" s="110">
        <v>0</v>
      </c>
      <c r="NP18" s="443">
        <v>0</v>
      </c>
      <c r="NQ18" s="109">
        <v>0</v>
      </c>
      <c r="NR18" s="109">
        <v>0</v>
      </c>
      <c r="NS18" s="109">
        <v>0</v>
      </c>
      <c r="NT18" s="109">
        <v>0</v>
      </c>
      <c r="NU18" s="109">
        <v>0</v>
      </c>
      <c r="NV18" s="110">
        <v>0</v>
      </c>
      <c r="NW18" s="111">
        <v>0</v>
      </c>
      <c r="NX18" s="129">
        <v>0</v>
      </c>
      <c r="NY18" s="109">
        <v>0</v>
      </c>
      <c r="NZ18" s="110">
        <v>0</v>
      </c>
      <c r="OA18" s="443">
        <v>0</v>
      </c>
      <c r="OB18" s="109">
        <v>0</v>
      </c>
      <c r="OC18" s="109">
        <v>282411</v>
      </c>
      <c r="OD18" s="109">
        <v>1070682</v>
      </c>
      <c r="OE18" s="109">
        <v>5286775</v>
      </c>
      <c r="OF18" s="109">
        <v>6860141</v>
      </c>
      <c r="OG18" s="110">
        <v>13500009</v>
      </c>
      <c r="OH18" s="111">
        <v>13500009</v>
      </c>
      <c r="OI18" s="129">
        <v>16401174</v>
      </c>
      <c r="OJ18" s="109">
        <v>34527921</v>
      </c>
      <c r="OK18" s="128">
        <v>50929095</v>
      </c>
      <c r="OL18" s="108">
        <v>0</v>
      </c>
      <c r="OM18" s="109">
        <v>178537860</v>
      </c>
      <c r="ON18" s="109">
        <v>224884412</v>
      </c>
      <c r="OO18" s="109">
        <v>294753769</v>
      </c>
      <c r="OP18" s="109">
        <v>340478645</v>
      </c>
      <c r="OQ18" s="109">
        <v>236371427</v>
      </c>
      <c r="OR18" s="110">
        <v>1275026113</v>
      </c>
      <c r="OS18" s="130">
        <v>1325955208</v>
      </c>
    </row>
    <row r="19" spans="2:409" ht="21" customHeight="1" x14ac:dyDescent="0.2">
      <c r="B19" s="437" t="s">
        <v>13</v>
      </c>
      <c r="C19" s="100">
        <v>3097756</v>
      </c>
      <c r="D19" s="104">
        <v>5087247</v>
      </c>
      <c r="E19" s="103">
        <v>8185003</v>
      </c>
      <c r="F19" s="100">
        <v>0</v>
      </c>
      <c r="G19" s="153">
        <v>47552353</v>
      </c>
      <c r="H19" s="104">
        <v>65957607</v>
      </c>
      <c r="I19" s="104">
        <v>58185949</v>
      </c>
      <c r="J19" s="104">
        <v>56178632</v>
      </c>
      <c r="K19" s="104">
        <v>54408323</v>
      </c>
      <c r="L19" s="102">
        <v>282282864</v>
      </c>
      <c r="M19" s="106">
        <v>290467867</v>
      </c>
      <c r="N19" s="100">
        <v>528037</v>
      </c>
      <c r="O19" s="104">
        <v>1147225</v>
      </c>
      <c r="P19" s="103">
        <v>1675262</v>
      </c>
      <c r="Q19" s="100">
        <v>0</v>
      </c>
      <c r="R19" s="104">
        <v>13762252</v>
      </c>
      <c r="S19" s="104">
        <v>21936213</v>
      </c>
      <c r="T19" s="104">
        <v>18304573</v>
      </c>
      <c r="U19" s="104">
        <v>18486233</v>
      </c>
      <c r="V19" s="104">
        <v>29472482</v>
      </c>
      <c r="W19" s="103">
        <v>101961753</v>
      </c>
      <c r="X19" s="106">
        <v>103637015</v>
      </c>
      <c r="Y19" s="100">
        <v>0</v>
      </c>
      <c r="Z19" s="104">
        <v>0</v>
      </c>
      <c r="AA19" s="103">
        <v>0</v>
      </c>
      <c r="AB19" s="100">
        <v>0</v>
      </c>
      <c r="AC19" s="104">
        <v>6130859</v>
      </c>
      <c r="AD19" s="104">
        <v>11035208</v>
      </c>
      <c r="AE19" s="104">
        <v>10219269</v>
      </c>
      <c r="AF19" s="104">
        <v>11299234</v>
      </c>
      <c r="AG19" s="104">
        <v>19727534</v>
      </c>
      <c r="AH19" s="103">
        <v>58412104</v>
      </c>
      <c r="AI19" s="106">
        <v>58412104</v>
      </c>
      <c r="AJ19" s="100">
        <v>0</v>
      </c>
      <c r="AK19" s="104">
        <v>0</v>
      </c>
      <c r="AL19" s="103">
        <v>0</v>
      </c>
      <c r="AM19" s="100">
        <v>0</v>
      </c>
      <c r="AN19" s="104">
        <v>15742</v>
      </c>
      <c r="AO19" s="104">
        <v>27169</v>
      </c>
      <c r="AP19" s="104">
        <v>258280</v>
      </c>
      <c r="AQ19" s="104">
        <v>697098</v>
      </c>
      <c r="AR19" s="104">
        <v>2540300</v>
      </c>
      <c r="AS19" s="103">
        <v>3538589</v>
      </c>
      <c r="AT19" s="106">
        <v>3538589</v>
      </c>
      <c r="AU19" s="100">
        <v>208421</v>
      </c>
      <c r="AV19" s="104">
        <v>660618</v>
      </c>
      <c r="AW19" s="103">
        <v>869039</v>
      </c>
      <c r="AX19" s="100">
        <v>0</v>
      </c>
      <c r="AY19" s="104">
        <v>4072116</v>
      </c>
      <c r="AZ19" s="104">
        <v>6895935</v>
      </c>
      <c r="BA19" s="104">
        <v>4194646</v>
      </c>
      <c r="BB19" s="104">
        <v>3096528</v>
      </c>
      <c r="BC19" s="104">
        <v>4117301</v>
      </c>
      <c r="BD19" s="103">
        <v>22376526</v>
      </c>
      <c r="BE19" s="106">
        <v>23245565</v>
      </c>
      <c r="BF19" s="100">
        <v>21446</v>
      </c>
      <c r="BG19" s="104">
        <v>167354</v>
      </c>
      <c r="BH19" s="102">
        <v>188800</v>
      </c>
      <c r="BI19" s="101">
        <v>0</v>
      </c>
      <c r="BJ19" s="104">
        <v>551984</v>
      </c>
      <c r="BK19" s="104">
        <v>557215</v>
      </c>
      <c r="BL19" s="104">
        <v>278429</v>
      </c>
      <c r="BM19" s="104">
        <v>259114</v>
      </c>
      <c r="BN19" s="104">
        <v>308458</v>
      </c>
      <c r="BO19" s="103">
        <v>1955200</v>
      </c>
      <c r="BP19" s="106">
        <v>2144000</v>
      </c>
      <c r="BQ19" s="100">
        <v>298170</v>
      </c>
      <c r="BR19" s="104">
        <v>319253</v>
      </c>
      <c r="BS19" s="103">
        <v>617423</v>
      </c>
      <c r="BT19" s="100">
        <v>0</v>
      </c>
      <c r="BU19" s="104">
        <v>2991551</v>
      </c>
      <c r="BV19" s="104">
        <v>3420686</v>
      </c>
      <c r="BW19" s="104">
        <v>3353949</v>
      </c>
      <c r="BX19" s="104">
        <v>3134259</v>
      </c>
      <c r="BY19" s="104">
        <v>2778889</v>
      </c>
      <c r="BZ19" s="103">
        <v>15679334</v>
      </c>
      <c r="CA19" s="106">
        <v>16296757</v>
      </c>
      <c r="CB19" s="100">
        <v>278399</v>
      </c>
      <c r="CC19" s="104">
        <v>865829</v>
      </c>
      <c r="CD19" s="103">
        <v>1144228</v>
      </c>
      <c r="CE19" s="100">
        <v>0</v>
      </c>
      <c r="CF19" s="104">
        <v>9224878</v>
      </c>
      <c r="CG19" s="104">
        <v>14283891</v>
      </c>
      <c r="CH19" s="104">
        <v>10302602</v>
      </c>
      <c r="CI19" s="104">
        <v>8415544</v>
      </c>
      <c r="CJ19" s="104">
        <v>4867746</v>
      </c>
      <c r="CK19" s="103">
        <v>47094661</v>
      </c>
      <c r="CL19" s="106">
        <v>48238889</v>
      </c>
      <c r="CM19" s="100">
        <v>0</v>
      </c>
      <c r="CN19" s="104">
        <v>0</v>
      </c>
      <c r="CO19" s="103">
        <v>0</v>
      </c>
      <c r="CP19" s="101">
        <v>0</v>
      </c>
      <c r="CQ19" s="104">
        <v>7958346</v>
      </c>
      <c r="CR19" s="104">
        <v>12354822</v>
      </c>
      <c r="CS19" s="104">
        <v>8674102</v>
      </c>
      <c r="CT19" s="104">
        <v>6242614</v>
      </c>
      <c r="CU19" s="104">
        <v>3612743</v>
      </c>
      <c r="CV19" s="103">
        <v>38842627</v>
      </c>
      <c r="CW19" s="106">
        <v>38842627</v>
      </c>
      <c r="CX19" s="100">
        <v>278399</v>
      </c>
      <c r="CY19" s="104">
        <v>865829</v>
      </c>
      <c r="CZ19" s="103">
        <v>1144228</v>
      </c>
      <c r="DA19" s="100">
        <v>0</v>
      </c>
      <c r="DB19" s="104">
        <v>1266532</v>
      </c>
      <c r="DC19" s="104">
        <v>1929069</v>
      </c>
      <c r="DD19" s="104">
        <v>1628500</v>
      </c>
      <c r="DE19" s="104">
        <v>2172930</v>
      </c>
      <c r="DF19" s="104">
        <v>1255003</v>
      </c>
      <c r="DG19" s="103">
        <v>8252034</v>
      </c>
      <c r="DH19" s="106">
        <v>9396262</v>
      </c>
      <c r="DI19" s="100">
        <v>0</v>
      </c>
      <c r="DJ19" s="104">
        <v>32558</v>
      </c>
      <c r="DK19" s="102">
        <v>32558</v>
      </c>
      <c r="DL19" s="101">
        <v>0</v>
      </c>
      <c r="DM19" s="104">
        <v>1027306</v>
      </c>
      <c r="DN19" s="104">
        <v>2474173</v>
      </c>
      <c r="DO19" s="104">
        <v>6179131</v>
      </c>
      <c r="DP19" s="104">
        <v>6786386</v>
      </c>
      <c r="DQ19" s="104">
        <v>4521376</v>
      </c>
      <c r="DR19" s="103">
        <v>20988372</v>
      </c>
      <c r="DS19" s="106">
        <v>21020930</v>
      </c>
      <c r="DT19" s="100">
        <v>0</v>
      </c>
      <c r="DU19" s="104">
        <v>32558</v>
      </c>
      <c r="DV19" s="103">
        <v>32558</v>
      </c>
      <c r="DW19" s="100">
        <v>0</v>
      </c>
      <c r="DX19" s="104">
        <v>822165</v>
      </c>
      <c r="DY19" s="104">
        <v>1949549</v>
      </c>
      <c r="DZ19" s="104">
        <v>5869874</v>
      </c>
      <c r="EA19" s="104">
        <v>6371653</v>
      </c>
      <c r="EB19" s="104">
        <v>4174856</v>
      </c>
      <c r="EC19" s="103">
        <v>19188097</v>
      </c>
      <c r="ED19" s="106">
        <v>19220655</v>
      </c>
      <c r="EE19" s="100">
        <v>0</v>
      </c>
      <c r="EF19" s="102">
        <v>0</v>
      </c>
      <c r="EG19" s="103">
        <v>0</v>
      </c>
      <c r="EH19" s="100">
        <v>0</v>
      </c>
      <c r="EI19" s="104">
        <v>205141</v>
      </c>
      <c r="EJ19" s="104">
        <v>524624</v>
      </c>
      <c r="EK19" s="104">
        <v>309257</v>
      </c>
      <c r="EL19" s="104">
        <v>414733</v>
      </c>
      <c r="EM19" s="104">
        <v>346520</v>
      </c>
      <c r="EN19" s="102">
        <v>1800275</v>
      </c>
      <c r="EO19" s="106">
        <v>1800275</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06">
        <v>0</v>
      </c>
      <c r="FE19" s="104">
        <v>0</v>
      </c>
      <c r="FF19" s="104">
        <v>0</v>
      </c>
      <c r="FG19" s="104">
        <v>0</v>
      </c>
      <c r="FH19" s="104">
        <v>0</v>
      </c>
      <c r="FI19" s="104">
        <v>0</v>
      </c>
      <c r="FJ19" s="103">
        <v>0</v>
      </c>
      <c r="FK19" s="106">
        <v>0</v>
      </c>
      <c r="FL19" s="100">
        <v>873759</v>
      </c>
      <c r="FM19" s="104">
        <v>1056717</v>
      </c>
      <c r="FN19" s="103">
        <v>1930476</v>
      </c>
      <c r="FO19" s="100">
        <v>0</v>
      </c>
      <c r="FP19" s="104">
        <v>2196067</v>
      </c>
      <c r="FQ19" s="104">
        <v>5093425</v>
      </c>
      <c r="FR19" s="104">
        <v>3614384</v>
      </c>
      <c r="FS19" s="104">
        <v>2969726</v>
      </c>
      <c r="FT19" s="104">
        <v>2655061</v>
      </c>
      <c r="FU19" s="103">
        <v>16528663</v>
      </c>
      <c r="FV19" s="106">
        <v>18459139</v>
      </c>
      <c r="FW19" s="105">
        <v>303701</v>
      </c>
      <c r="FX19" s="104">
        <v>751644</v>
      </c>
      <c r="FY19" s="102">
        <v>1055345</v>
      </c>
      <c r="FZ19" s="101">
        <v>0</v>
      </c>
      <c r="GA19" s="104">
        <v>1583794</v>
      </c>
      <c r="GB19" s="104">
        <v>4450962</v>
      </c>
      <c r="GC19" s="104">
        <v>3388798</v>
      </c>
      <c r="GD19" s="104">
        <v>2829806</v>
      </c>
      <c r="GE19" s="104">
        <v>2589028</v>
      </c>
      <c r="GF19" s="103">
        <v>14842388</v>
      </c>
      <c r="GG19" s="290">
        <v>15897733</v>
      </c>
      <c r="GH19" s="105">
        <v>0</v>
      </c>
      <c r="GI19" s="104">
        <v>32373</v>
      </c>
      <c r="GJ19" s="102">
        <v>32373</v>
      </c>
      <c r="GK19" s="101">
        <v>0</v>
      </c>
      <c r="GL19" s="104">
        <v>106653</v>
      </c>
      <c r="GM19" s="104">
        <v>294163</v>
      </c>
      <c r="GN19" s="104">
        <v>121186</v>
      </c>
      <c r="GO19" s="104">
        <v>84480</v>
      </c>
      <c r="GP19" s="104">
        <v>66033</v>
      </c>
      <c r="GQ19" s="103">
        <v>672515</v>
      </c>
      <c r="GR19" s="106">
        <v>704888</v>
      </c>
      <c r="GS19" s="100">
        <v>570058</v>
      </c>
      <c r="GT19" s="104">
        <v>272700</v>
      </c>
      <c r="GU19" s="103">
        <v>842758</v>
      </c>
      <c r="GV19" s="100">
        <v>0</v>
      </c>
      <c r="GW19" s="104">
        <v>505620</v>
      </c>
      <c r="GX19" s="104">
        <v>348300</v>
      </c>
      <c r="GY19" s="104">
        <v>104400</v>
      </c>
      <c r="GZ19" s="104">
        <v>55440</v>
      </c>
      <c r="HA19" s="104">
        <v>0</v>
      </c>
      <c r="HB19" s="102">
        <v>1013760</v>
      </c>
      <c r="HC19" s="106">
        <v>1856518</v>
      </c>
      <c r="HD19" s="100">
        <v>927820</v>
      </c>
      <c r="HE19" s="104">
        <v>1008978</v>
      </c>
      <c r="HF19" s="102">
        <v>1936798</v>
      </c>
      <c r="HG19" s="101">
        <v>0</v>
      </c>
      <c r="HH19" s="104">
        <v>13036777</v>
      </c>
      <c r="HI19" s="104">
        <v>13597982</v>
      </c>
      <c r="HJ19" s="104">
        <v>14129290</v>
      </c>
      <c r="HK19" s="104">
        <v>15975721</v>
      </c>
      <c r="HL19" s="104">
        <v>9916587</v>
      </c>
      <c r="HM19" s="103">
        <v>66656357</v>
      </c>
      <c r="HN19" s="99">
        <v>68593155</v>
      </c>
      <c r="HO19" s="105">
        <v>489741</v>
      </c>
      <c r="HP19" s="104">
        <v>975940</v>
      </c>
      <c r="HQ19" s="103">
        <v>1465681</v>
      </c>
      <c r="HR19" s="100">
        <v>0</v>
      </c>
      <c r="HS19" s="104">
        <v>8305073</v>
      </c>
      <c r="HT19" s="104">
        <v>8571923</v>
      </c>
      <c r="HU19" s="104">
        <v>5655969</v>
      </c>
      <c r="HV19" s="104">
        <v>3545022</v>
      </c>
      <c r="HW19" s="104">
        <v>2975071</v>
      </c>
      <c r="HX19" s="102">
        <v>29053058</v>
      </c>
      <c r="HY19" s="106">
        <v>30518739</v>
      </c>
      <c r="HZ19" s="118">
        <v>32984</v>
      </c>
      <c r="IA19" s="119">
        <v>277954</v>
      </c>
      <c r="IB19" s="120">
        <v>310938</v>
      </c>
      <c r="IC19" s="131">
        <v>0</v>
      </c>
      <c r="ID19" s="119">
        <v>11349175</v>
      </c>
      <c r="IE19" s="132">
        <v>14698273</v>
      </c>
      <c r="IF19" s="120">
        <v>14738673</v>
      </c>
      <c r="IG19" s="119">
        <v>10246969</v>
      </c>
      <c r="IH19" s="120">
        <v>6280647</v>
      </c>
      <c r="II19" s="133">
        <v>57313737</v>
      </c>
      <c r="IJ19" s="126">
        <v>57624675</v>
      </c>
      <c r="IK19" s="215">
        <v>0</v>
      </c>
      <c r="IL19" s="219">
        <v>0</v>
      </c>
      <c r="IM19" s="220">
        <v>0</v>
      </c>
      <c r="IN19" s="127">
        <v>0</v>
      </c>
      <c r="IO19" s="109">
        <v>185727</v>
      </c>
      <c r="IP19" s="109">
        <v>129378</v>
      </c>
      <c r="IQ19" s="109">
        <v>160788</v>
      </c>
      <c r="IR19" s="109">
        <v>0</v>
      </c>
      <c r="IS19" s="109">
        <v>639439</v>
      </c>
      <c r="IT19" s="128">
        <v>1115332</v>
      </c>
      <c r="IU19" s="292">
        <v>1115332</v>
      </c>
      <c r="IV19" s="129">
        <v>0</v>
      </c>
      <c r="IW19" s="109">
        <v>0</v>
      </c>
      <c r="IX19" s="110">
        <v>0</v>
      </c>
      <c r="IY19" s="443">
        <v>0</v>
      </c>
      <c r="IZ19" s="109">
        <v>0</v>
      </c>
      <c r="JA19" s="109">
        <v>0</v>
      </c>
      <c r="JB19" s="109">
        <v>0</v>
      </c>
      <c r="JC19" s="109">
        <v>0</v>
      </c>
      <c r="JD19" s="109">
        <v>0</v>
      </c>
      <c r="JE19" s="110">
        <v>0</v>
      </c>
      <c r="JF19" s="111">
        <v>0</v>
      </c>
      <c r="JG19" s="129">
        <v>0</v>
      </c>
      <c r="JH19" s="109">
        <v>0</v>
      </c>
      <c r="JI19" s="128">
        <v>0</v>
      </c>
      <c r="JJ19" s="108">
        <v>0</v>
      </c>
      <c r="JK19" s="109">
        <v>6158068</v>
      </c>
      <c r="JL19" s="109">
        <v>8062340</v>
      </c>
      <c r="JM19" s="109">
        <v>6528894</v>
      </c>
      <c r="JN19" s="109">
        <v>2903901</v>
      </c>
      <c r="JO19" s="109">
        <v>1308540</v>
      </c>
      <c r="JP19" s="110">
        <v>24961743</v>
      </c>
      <c r="JQ19" s="292">
        <v>24961743</v>
      </c>
      <c r="JR19" s="129">
        <v>0</v>
      </c>
      <c r="JS19" s="109">
        <v>0</v>
      </c>
      <c r="JT19" s="128">
        <v>0</v>
      </c>
      <c r="JU19" s="108">
        <v>0</v>
      </c>
      <c r="JV19" s="109">
        <v>112979</v>
      </c>
      <c r="JW19" s="109">
        <v>875024</v>
      </c>
      <c r="JX19" s="109">
        <v>1225852</v>
      </c>
      <c r="JY19" s="109">
        <v>249092</v>
      </c>
      <c r="JZ19" s="109">
        <v>1176769</v>
      </c>
      <c r="KA19" s="110">
        <v>3639716</v>
      </c>
      <c r="KB19" s="292">
        <v>3639716</v>
      </c>
      <c r="KC19" s="217">
        <v>32984</v>
      </c>
      <c r="KD19" s="213">
        <v>277954</v>
      </c>
      <c r="KE19" s="110">
        <v>310938</v>
      </c>
      <c r="KF19" s="108">
        <v>0</v>
      </c>
      <c r="KG19" s="109">
        <v>1265600</v>
      </c>
      <c r="KH19" s="109">
        <v>1866652</v>
      </c>
      <c r="KI19" s="109">
        <v>1763326</v>
      </c>
      <c r="KJ19" s="109">
        <v>265773</v>
      </c>
      <c r="KK19" s="109">
        <v>0</v>
      </c>
      <c r="KL19" s="110">
        <v>5161351</v>
      </c>
      <c r="KM19" s="130">
        <v>5472289</v>
      </c>
      <c r="KN19" s="215">
        <v>0</v>
      </c>
      <c r="KO19" s="219">
        <v>0</v>
      </c>
      <c r="KP19" s="220">
        <v>0</v>
      </c>
      <c r="KQ19" s="443">
        <v>0</v>
      </c>
      <c r="KR19" s="109">
        <v>3237394</v>
      </c>
      <c r="KS19" s="109">
        <v>3365975</v>
      </c>
      <c r="KT19" s="109">
        <v>4837529</v>
      </c>
      <c r="KU19" s="109">
        <v>5848209</v>
      </c>
      <c r="KV19" s="109">
        <v>2409305</v>
      </c>
      <c r="KW19" s="110">
        <v>19698412</v>
      </c>
      <c r="KX19" s="292">
        <v>19698412</v>
      </c>
      <c r="KY19" s="129">
        <v>0</v>
      </c>
      <c r="KZ19" s="109">
        <v>0</v>
      </c>
      <c r="LA19" s="110">
        <v>0</v>
      </c>
      <c r="LB19" s="443">
        <v>0</v>
      </c>
      <c r="LC19" s="109">
        <v>389407</v>
      </c>
      <c r="LD19" s="109">
        <v>398904</v>
      </c>
      <c r="LE19" s="109">
        <v>222284</v>
      </c>
      <c r="LF19" s="109">
        <v>979994</v>
      </c>
      <c r="LG19" s="109">
        <v>746594</v>
      </c>
      <c r="LH19" s="110">
        <v>2737183</v>
      </c>
      <c r="LI19" s="111">
        <v>2737183</v>
      </c>
      <c r="LJ19" s="129">
        <v>0</v>
      </c>
      <c r="LK19" s="109">
        <v>0</v>
      </c>
      <c r="LL19" s="110">
        <v>0</v>
      </c>
      <c r="LM19" s="443">
        <v>0</v>
      </c>
      <c r="LN19" s="109">
        <v>0</v>
      </c>
      <c r="LO19" s="109">
        <v>0</v>
      </c>
      <c r="LP19" s="109">
        <v>0</v>
      </c>
      <c r="LQ19" s="109">
        <v>0</v>
      </c>
      <c r="LR19" s="109">
        <v>0</v>
      </c>
      <c r="LS19" s="110">
        <v>0</v>
      </c>
      <c r="LT19" s="292">
        <v>0</v>
      </c>
      <c r="LU19" s="129">
        <v>0</v>
      </c>
      <c r="LV19" s="109">
        <v>0</v>
      </c>
      <c r="LW19" s="110">
        <v>0</v>
      </c>
      <c r="LX19" s="443">
        <v>0</v>
      </c>
      <c r="LY19" s="109">
        <v>0</v>
      </c>
      <c r="LZ19" s="109">
        <v>0</v>
      </c>
      <c r="MA19" s="109">
        <v>0</v>
      </c>
      <c r="MB19" s="109">
        <v>0</v>
      </c>
      <c r="MC19" s="109">
        <v>0</v>
      </c>
      <c r="MD19" s="110">
        <v>0</v>
      </c>
      <c r="ME19" s="111">
        <v>0</v>
      </c>
      <c r="MF19" s="129">
        <v>0</v>
      </c>
      <c r="MG19" s="109">
        <v>0</v>
      </c>
      <c r="MH19" s="110">
        <v>0</v>
      </c>
      <c r="MI19" s="443">
        <v>0</v>
      </c>
      <c r="MJ19" s="109">
        <v>2495338</v>
      </c>
      <c r="MK19" s="109">
        <v>7784539</v>
      </c>
      <c r="ML19" s="109">
        <v>25148652</v>
      </c>
      <c r="MM19" s="109">
        <v>48684696</v>
      </c>
      <c r="MN19" s="109">
        <v>47691596</v>
      </c>
      <c r="MO19" s="110">
        <v>131804821</v>
      </c>
      <c r="MP19" s="130">
        <v>131804821</v>
      </c>
      <c r="MQ19" s="129">
        <v>0</v>
      </c>
      <c r="MR19" s="109">
        <v>0</v>
      </c>
      <c r="MS19" s="110">
        <v>0</v>
      </c>
      <c r="MT19" s="443">
        <v>0</v>
      </c>
      <c r="MU19" s="109">
        <v>237767</v>
      </c>
      <c r="MV19" s="109">
        <v>1515602</v>
      </c>
      <c r="MW19" s="109">
        <v>13440036</v>
      </c>
      <c r="MX19" s="109">
        <v>38379682</v>
      </c>
      <c r="MY19" s="109">
        <v>38156431</v>
      </c>
      <c r="MZ19" s="110">
        <v>91729518</v>
      </c>
      <c r="NA19" s="130">
        <v>91729518</v>
      </c>
      <c r="NB19" s="129">
        <v>0</v>
      </c>
      <c r="NC19" s="109">
        <v>0</v>
      </c>
      <c r="ND19" s="110">
        <v>0</v>
      </c>
      <c r="NE19" s="443">
        <v>0</v>
      </c>
      <c r="NF19" s="109">
        <v>2257571</v>
      </c>
      <c r="NG19" s="109">
        <v>6268937</v>
      </c>
      <c r="NH19" s="109">
        <v>11344478</v>
      </c>
      <c r="NI19" s="109">
        <v>10305014</v>
      </c>
      <c r="NJ19" s="109">
        <v>9535165</v>
      </c>
      <c r="NK19" s="110">
        <v>39711165</v>
      </c>
      <c r="NL19" s="292">
        <v>39711165</v>
      </c>
      <c r="NM19" s="129">
        <v>0</v>
      </c>
      <c r="NN19" s="109">
        <v>0</v>
      </c>
      <c r="NO19" s="110">
        <v>0</v>
      </c>
      <c r="NP19" s="443">
        <v>0</v>
      </c>
      <c r="NQ19" s="109">
        <v>0</v>
      </c>
      <c r="NR19" s="109">
        <v>0</v>
      </c>
      <c r="NS19" s="109">
        <v>0</v>
      </c>
      <c r="NT19" s="109">
        <v>0</v>
      </c>
      <c r="NU19" s="109">
        <v>0</v>
      </c>
      <c r="NV19" s="110">
        <v>0</v>
      </c>
      <c r="NW19" s="111">
        <v>0</v>
      </c>
      <c r="NX19" s="129">
        <v>0</v>
      </c>
      <c r="NY19" s="109">
        <v>0</v>
      </c>
      <c r="NZ19" s="110">
        <v>0</v>
      </c>
      <c r="OA19" s="443">
        <v>0</v>
      </c>
      <c r="OB19" s="109">
        <v>0</v>
      </c>
      <c r="OC19" s="109">
        <v>0</v>
      </c>
      <c r="OD19" s="109">
        <v>364138</v>
      </c>
      <c r="OE19" s="109">
        <v>0</v>
      </c>
      <c r="OF19" s="109">
        <v>0</v>
      </c>
      <c r="OG19" s="110">
        <v>364138</v>
      </c>
      <c r="OH19" s="111">
        <v>364138</v>
      </c>
      <c r="OI19" s="129">
        <v>3130740</v>
      </c>
      <c r="OJ19" s="109">
        <v>5365201</v>
      </c>
      <c r="OK19" s="128">
        <v>8495941</v>
      </c>
      <c r="OL19" s="108">
        <v>0</v>
      </c>
      <c r="OM19" s="109">
        <v>61396866</v>
      </c>
      <c r="ON19" s="109">
        <v>88440419</v>
      </c>
      <c r="OO19" s="109">
        <v>98073274</v>
      </c>
      <c r="OP19" s="109">
        <v>115110297</v>
      </c>
      <c r="OQ19" s="109">
        <v>108380566</v>
      </c>
      <c r="OR19" s="110">
        <v>471401422</v>
      </c>
      <c r="OS19" s="130">
        <v>479897363</v>
      </c>
    </row>
    <row r="20" spans="2:409" ht="21" customHeight="1" x14ac:dyDescent="0.2">
      <c r="B20" s="437" t="s">
        <v>15</v>
      </c>
      <c r="C20" s="100">
        <v>2865440</v>
      </c>
      <c r="D20" s="104">
        <v>4490365</v>
      </c>
      <c r="E20" s="103">
        <v>7355805</v>
      </c>
      <c r="F20" s="99">
        <v>0</v>
      </c>
      <c r="G20" s="104">
        <v>36027949</v>
      </c>
      <c r="H20" s="104">
        <v>43527108</v>
      </c>
      <c r="I20" s="104">
        <v>38023877</v>
      </c>
      <c r="J20" s="104">
        <v>33612020</v>
      </c>
      <c r="K20" s="104">
        <v>22371559</v>
      </c>
      <c r="L20" s="99">
        <v>173562513</v>
      </c>
      <c r="M20" s="106">
        <v>180918318</v>
      </c>
      <c r="N20" s="100">
        <v>413311</v>
      </c>
      <c r="O20" s="104">
        <v>854551</v>
      </c>
      <c r="P20" s="103">
        <v>1267862</v>
      </c>
      <c r="Q20" s="100">
        <v>0</v>
      </c>
      <c r="R20" s="104">
        <v>7691823</v>
      </c>
      <c r="S20" s="104">
        <v>13110500</v>
      </c>
      <c r="T20" s="104">
        <v>9561287</v>
      </c>
      <c r="U20" s="104">
        <v>10507994</v>
      </c>
      <c r="V20" s="104">
        <v>11733052</v>
      </c>
      <c r="W20" s="103">
        <v>52604656</v>
      </c>
      <c r="X20" s="106">
        <v>53872518</v>
      </c>
      <c r="Y20" s="100">
        <v>0</v>
      </c>
      <c r="Z20" s="104">
        <v>0</v>
      </c>
      <c r="AA20" s="103">
        <v>0</v>
      </c>
      <c r="AB20" s="100">
        <v>0</v>
      </c>
      <c r="AC20" s="104">
        <v>3267155</v>
      </c>
      <c r="AD20" s="104">
        <v>6748843</v>
      </c>
      <c r="AE20" s="104">
        <v>5362650</v>
      </c>
      <c r="AF20" s="104">
        <v>6285516</v>
      </c>
      <c r="AG20" s="104">
        <v>6838016</v>
      </c>
      <c r="AH20" s="103">
        <v>28502180</v>
      </c>
      <c r="AI20" s="106">
        <v>28502180</v>
      </c>
      <c r="AJ20" s="100">
        <v>0</v>
      </c>
      <c r="AK20" s="104">
        <v>0</v>
      </c>
      <c r="AL20" s="103">
        <v>0</v>
      </c>
      <c r="AM20" s="100">
        <v>0</v>
      </c>
      <c r="AN20" s="104">
        <v>0</v>
      </c>
      <c r="AO20" s="104">
        <v>210606</v>
      </c>
      <c r="AP20" s="104">
        <v>330910</v>
      </c>
      <c r="AQ20" s="104">
        <v>808258</v>
      </c>
      <c r="AR20" s="104">
        <v>1324110</v>
      </c>
      <c r="AS20" s="103">
        <v>2673884</v>
      </c>
      <c r="AT20" s="106">
        <v>2673884</v>
      </c>
      <c r="AU20" s="100">
        <v>138829</v>
      </c>
      <c r="AV20" s="104">
        <v>509694</v>
      </c>
      <c r="AW20" s="103">
        <v>648523</v>
      </c>
      <c r="AX20" s="100">
        <v>0</v>
      </c>
      <c r="AY20" s="104">
        <v>2281101</v>
      </c>
      <c r="AZ20" s="104">
        <v>3686188</v>
      </c>
      <c r="BA20" s="104">
        <v>1918074</v>
      </c>
      <c r="BB20" s="104">
        <v>1573533</v>
      </c>
      <c r="BC20" s="104">
        <v>2217194</v>
      </c>
      <c r="BD20" s="103">
        <v>11676090</v>
      </c>
      <c r="BE20" s="106">
        <v>12324613</v>
      </c>
      <c r="BF20" s="100">
        <v>0</v>
      </c>
      <c r="BG20" s="104">
        <v>129460</v>
      </c>
      <c r="BH20" s="102">
        <v>129460</v>
      </c>
      <c r="BI20" s="101">
        <v>0</v>
      </c>
      <c r="BJ20" s="104">
        <v>292800</v>
      </c>
      <c r="BK20" s="104">
        <v>393336</v>
      </c>
      <c r="BL20" s="104">
        <v>170497</v>
      </c>
      <c r="BM20" s="104">
        <v>129895</v>
      </c>
      <c r="BN20" s="104">
        <v>157921</v>
      </c>
      <c r="BO20" s="103">
        <v>1144449</v>
      </c>
      <c r="BP20" s="106">
        <v>1273909</v>
      </c>
      <c r="BQ20" s="100">
        <v>274482</v>
      </c>
      <c r="BR20" s="104">
        <v>215397</v>
      </c>
      <c r="BS20" s="103">
        <v>489879</v>
      </c>
      <c r="BT20" s="100">
        <v>0</v>
      </c>
      <c r="BU20" s="104">
        <v>1850767</v>
      </c>
      <c r="BV20" s="104">
        <v>2071527</v>
      </c>
      <c r="BW20" s="104">
        <v>1779156</v>
      </c>
      <c r="BX20" s="104">
        <v>1710792</v>
      </c>
      <c r="BY20" s="104">
        <v>1195811</v>
      </c>
      <c r="BZ20" s="103">
        <v>8608053</v>
      </c>
      <c r="CA20" s="106">
        <v>9097932</v>
      </c>
      <c r="CB20" s="100">
        <v>43313</v>
      </c>
      <c r="CC20" s="104">
        <v>221069</v>
      </c>
      <c r="CD20" s="103">
        <v>264382</v>
      </c>
      <c r="CE20" s="100">
        <v>0</v>
      </c>
      <c r="CF20" s="104">
        <v>7699608</v>
      </c>
      <c r="CG20" s="104">
        <v>10348841</v>
      </c>
      <c r="CH20" s="104">
        <v>7484962</v>
      </c>
      <c r="CI20" s="104">
        <v>3337729</v>
      </c>
      <c r="CJ20" s="104">
        <v>1594422</v>
      </c>
      <c r="CK20" s="103">
        <v>30465562</v>
      </c>
      <c r="CL20" s="106">
        <v>30729944</v>
      </c>
      <c r="CM20" s="100">
        <v>0</v>
      </c>
      <c r="CN20" s="104">
        <v>0</v>
      </c>
      <c r="CO20" s="103">
        <v>0</v>
      </c>
      <c r="CP20" s="101">
        <v>0</v>
      </c>
      <c r="CQ20" s="104">
        <v>5929190</v>
      </c>
      <c r="CR20" s="104">
        <v>7944843</v>
      </c>
      <c r="CS20" s="104">
        <v>5876473</v>
      </c>
      <c r="CT20" s="104">
        <v>2237515</v>
      </c>
      <c r="CU20" s="104">
        <v>1115710</v>
      </c>
      <c r="CV20" s="103">
        <v>23103731</v>
      </c>
      <c r="CW20" s="106">
        <v>23103731</v>
      </c>
      <c r="CX20" s="100">
        <v>43313</v>
      </c>
      <c r="CY20" s="104">
        <v>221069</v>
      </c>
      <c r="CZ20" s="103">
        <v>264382</v>
      </c>
      <c r="DA20" s="100">
        <v>0</v>
      </c>
      <c r="DB20" s="104">
        <v>1770418</v>
      </c>
      <c r="DC20" s="104">
        <v>2403998</v>
      </c>
      <c r="DD20" s="104">
        <v>1608489</v>
      </c>
      <c r="DE20" s="104">
        <v>1100214</v>
      </c>
      <c r="DF20" s="104">
        <v>478712</v>
      </c>
      <c r="DG20" s="103">
        <v>7361831</v>
      </c>
      <c r="DH20" s="106">
        <v>7626213</v>
      </c>
      <c r="DI20" s="100">
        <v>0</v>
      </c>
      <c r="DJ20" s="104">
        <v>24144</v>
      </c>
      <c r="DK20" s="102">
        <v>24144</v>
      </c>
      <c r="DL20" s="101">
        <v>0</v>
      </c>
      <c r="DM20" s="104">
        <v>1406435</v>
      </c>
      <c r="DN20" s="104">
        <v>2065916</v>
      </c>
      <c r="DO20" s="104">
        <v>6834306</v>
      </c>
      <c r="DP20" s="104">
        <v>6339913</v>
      </c>
      <c r="DQ20" s="104">
        <v>1787304</v>
      </c>
      <c r="DR20" s="103">
        <v>18433874</v>
      </c>
      <c r="DS20" s="106">
        <v>18458018</v>
      </c>
      <c r="DT20" s="100">
        <v>0</v>
      </c>
      <c r="DU20" s="104">
        <v>24144</v>
      </c>
      <c r="DV20" s="103">
        <v>24144</v>
      </c>
      <c r="DW20" s="100">
        <v>0</v>
      </c>
      <c r="DX20" s="104">
        <v>1238315</v>
      </c>
      <c r="DY20" s="104">
        <v>1629224</v>
      </c>
      <c r="DZ20" s="104">
        <v>6352081</v>
      </c>
      <c r="EA20" s="104">
        <v>6117408</v>
      </c>
      <c r="EB20" s="104">
        <v>1787304</v>
      </c>
      <c r="EC20" s="103">
        <v>17124332</v>
      </c>
      <c r="ED20" s="106">
        <v>17148476</v>
      </c>
      <c r="EE20" s="100">
        <v>0</v>
      </c>
      <c r="EF20" s="102">
        <v>0</v>
      </c>
      <c r="EG20" s="103">
        <v>0</v>
      </c>
      <c r="EH20" s="100">
        <v>0</v>
      </c>
      <c r="EI20" s="104">
        <v>168120</v>
      </c>
      <c r="EJ20" s="104">
        <v>436692</v>
      </c>
      <c r="EK20" s="104">
        <v>482225</v>
      </c>
      <c r="EL20" s="104">
        <v>222505</v>
      </c>
      <c r="EM20" s="104">
        <v>0</v>
      </c>
      <c r="EN20" s="102">
        <v>1309542</v>
      </c>
      <c r="EO20" s="106">
        <v>1309542</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06">
        <v>0</v>
      </c>
      <c r="FE20" s="104">
        <v>0</v>
      </c>
      <c r="FF20" s="104">
        <v>0</v>
      </c>
      <c r="FG20" s="104">
        <v>0</v>
      </c>
      <c r="FH20" s="104">
        <v>0</v>
      </c>
      <c r="FI20" s="104">
        <v>0</v>
      </c>
      <c r="FJ20" s="103">
        <v>0</v>
      </c>
      <c r="FK20" s="106">
        <v>0</v>
      </c>
      <c r="FL20" s="100">
        <v>836354</v>
      </c>
      <c r="FM20" s="104">
        <v>1320433</v>
      </c>
      <c r="FN20" s="103">
        <v>2156787</v>
      </c>
      <c r="FO20" s="100">
        <v>0</v>
      </c>
      <c r="FP20" s="104">
        <v>2507369</v>
      </c>
      <c r="FQ20" s="104">
        <v>5007941</v>
      </c>
      <c r="FR20" s="104">
        <v>3205652</v>
      </c>
      <c r="FS20" s="104">
        <v>2271994</v>
      </c>
      <c r="FT20" s="104">
        <v>1608224</v>
      </c>
      <c r="FU20" s="103">
        <v>14601180</v>
      </c>
      <c r="FV20" s="106">
        <v>16757967</v>
      </c>
      <c r="FW20" s="105">
        <v>369958</v>
      </c>
      <c r="FX20" s="104">
        <v>868835</v>
      </c>
      <c r="FY20" s="102">
        <v>1238793</v>
      </c>
      <c r="FZ20" s="101">
        <v>0</v>
      </c>
      <c r="GA20" s="104">
        <v>1485707</v>
      </c>
      <c r="GB20" s="104">
        <v>4415334</v>
      </c>
      <c r="GC20" s="104">
        <v>2876675</v>
      </c>
      <c r="GD20" s="104">
        <v>2262634</v>
      </c>
      <c r="GE20" s="104">
        <v>1428224</v>
      </c>
      <c r="GF20" s="103">
        <v>12468574</v>
      </c>
      <c r="GG20" s="290">
        <v>13707367</v>
      </c>
      <c r="GH20" s="105">
        <v>23760</v>
      </c>
      <c r="GI20" s="104">
        <v>61898</v>
      </c>
      <c r="GJ20" s="102">
        <v>85658</v>
      </c>
      <c r="GK20" s="101">
        <v>0</v>
      </c>
      <c r="GL20" s="104">
        <v>193248</v>
      </c>
      <c r="GM20" s="104">
        <v>276119</v>
      </c>
      <c r="GN20" s="104">
        <v>132552</v>
      </c>
      <c r="GO20" s="104">
        <v>9360</v>
      </c>
      <c r="GP20" s="104">
        <v>0</v>
      </c>
      <c r="GQ20" s="103">
        <v>611279</v>
      </c>
      <c r="GR20" s="106">
        <v>696937</v>
      </c>
      <c r="GS20" s="100">
        <v>442636</v>
      </c>
      <c r="GT20" s="104">
        <v>389700</v>
      </c>
      <c r="GU20" s="103">
        <v>832336</v>
      </c>
      <c r="GV20" s="100">
        <v>0</v>
      </c>
      <c r="GW20" s="104">
        <v>828414</v>
      </c>
      <c r="GX20" s="104">
        <v>316488</v>
      </c>
      <c r="GY20" s="104">
        <v>196425</v>
      </c>
      <c r="GZ20" s="104">
        <v>0</v>
      </c>
      <c r="HA20" s="104">
        <v>180000</v>
      </c>
      <c r="HB20" s="102">
        <v>1521327</v>
      </c>
      <c r="HC20" s="106">
        <v>2353663</v>
      </c>
      <c r="HD20" s="100">
        <v>1210296</v>
      </c>
      <c r="HE20" s="104">
        <v>1246635</v>
      </c>
      <c r="HF20" s="102">
        <v>2456931</v>
      </c>
      <c r="HG20" s="101">
        <v>0</v>
      </c>
      <c r="HH20" s="104">
        <v>9751886</v>
      </c>
      <c r="HI20" s="104">
        <v>5761117</v>
      </c>
      <c r="HJ20" s="104">
        <v>6546122</v>
      </c>
      <c r="HK20" s="104">
        <v>8696835</v>
      </c>
      <c r="HL20" s="104">
        <v>4273027</v>
      </c>
      <c r="HM20" s="103">
        <v>35028987</v>
      </c>
      <c r="HN20" s="99">
        <v>37485918</v>
      </c>
      <c r="HO20" s="105">
        <v>362166</v>
      </c>
      <c r="HP20" s="104">
        <v>823533</v>
      </c>
      <c r="HQ20" s="103">
        <v>1185699</v>
      </c>
      <c r="HR20" s="100">
        <v>0</v>
      </c>
      <c r="HS20" s="104">
        <v>6970828</v>
      </c>
      <c r="HT20" s="104">
        <v>7232793</v>
      </c>
      <c r="HU20" s="104">
        <v>4391548</v>
      </c>
      <c r="HV20" s="104">
        <v>2457555</v>
      </c>
      <c r="HW20" s="104">
        <v>1375530</v>
      </c>
      <c r="HX20" s="102">
        <v>22428254</v>
      </c>
      <c r="HY20" s="106">
        <v>23613953</v>
      </c>
      <c r="HZ20" s="135">
        <v>139833</v>
      </c>
      <c r="IA20" s="122">
        <v>2082482</v>
      </c>
      <c r="IB20" s="135">
        <v>2222315</v>
      </c>
      <c r="IC20" s="121">
        <v>0</v>
      </c>
      <c r="ID20" s="122">
        <v>18874884</v>
      </c>
      <c r="IE20" s="123">
        <v>25350656</v>
      </c>
      <c r="IF20" s="124">
        <v>21813927</v>
      </c>
      <c r="IG20" s="122">
        <v>17290931</v>
      </c>
      <c r="IH20" s="124">
        <v>11821674</v>
      </c>
      <c r="II20" s="125">
        <v>95152072</v>
      </c>
      <c r="IJ20" s="135">
        <v>97374387</v>
      </c>
      <c r="IK20" s="215">
        <v>0</v>
      </c>
      <c r="IL20" s="219">
        <v>0</v>
      </c>
      <c r="IM20" s="220">
        <v>0</v>
      </c>
      <c r="IN20" s="127">
        <v>0</v>
      </c>
      <c r="IO20" s="109">
        <v>304447</v>
      </c>
      <c r="IP20" s="109">
        <v>168100</v>
      </c>
      <c r="IQ20" s="109">
        <v>235087</v>
      </c>
      <c r="IR20" s="109">
        <v>1454648</v>
      </c>
      <c r="IS20" s="109">
        <v>1859530</v>
      </c>
      <c r="IT20" s="128">
        <v>4021812</v>
      </c>
      <c r="IU20" s="292">
        <v>4021812</v>
      </c>
      <c r="IV20" s="129">
        <v>0</v>
      </c>
      <c r="IW20" s="109">
        <v>0</v>
      </c>
      <c r="IX20" s="110">
        <v>0</v>
      </c>
      <c r="IY20" s="443">
        <v>0</v>
      </c>
      <c r="IZ20" s="109">
        <v>0</v>
      </c>
      <c r="JA20" s="109">
        <v>0</v>
      </c>
      <c r="JB20" s="109">
        <v>0</v>
      </c>
      <c r="JC20" s="109">
        <v>0</v>
      </c>
      <c r="JD20" s="109">
        <v>0</v>
      </c>
      <c r="JE20" s="110">
        <v>0</v>
      </c>
      <c r="JF20" s="111">
        <v>0</v>
      </c>
      <c r="JG20" s="129">
        <v>0</v>
      </c>
      <c r="JH20" s="109">
        <v>0</v>
      </c>
      <c r="JI20" s="128">
        <v>0</v>
      </c>
      <c r="JJ20" s="108">
        <v>0</v>
      </c>
      <c r="JK20" s="109">
        <v>7543548</v>
      </c>
      <c r="JL20" s="109">
        <v>9021387</v>
      </c>
      <c r="JM20" s="109">
        <v>6315750</v>
      </c>
      <c r="JN20" s="109">
        <v>3081860</v>
      </c>
      <c r="JO20" s="109">
        <v>957900</v>
      </c>
      <c r="JP20" s="110">
        <v>26920445</v>
      </c>
      <c r="JQ20" s="292">
        <v>26920445</v>
      </c>
      <c r="JR20" s="129">
        <v>0</v>
      </c>
      <c r="JS20" s="109">
        <v>0</v>
      </c>
      <c r="JT20" s="128">
        <v>0</v>
      </c>
      <c r="JU20" s="108">
        <v>0</v>
      </c>
      <c r="JV20" s="109">
        <v>173210</v>
      </c>
      <c r="JW20" s="109">
        <v>222567</v>
      </c>
      <c r="JX20" s="109">
        <v>596357</v>
      </c>
      <c r="JY20" s="109">
        <v>97018</v>
      </c>
      <c r="JZ20" s="109">
        <v>252272</v>
      </c>
      <c r="KA20" s="110">
        <v>1341424</v>
      </c>
      <c r="KB20" s="292">
        <v>1341424</v>
      </c>
      <c r="KC20" s="217">
        <v>139833</v>
      </c>
      <c r="KD20" s="213">
        <v>1082690</v>
      </c>
      <c r="KE20" s="110">
        <v>1222523</v>
      </c>
      <c r="KF20" s="108">
        <v>0</v>
      </c>
      <c r="KG20" s="109">
        <v>1709094</v>
      </c>
      <c r="KH20" s="109">
        <v>1584614</v>
      </c>
      <c r="KI20" s="109">
        <v>1255471</v>
      </c>
      <c r="KJ20" s="109">
        <v>2183099</v>
      </c>
      <c r="KK20" s="109">
        <v>945091</v>
      </c>
      <c r="KL20" s="110">
        <v>7677369</v>
      </c>
      <c r="KM20" s="130">
        <v>8899892</v>
      </c>
      <c r="KN20" s="215">
        <v>0</v>
      </c>
      <c r="KO20" s="219">
        <v>999792</v>
      </c>
      <c r="KP20" s="220">
        <v>999792</v>
      </c>
      <c r="KQ20" s="443">
        <v>0</v>
      </c>
      <c r="KR20" s="109">
        <v>8203875</v>
      </c>
      <c r="KS20" s="109">
        <v>12595419</v>
      </c>
      <c r="KT20" s="109">
        <v>9855759</v>
      </c>
      <c r="KU20" s="109">
        <v>6910755</v>
      </c>
      <c r="KV20" s="109">
        <v>4920327</v>
      </c>
      <c r="KW20" s="110">
        <v>42486135</v>
      </c>
      <c r="KX20" s="292">
        <v>43485927</v>
      </c>
      <c r="KY20" s="129">
        <v>0</v>
      </c>
      <c r="KZ20" s="109">
        <v>0</v>
      </c>
      <c r="LA20" s="110">
        <v>0</v>
      </c>
      <c r="LB20" s="443">
        <v>0</v>
      </c>
      <c r="LC20" s="109">
        <v>0</v>
      </c>
      <c r="LD20" s="109">
        <v>0</v>
      </c>
      <c r="LE20" s="109">
        <v>0</v>
      </c>
      <c r="LF20" s="109">
        <v>0</v>
      </c>
      <c r="LG20" s="109">
        <v>0</v>
      </c>
      <c r="LH20" s="110">
        <v>0</v>
      </c>
      <c r="LI20" s="111">
        <v>0</v>
      </c>
      <c r="LJ20" s="129">
        <v>0</v>
      </c>
      <c r="LK20" s="109">
        <v>0</v>
      </c>
      <c r="LL20" s="110">
        <v>0</v>
      </c>
      <c r="LM20" s="443">
        <v>0</v>
      </c>
      <c r="LN20" s="109">
        <v>0</v>
      </c>
      <c r="LO20" s="109">
        <v>0</v>
      </c>
      <c r="LP20" s="109">
        <v>1686582</v>
      </c>
      <c r="LQ20" s="109">
        <v>3563551</v>
      </c>
      <c r="LR20" s="109">
        <v>2543245</v>
      </c>
      <c r="LS20" s="110">
        <v>7793378</v>
      </c>
      <c r="LT20" s="292">
        <v>7793378</v>
      </c>
      <c r="LU20" s="129">
        <v>0</v>
      </c>
      <c r="LV20" s="109">
        <v>0</v>
      </c>
      <c r="LW20" s="110">
        <v>0</v>
      </c>
      <c r="LX20" s="443">
        <v>0</v>
      </c>
      <c r="LY20" s="109">
        <v>940710</v>
      </c>
      <c r="LZ20" s="109">
        <v>1758569</v>
      </c>
      <c r="MA20" s="109">
        <v>1868921</v>
      </c>
      <c r="MB20" s="109">
        <v>0</v>
      </c>
      <c r="MC20" s="109">
        <v>343309</v>
      </c>
      <c r="MD20" s="110">
        <v>4911509</v>
      </c>
      <c r="ME20" s="111">
        <v>4911509</v>
      </c>
      <c r="MF20" s="129">
        <v>0</v>
      </c>
      <c r="MG20" s="109">
        <v>0</v>
      </c>
      <c r="MH20" s="110">
        <v>0</v>
      </c>
      <c r="MI20" s="443">
        <v>0</v>
      </c>
      <c r="MJ20" s="109">
        <v>3907387</v>
      </c>
      <c r="MK20" s="109">
        <v>9735174</v>
      </c>
      <c r="ML20" s="109">
        <v>32579319</v>
      </c>
      <c r="MM20" s="109">
        <v>62341432</v>
      </c>
      <c r="MN20" s="109">
        <v>32208569</v>
      </c>
      <c r="MO20" s="110">
        <v>140771881</v>
      </c>
      <c r="MP20" s="130">
        <v>140771881</v>
      </c>
      <c r="MQ20" s="129">
        <v>0</v>
      </c>
      <c r="MR20" s="109">
        <v>0</v>
      </c>
      <c r="MS20" s="110">
        <v>0</v>
      </c>
      <c r="MT20" s="443">
        <v>0</v>
      </c>
      <c r="MU20" s="109">
        <v>210634</v>
      </c>
      <c r="MV20" s="109">
        <v>0</v>
      </c>
      <c r="MW20" s="109">
        <v>22381524</v>
      </c>
      <c r="MX20" s="109">
        <v>42472767</v>
      </c>
      <c r="MY20" s="109">
        <v>24023888</v>
      </c>
      <c r="MZ20" s="110">
        <v>89088813</v>
      </c>
      <c r="NA20" s="130">
        <v>89088813</v>
      </c>
      <c r="NB20" s="129">
        <v>0</v>
      </c>
      <c r="NC20" s="109">
        <v>0</v>
      </c>
      <c r="ND20" s="110">
        <v>0</v>
      </c>
      <c r="NE20" s="443">
        <v>0</v>
      </c>
      <c r="NF20" s="109">
        <v>3696753</v>
      </c>
      <c r="NG20" s="109">
        <v>9735174</v>
      </c>
      <c r="NH20" s="109">
        <v>10197795</v>
      </c>
      <c r="NI20" s="109">
        <v>19868665</v>
      </c>
      <c r="NJ20" s="109">
        <v>8184681</v>
      </c>
      <c r="NK20" s="110">
        <v>51683068</v>
      </c>
      <c r="NL20" s="292">
        <v>51683068</v>
      </c>
      <c r="NM20" s="129">
        <v>0</v>
      </c>
      <c r="NN20" s="109">
        <v>0</v>
      </c>
      <c r="NO20" s="110">
        <v>0</v>
      </c>
      <c r="NP20" s="443">
        <v>0</v>
      </c>
      <c r="NQ20" s="109">
        <v>0</v>
      </c>
      <c r="NR20" s="109">
        <v>0</v>
      </c>
      <c r="NS20" s="109">
        <v>0</v>
      </c>
      <c r="NT20" s="109">
        <v>0</v>
      </c>
      <c r="NU20" s="109">
        <v>0</v>
      </c>
      <c r="NV20" s="110">
        <v>0</v>
      </c>
      <c r="NW20" s="111">
        <v>0</v>
      </c>
      <c r="NX20" s="129">
        <v>0</v>
      </c>
      <c r="NY20" s="109">
        <v>0</v>
      </c>
      <c r="NZ20" s="110">
        <v>0</v>
      </c>
      <c r="OA20" s="443">
        <v>0</v>
      </c>
      <c r="OB20" s="109">
        <v>0</v>
      </c>
      <c r="OC20" s="109">
        <v>0</v>
      </c>
      <c r="OD20" s="109">
        <v>0</v>
      </c>
      <c r="OE20" s="109">
        <v>0</v>
      </c>
      <c r="OF20" s="109">
        <v>0</v>
      </c>
      <c r="OG20" s="110">
        <v>0</v>
      </c>
      <c r="OH20" s="111">
        <v>0</v>
      </c>
      <c r="OI20" s="129">
        <v>3005273</v>
      </c>
      <c r="OJ20" s="109">
        <v>6572847</v>
      </c>
      <c r="OK20" s="128">
        <v>9578120</v>
      </c>
      <c r="OL20" s="108">
        <v>0</v>
      </c>
      <c r="OM20" s="109">
        <v>58810220</v>
      </c>
      <c r="ON20" s="109">
        <v>78612938</v>
      </c>
      <c r="OO20" s="109">
        <v>92417123</v>
      </c>
      <c r="OP20" s="109">
        <v>113244383</v>
      </c>
      <c r="OQ20" s="109">
        <v>66401802</v>
      </c>
      <c r="OR20" s="110">
        <v>409486466</v>
      </c>
      <c r="OS20" s="130">
        <v>419064586</v>
      </c>
    </row>
    <row r="21" spans="2:409" ht="21" customHeight="1" x14ac:dyDescent="0.2">
      <c r="B21" s="437" t="s">
        <v>16</v>
      </c>
      <c r="C21" s="100">
        <v>6123311</v>
      </c>
      <c r="D21" s="104">
        <v>13519627</v>
      </c>
      <c r="E21" s="103">
        <v>19642938</v>
      </c>
      <c r="F21" s="99">
        <v>0</v>
      </c>
      <c r="G21" s="104">
        <v>77531897</v>
      </c>
      <c r="H21" s="104">
        <v>138247170</v>
      </c>
      <c r="I21" s="104">
        <v>102046918</v>
      </c>
      <c r="J21" s="104">
        <v>99944000</v>
      </c>
      <c r="K21" s="104">
        <v>68890817</v>
      </c>
      <c r="L21" s="99">
        <v>486660802</v>
      </c>
      <c r="M21" s="106">
        <v>506303740</v>
      </c>
      <c r="N21" s="100">
        <v>1012553</v>
      </c>
      <c r="O21" s="104">
        <v>2657970</v>
      </c>
      <c r="P21" s="103">
        <v>3670523</v>
      </c>
      <c r="Q21" s="100">
        <v>0</v>
      </c>
      <c r="R21" s="104">
        <v>16298678</v>
      </c>
      <c r="S21" s="104">
        <v>33540253</v>
      </c>
      <c r="T21" s="104">
        <v>24321259</v>
      </c>
      <c r="U21" s="104">
        <v>30519500</v>
      </c>
      <c r="V21" s="104">
        <v>25919994</v>
      </c>
      <c r="W21" s="103">
        <v>130599684</v>
      </c>
      <c r="X21" s="106">
        <v>134270207</v>
      </c>
      <c r="Y21" s="100">
        <v>0</v>
      </c>
      <c r="Z21" s="104">
        <v>0</v>
      </c>
      <c r="AA21" s="103">
        <v>0</v>
      </c>
      <c r="AB21" s="100">
        <v>0</v>
      </c>
      <c r="AC21" s="104">
        <v>6767980</v>
      </c>
      <c r="AD21" s="104">
        <v>12932498</v>
      </c>
      <c r="AE21" s="104">
        <v>11867123</v>
      </c>
      <c r="AF21" s="104">
        <v>16054103</v>
      </c>
      <c r="AG21" s="104">
        <v>12920313</v>
      </c>
      <c r="AH21" s="103">
        <v>60542017</v>
      </c>
      <c r="AI21" s="106">
        <v>60542017</v>
      </c>
      <c r="AJ21" s="100">
        <v>0</v>
      </c>
      <c r="AK21" s="104">
        <v>0</v>
      </c>
      <c r="AL21" s="103">
        <v>0</v>
      </c>
      <c r="AM21" s="100">
        <v>0</v>
      </c>
      <c r="AN21" s="104">
        <v>49748</v>
      </c>
      <c r="AO21" s="104">
        <v>430937</v>
      </c>
      <c r="AP21" s="104">
        <v>508020</v>
      </c>
      <c r="AQ21" s="104">
        <v>1320480</v>
      </c>
      <c r="AR21" s="104">
        <v>2786889</v>
      </c>
      <c r="AS21" s="103">
        <v>5096074</v>
      </c>
      <c r="AT21" s="106">
        <v>5096074</v>
      </c>
      <c r="AU21" s="100">
        <v>433508</v>
      </c>
      <c r="AV21" s="104">
        <v>1784612</v>
      </c>
      <c r="AW21" s="103">
        <v>2218120</v>
      </c>
      <c r="AX21" s="100">
        <v>0</v>
      </c>
      <c r="AY21" s="104">
        <v>6264716</v>
      </c>
      <c r="AZ21" s="104">
        <v>13885666</v>
      </c>
      <c r="BA21" s="104">
        <v>7504954</v>
      </c>
      <c r="BB21" s="104">
        <v>8688952</v>
      </c>
      <c r="BC21" s="104">
        <v>6624427</v>
      </c>
      <c r="BD21" s="103">
        <v>42968715</v>
      </c>
      <c r="BE21" s="106">
        <v>45186835</v>
      </c>
      <c r="BF21" s="100">
        <v>119749</v>
      </c>
      <c r="BG21" s="104">
        <v>326651</v>
      </c>
      <c r="BH21" s="102">
        <v>446400</v>
      </c>
      <c r="BI21" s="101">
        <v>0</v>
      </c>
      <c r="BJ21" s="104">
        <v>240800</v>
      </c>
      <c r="BK21" s="104">
        <v>1512882</v>
      </c>
      <c r="BL21" s="104">
        <v>441674</v>
      </c>
      <c r="BM21" s="104">
        <v>189709</v>
      </c>
      <c r="BN21" s="104">
        <v>426550</v>
      </c>
      <c r="BO21" s="103">
        <v>2811615</v>
      </c>
      <c r="BP21" s="106">
        <v>3258015</v>
      </c>
      <c r="BQ21" s="100">
        <v>459296</v>
      </c>
      <c r="BR21" s="104">
        <v>546707</v>
      </c>
      <c r="BS21" s="103">
        <v>1006003</v>
      </c>
      <c r="BT21" s="100">
        <v>0</v>
      </c>
      <c r="BU21" s="104">
        <v>2975434</v>
      </c>
      <c r="BV21" s="104">
        <v>4778270</v>
      </c>
      <c r="BW21" s="104">
        <v>3999488</v>
      </c>
      <c r="BX21" s="104">
        <v>4266256</v>
      </c>
      <c r="BY21" s="104">
        <v>3161815</v>
      </c>
      <c r="BZ21" s="103">
        <v>19181263</v>
      </c>
      <c r="CA21" s="106">
        <v>20187266</v>
      </c>
      <c r="CB21" s="100">
        <v>1005353</v>
      </c>
      <c r="CC21" s="104">
        <v>4271448</v>
      </c>
      <c r="CD21" s="103">
        <v>5276801</v>
      </c>
      <c r="CE21" s="100">
        <v>0</v>
      </c>
      <c r="CF21" s="104">
        <v>26653541</v>
      </c>
      <c r="CG21" s="104">
        <v>48494148</v>
      </c>
      <c r="CH21" s="104">
        <v>33610265</v>
      </c>
      <c r="CI21" s="104">
        <v>21905045</v>
      </c>
      <c r="CJ21" s="104">
        <v>13422766</v>
      </c>
      <c r="CK21" s="103">
        <v>144085765</v>
      </c>
      <c r="CL21" s="106">
        <v>149362566</v>
      </c>
      <c r="CM21" s="100">
        <v>0</v>
      </c>
      <c r="CN21" s="104">
        <v>0</v>
      </c>
      <c r="CO21" s="103">
        <v>0</v>
      </c>
      <c r="CP21" s="101">
        <v>0</v>
      </c>
      <c r="CQ21" s="104">
        <v>17946598</v>
      </c>
      <c r="CR21" s="104">
        <v>31845282</v>
      </c>
      <c r="CS21" s="104">
        <v>25064360</v>
      </c>
      <c r="CT21" s="104">
        <v>16292673</v>
      </c>
      <c r="CU21" s="104">
        <v>11755987</v>
      </c>
      <c r="CV21" s="103">
        <v>102904900</v>
      </c>
      <c r="CW21" s="106">
        <v>102904900</v>
      </c>
      <c r="CX21" s="100">
        <v>1005353</v>
      </c>
      <c r="CY21" s="104">
        <v>4271448</v>
      </c>
      <c r="CZ21" s="103">
        <v>5276801</v>
      </c>
      <c r="DA21" s="100">
        <v>0</v>
      </c>
      <c r="DB21" s="104">
        <v>8706943</v>
      </c>
      <c r="DC21" s="104">
        <v>16648866</v>
      </c>
      <c r="DD21" s="104">
        <v>8545905</v>
      </c>
      <c r="DE21" s="104">
        <v>5612372</v>
      </c>
      <c r="DF21" s="104">
        <v>1666779</v>
      </c>
      <c r="DG21" s="103">
        <v>41180865</v>
      </c>
      <c r="DH21" s="106">
        <v>46457666</v>
      </c>
      <c r="DI21" s="100">
        <v>24748</v>
      </c>
      <c r="DJ21" s="104">
        <v>80821</v>
      </c>
      <c r="DK21" s="102">
        <v>105569</v>
      </c>
      <c r="DL21" s="101">
        <v>0</v>
      </c>
      <c r="DM21" s="104">
        <v>2524572</v>
      </c>
      <c r="DN21" s="104">
        <v>5380728</v>
      </c>
      <c r="DO21" s="104">
        <v>7147873</v>
      </c>
      <c r="DP21" s="104">
        <v>5957213</v>
      </c>
      <c r="DQ21" s="104">
        <v>2654373</v>
      </c>
      <c r="DR21" s="103">
        <v>23664759</v>
      </c>
      <c r="DS21" s="106">
        <v>23770328</v>
      </c>
      <c r="DT21" s="100">
        <v>24748</v>
      </c>
      <c r="DU21" s="104">
        <v>80821</v>
      </c>
      <c r="DV21" s="103">
        <v>105569</v>
      </c>
      <c r="DW21" s="100">
        <v>0</v>
      </c>
      <c r="DX21" s="104">
        <v>2346091</v>
      </c>
      <c r="DY21" s="104">
        <v>4944205</v>
      </c>
      <c r="DZ21" s="104">
        <v>6170245</v>
      </c>
      <c r="EA21" s="104">
        <v>5586440</v>
      </c>
      <c r="EB21" s="104">
        <v>2407080</v>
      </c>
      <c r="EC21" s="103">
        <v>21454061</v>
      </c>
      <c r="ED21" s="106">
        <v>21559630</v>
      </c>
      <c r="EE21" s="100">
        <v>0</v>
      </c>
      <c r="EF21" s="102">
        <v>0</v>
      </c>
      <c r="EG21" s="103">
        <v>0</v>
      </c>
      <c r="EH21" s="100">
        <v>0</v>
      </c>
      <c r="EI21" s="104">
        <v>178481</v>
      </c>
      <c r="EJ21" s="104">
        <v>436523</v>
      </c>
      <c r="EK21" s="104">
        <v>977628</v>
      </c>
      <c r="EL21" s="104">
        <v>370773</v>
      </c>
      <c r="EM21" s="104">
        <v>247293</v>
      </c>
      <c r="EN21" s="102">
        <v>2210698</v>
      </c>
      <c r="EO21" s="106">
        <v>2210698</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06">
        <v>0</v>
      </c>
      <c r="FE21" s="104">
        <v>0</v>
      </c>
      <c r="FF21" s="104">
        <v>0</v>
      </c>
      <c r="FG21" s="104">
        <v>0</v>
      </c>
      <c r="FH21" s="104">
        <v>0</v>
      </c>
      <c r="FI21" s="104">
        <v>0</v>
      </c>
      <c r="FJ21" s="103">
        <v>0</v>
      </c>
      <c r="FK21" s="106">
        <v>0</v>
      </c>
      <c r="FL21" s="100">
        <v>1440658</v>
      </c>
      <c r="FM21" s="104">
        <v>2465377</v>
      </c>
      <c r="FN21" s="103">
        <v>3906035</v>
      </c>
      <c r="FO21" s="100">
        <v>0</v>
      </c>
      <c r="FP21" s="104">
        <v>3558519</v>
      </c>
      <c r="FQ21" s="104">
        <v>12814688</v>
      </c>
      <c r="FR21" s="104">
        <v>7388744</v>
      </c>
      <c r="FS21" s="104">
        <v>6890029</v>
      </c>
      <c r="FT21" s="104">
        <v>5495222</v>
      </c>
      <c r="FU21" s="103">
        <v>36147202</v>
      </c>
      <c r="FV21" s="106">
        <v>40053237</v>
      </c>
      <c r="FW21" s="105">
        <v>944974</v>
      </c>
      <c r="FX21" s="104">
        <v>2288105</v>
      </c>
      <c r="FY21" s="102">
        <v>3233079</v>
      </c>
      <c r="FZ21" s="101">
        <v>0</v>
      </c>
      <c r="GA21" s="104">
        <v>2767950</v>
      </c>
      <c r="GB21" s="104">
        <v>11862710</v>
      </c>
      <c r="GC21" s="104">
        <v>7207251</v>
      </c>
      <c r="GD21" s="104">
        <v>6587519</v>
      </c>
      <c r="GE21" s="104">
        <v>5294736</v>
      </c>
      <c r="GF21" s="103">
        <v>33720166</v>
      </c>
      <c r="GG21" s="290">
        <v>36953245</v>
      </c>
      <c r="GH21" s="105">
        <v>156132</v>
      </c>
      <c r="GI21" s="104">
        <v>46772</v>
      </c>
      <c r="GJ21" s="102">
        <v>202904</v>
      </c>
      <c r="GK21" s="101">
        <v>0</v>
      </c>
      <c r="GL21" s="104">
        <v>200570</v>
      </c>
      <c r="GM21" s="104">
        <v>513018</v>
      </c>
      <c r="GN21" s="104">
        <v>159093</v>
      </c>
      <c r="GO21" s="104">
        <v>188291</v>
      </c>
      <c r="GP21" s="104">
        <v>119486</v>
      </c>
      <c r="GQ21" s="103">
        <v>1180458</v>
      </c>
      <c r="GR21" s="106">
        <v>1383362</v>
      </c>
      <c r="GS21" s="100">
        <v>339552</v>
      </c>
      <c r="GT21" s="104">
        <v>130500</v>
      </c>
      <c r="GU21" s="103">
        <v>470052</v>
      </c>
      <c r="GV21" s="100">
        <v>0</v>
      </c>
      <c r="GW21" s="104">
        <v>589999</v>
      </c>
      <c r="GX21" s="104">
        <v>438960</v>
      </c>
      <c r="GY21" s="104">
        <v>22400</v>
      </c>
      <c r="GZ21" s="104">
        <v>114219</v>
      </c>
      <c r="HA21" s="104">
        <v>81000</v>
      </c>
      <c r="HB21" s="102">
        <v>1246578</v>
      </c>
      <c r="HC21" s="106">
        <v>1716630</v>
      </c>
      <c r="HD21" s="100">
        <v>1625072</v>
      </c>
      <c r="HE21" s="104">
        <v>1826847</v>
      </c>
      <c r="HF21" s="102">
        <v>3451919</v>
      </c>
      <c r="HG21" s="101">
        <v>0</v>
      </c>
      <c r="HH21" s="104">
        <v>16172993</v>
      </c>
      <c r="HI21" s="104">
        <v>21178169</v>
      </c>
      <c r="HJ21" s="104">
        <v>19759490</v>
      </c>
      <c r="HK21" s="104">
        <v>28198676</v>
      </c>
      <c r="HL21" s="104">
        <v>17198453</v>
      </c>
      <c r="HM21" s="103">
        <v>102507781</v>
      </c>
      <c r="HN21" s="99">
        <v>105959700</v>
      </c>
      <c r="HO21" s="105">
        <v>1014927</v>
      </c>
      <c r="HP21" s="104">
        <v>2217164</v>
      </c>
      <c r="HQ21" s="103">
        <v>3232091</v>
      </c>
      <c r="HR21" s="100">
        <v>0</v>
      </c>
      <c r="HS21" s="104">
        <v>12323594</v>
      </c>
      <c r="HT21" s="104">
        <v>16839184</v>
      </c>
      <c r="HU21" s="104">
        <v>9819287</v>
      </c>
      <c r="HV21" s="104">
        <v>6473537</v>
      </c>
      <c r="HW21" s="104">
        <v>4200009</v>
      </c>
      <c r="HX21" s="102">
        <v>49655611</v>
      </c>
      <c r="HY21" s="106">
        <v>52887702</v>
      </c>
      <c r="HZ21" s="118">
        <v>139983</v>
      </c>
      <c r="IA21" s="119">
        <v>580756</v>
      </c>
      <c r="IB21" s="120">
        <v>720739</v>
      </c>
      <c r="IC21" s="131">
        <v>0</v>
      </c>
      <c r="ID21" s="119">
        <v>14085838</v>
      </c>
      <c r="IE21" s="132">
        <v>29095115</v>
      </c>
      <c r="IF21" s="120">
        <v>34633839</v>
      </c>
      <c r="IG21" s="119">
        <v>25971805</v>
      </c>
      <c r="IH21" s="120">
        <v>21667985</v>
      </c>
      <c r="II21" s="133">
        <v>125454582</v>
      </c>
      <c r="IJ21" s="126">
        <v>126175321</v>
      </c>
      <c r="IK21" s="215">
        <v>0</v>
      </c>
      <c r="IL21" s="219">
        <v>0</v>
      </c>
      <c r="IM21" s="220">
        <v>0</v>
      </c>
      <c r="IN21" s="127">
        <v>0</v>
      </c>
      <c r="IO21" s="109">
        <v>582837</v>
      </c>
      <c r="IP21" s="109">
        <v>1908588</v>
      </c>
      <c r="IQ21" s="109">
        <v>2308951</v>
      </c>
      <c r="IR21" s="109">
        <v>1840104</v>
      </c>
      <c r="IS21" s="109">
        <v>2689333</v>
      </c>
      <c r="IT21" s="128">
        <v>9329813</v>
      </c>
      <c r="IU21" s="292">
        <v>9329813</v>
      </c>
      <c r="IV21" s="129">
        <v>0</v>
      </c>
      <c r="IW21" s="109">
        <v>0</v>
      </c>
      <c r="IX21" s="110">
        <v>0</v>
      </c>
      <c r="IY21" s="443">
        <v>0</v>
      </c>
      <c r="IZ21" s="109">
        <v>0</v>
      </c>
      <c r="JA21" s="109">
        <v>18446</v>
      </c>
      <c r="JB21" s="109">
        <v>37211</v>
      </c>
      <c r="JC21" s="109">
        <v>144962</v>
      </c>
      <c r="JD21" s="109">
        <v>18765</v>
      </c>
      <c r="JE21" s="110">
        <v>219384</v>
      </c>
      <c r="JF21" s="111">
        <v>219384</v>
      </c>
      <c r="JG21" s="129">
        <v>0</v>
      </c>
      <c r="JH21" s="109">
        <v>0</v>
      </c>
      <c r="JI21" s="128">
        <v>0</v>
      </c>
      <c r="JJ21" s="108">
        <v>0</v>
      </c>
      <c r="JK21" s="109">
        <v>6647496</v>
      </c>
      <c r="JL21" s="109">
        <v>9140591</v>
      </c>
      <c r="JM21" s="109">
        <v>7486626</v>
      </c>
      <c r="JN21" s="109">
        <v>4684418</v>
      </c>
      <c r="JO21" s="109">
        <v>1870896</v>
      </c>
      <c r="JP21" s="110">
        <v>29830027</v>
      </c>
      <c r="JQ21" s="292">
        <v>29830027</v>
      </c>
      <c r="JR21" s="129">
        <v>0</v>
      </c>
      <c r="JS21" s="109">
        <v>0</v>
      </c>
      <c r="JT21" s="128">
        <v>0</v>
      </c>
      <c r="JU21" s="108">
        <v>0</v>
      </c>
      <c r="JV21" s="109">
        <v>537468</v>
      </c>
      <c r="JW21" s="109">
        <v>1114747</v>
      </c>
      <c r="JX21" s="109">
        <v>391416</v>
      </c>
      <c r="JY21" s="109">
        <v>468490</v>
      </c>
      <c r="JZ21" s="109">
        <v>679292</v>
      </c>
      <c r="KA21" s="110">
        <v>3191413</v>
      </c>
      <c r="KB21" s="292">
        <v>3191413</v>
      </c>
      <c r="KC21" s="217">
        <v>139983</v>
      </c>
      <c r="KD21" s="213">
        <v>327573</v>
      </c>
      <c r="KE21" s="110">
        <v>467556</v>
      </c>
      <c r="KF21" s="108">
        <v>0</v>
      </c>
      <c r="KG21" s="109">
        <v>1753944</v>
      </c>
      <c r="KH21" s="109">
        <v>3614596</v>
      </c>
      <c r="KI21" s="109">
        <v>4815184</v>
      </c>
      <c r="KJ21" s="109">
        <v>5627778</v>
      </c>
      <c r="KK21" s="109">
        <v>2847997</v>
      </c>
      <c r="KL21" s="110">
        <v>18659499</v>
      </c>
      <c r="KM21" s="130">
        <v>19127055</v>
      </c>
      <c r="KN21" s="215">
        <v>0</v>
      </c>
      <c r="KO21" s="219">
        <v>253183</v>
      </c>
      <c r="KP21" s="220">
        <v>253183</v>
      </c>
      <c r="KQ21" s="443">
        <v>0</v>
      </c>
      <c r="KR21" s="109">
        <v>4422287</v>
      </c>
      <c r="KS21" s="109">
        <v>11647539</v>
      </c>
      <c r="KT21" s="109">
        <v>16312770</v>
      </c>
      <c r="KU21" s="109">
        <v>8750174</v>
      </c>
      <c r="KV21" s="109">
        <v>8862742</v>
      </c>
      <c r="KW21" s="110">
        <v>49995512</v>
      </c>
      <c r="KX21" s="292">
        <v>50248695</v>
      </c>
      <c r="KY21" s="129">
        <v>0</v>
      </c>
      <c r="KZ21" s="109">
        <v>0</v>
      </c>
      <c r="LA21" s="110">
        <v>0</v>
      </c>
      <c r="LB21" s="443">
        <v>0</v>
      </c>
      <c r="LC21" s="109">
        <v>0</v>
      </c>
      <c r="LD21" s="109">
        <v>0</v>
      </c>
      <c r="LE21" s="109">
        <v>0</v>
      </c>
      <c r="LF21" s="109">
        <v>0</v>
      </c>
      <c r="LG21" s="109">
        <v>0</v>
      </c>
      <c r="LH21" s="110">
        <v>0</v>
      </c>
      <c r="LI21" s="111">
        <v>0</v>
      </c>
      <c r="LJ21" s="129">
        <v>0</v>
      </c>
      <c r="LK21" s="109">
        <v>0</v>
      </c>
      <c r="LL21" s="110">
        <v>0</v>
      </c>
      <c r="LM21" s="443">
        <v>0</v>
      </c>
      <c r="LN21" s="109">
        <v>0</v>
      </c>
      <c r="LO21" s="109">
        <v>525258</v>
      </c>
      <c r="LP21" s="109">
        <v>1713702</v>
      </c>
      <c r="LQ21" s="109">
        <v>3371563</v>
      </c>
      <c r="LR21" s="109">
        <v>2947679</v>
      </c>
      <c r="LS21" s="110">
        <v>8558202</v>
      </c>
      <c r="LT21" s="292">
        <v>8558202</v>
      </c>
      <c r="LU21" s="129">
        <v>0</v>
      </c>
      <c r="LV21" s="109">
        <v>0</v>
      </c>
      <c r="LW21" s="110">
        <v>0</v>
      </c>
      <c r="LX21" s="443">
        <v>0</v>
      </c>
      <c r="LY21" s="109">
        <v>141806</v>
      </c>
      <c r="LZ21" s="109">
        <v>1125350</v>
      </c>
      <c r="MA21" s="109">
        <v>1567979</v>
      </c>
      <c r="MB21" s="109">
        <v>1084316</v>
      </c>
      <c r="MC21" s="109">
        <v>1751281</v>
      </c>
      <c r="MD21" s="110">
        <v>5670732</v>
      </c>
      <c r="ME21" s="111">
        <v>5670732</v>
      </c>
      <c r="MF21" s="129">
        <v>0</v>
      </c>
      <c r="MG21" s="109">
        <v>0</v>
      </c>
      <c r="MH21" s="110">
        <v>0</v>
      </c>
      <c r="MI21" s="443">
        <v>0</v>
      </c>
      <c r="MJ21" s="109">
        <v>13435198</v>
      </c>
      <c r="MK21" s="109">
        <v>26779813</v>
      </c>
      <c r="ML21" s="109">
        <v>93733680</v>
      </c>
      <c r="MM21" s="109">
        <v>137814823</v>
      </c>
      <c r="MN21" s="109">
        <v>82260532</v>
      </c>
      <c r="MO21" s="110">
        <v>354024046</v>
      </c>
      <c r="MP21" s="130">
        <v>354024046</v>
      </c>
      <c r="MQ21" s="129">
        <v>0</v>
      </c>
      <c r="MR21" s="109">
        <v>0</v>
      </c>
      <c r="MS21" s="110">
        <v>0</v>
      </c>
      <c r="MT21" s="443">
        <v>0</v>
      </c>
      <c r="MU21" s="109">
        <v>1209229</v>
      </c>
      <c r="MV21" s="109">
        <v>3562699</v>
      </c>
      <c r="MW21" s="109">
        <v>54616784</v>
      </c>
      <c r="MX21" s="109">
        <v>86106767</v>
      </c>
      <c r="MY21" s="109">
        <v>55717317</v>
      </c>
      <c r="MZ21" s="110">
        <v>201212796</v>
      </c>
      <c r="NA21" s="130">
        <v>201212796</v>
      </c>
      <c r="NB21" s="129">
        <v>0</v>
      </c>
      <c r="NC21" s="109">
        <v>0</v>
      </c>
      <c r="ND21" s="110">
        <v>0</v>
      </c>
      <c r="NE21" s="443">
        <v>0</v>
      </c>
      <c r="NF21" s="109">
        <v>12225969</v>
      </c>
      <c r="NG21" s="109">
        <v>23217114</v>
      </c>
      <c r="NH21" s="109">
        <v>38404021</v>
      </c>
      <c r="NI21" s="109">
        <v>47264550</v>
      </c>
      <c r="NJ21" s="109">
        <v>19960618</v>
      </c>
      <c r="NK21" s="110">
        <v>141072272</v>
      </c>
      <c r="NL21" s="292">
        <v>141072272</v>
      </c>
      <c r="NM21" s="129">
        <v>0</v>
      </c>
      <c r="NN21" s="109">
        <v>0</v>
      </c>
      <c r="NO21" s="110">
        <v>0</v>
      </c>
      <c r="NP21" s="443">
        <v>0</v>
      </c>
      <c r="NQ21" s="109">
        <v>0</v>
      </c>
      <c r="NR21" s="109">
        <v>0</v>
      </c>
      <c r="NS21" s="109">
        <v>0</v>
      </c>
      <c r="NT21" s="109">
        <v>0</v>
      </c>
      <c r="NU21" s="109">
        <v>0</v>
      </c>
      <c r="NV21" s="110">
        <v>0</v>
      </c>
      <c r="NW21" s="111">
        <v>0</v>
      </c>
      <c r="NX21" s="129">
        <v>0</v>
      </c>
      <c r="NY21" s="109">
        <v>0</v>
      </c>
      <c r="NZ21" s="110">
        <v>0</v>
      </c>
      <c r="OA21" s="443">
        <v>0</v>
      </c>
      <c r="OB21" s="109">
        <v>0</v>
      </c>
      <c r="OC21" s="109">
        <v>0</v>
      </c>
      <c r="OD21" s="109">
        <v>712875</v>
      </c>
      <c r="OE21" s="109">
        <v>4443506</v>
      </c>
      <c r="OF21" s="109">
        <v>6582597</v>
      </c>
      <c r="OG21" s="110">
        <v>11738978</v>
      </c>
      <c r="OH21" s="111">
        <v>11738978</v>
      </c>
      <c r="OI21" s="129">
        <v>6263294</v>
      </c>
      <c r="OJ21" s="109">
        <v>14100383</v>
      </c>
      <c r="OK21" s="128">
        <v>20363677</v>
      </c>
      <c r="OL21" s="108">
        <v>0</v>
      </c>
      <c r="OM21" s="109">
        <v>105052933</v>
      </c>
      <c r="ON21" s="109">
        <v>194122098</v>
      </c>
      <c r="OO21" s="109">
        <v>230414437</v>
      </c>
      <c r="OP21" s="109">
        <v>263730628</v>
      </c>
      <c r="OQ21" s="109">
        <v>172819334</v>
      </c>
      <c r="OR21" s="110">
        <v>966139430</v>
      </c>
      <c r="OS21" s="130">
        <v>986503107</v>
      </c>
    </row>
    <row r="22" spans="2:409" ht="21" customHeight="1" x14ac:dyDescent="0.2">
      <c r="B22" s="437" t="s">
        <v>17</v>
      </c>
      <c r="C22" s="100">
        <v>6621027</v>
      </c>
      <c r="D22" s="104">
        <v>17091880</v>
      </c>
      <c r="E22" s="103">
        <v>23712907</v>
      </c>
      <c r="F22" s="99">
        <v>0</v>
      </c>
      <c r="G22" s="104">
        <v>79663145</v>
      </c>
      <c r="H22" s="104">
        <v>172368779</v>
      </c>
      <c r="I22" s="104">
        <v>146830169</v>
      </c>
      <c r="J22" s="104">
        <v>130452940</v>
      </c>
      <c r="K22" s="104">
        <v>96364600</v>
      </c>
      <c r="L22" s="99">
        <v>625679633</v>
      </c>
      <c r="M22" s="106">
        <v>649392540</v>
      </c>
      <c r="N22" s="100">
        <v>1462599</v>
      </c>
      <c r="O22" s="104">
        <v>3558227</v>
      </c>
      <c r="P22" s="103">
        <v>5020826</v>
      </c>
      <c r="Q22" s="100">
        <v>0</v>
      </c>
      <c r="R22" s="104">
        <v>19250147</v>
      </c>
      <c r="S22" s="104">
        <v>44529235</v>
      </c>
      <c r="T22" s="104">
        <v>47384048</v>
      </c>
      <c r="U22" s="104">
        <v>51571124</v>
      </c>
      <c r="V22" s="104">
        <v>45531091</v>
      </c>
      <c r="W22" s="103">
        <v>208265645</v>
      </c>
      <c r="X22" s="106">
        <v>213286471</v>
      </c>
      <c r="Y22" s="100">
        <v>0</v>
      </c>
      <c r="Z22" s="104">
        <v>0</v>
      </c>
      <c r="AA22" s="103">
        <v>0</v>
      </c>
      <c r="AB22" s="100">
        <v>0</v>
      </c>
      <c r="AC22" s="104">
        <v>8185050</v>
      </c>
      <c r="AD22" s="104">
        <v>21692300</v>
      </c>
      <c r="AE22" s="104">
        <v>29243267</v>
      </c>
      <c r="AF22" s="104">
        <v>31548083</v>
      </c>
      <c r="AG22" s="104">
        <v>26632198</v>
      </c>
      <c r="AH22" s="103">
        <v>117300898</v>
      </c>
      <c r="AI22" s="106">
        <v>117300898</v>
      </c>
      <c r="AJ22" s="100">
        <v>0</v>
      </c>
      <c r="AK22" s="104">
        <v>0</v>
      </c>
      <c r="AL22" s="103">
        <v>0</v>
      </c>
      <c r="AM22" s="100">
        <v>0</v>
      </c>
      <c r="AN22" s="104">
        <v>72711</v>
      </c>
      <c r="AO22" s="104">
        <v>161731</v>
      </c>
      <c r="AP22" s="104">
        <v>784401</v>
      </c>
      <c r="AQ22" s="104">
        <v>3097868</v>
      </c>
      <c r="AR22" s="104">
        <v>4689120</v>
      </c>
      <c r="AS22" s="103">
        <v>8805831</v>
      </c>
      <c r="AT22" s="106">
        <v>8805831</v>
      </c>
      <c r="AU22" s="100">
        <v>712117</v>
      </c>
      <c r="AV22" s="104">
        <v>2512939</v>
      </c>
      <c r="AW22" s="103">
        <v>3225056</v>
      </c>
      <c r="AX22" s="100">
        <v>0</v>
      </c>
      <c r="AY22" s="104">
        <v>6860421</v>
      </c>
      <c r="AZ22" s="104">
        <v>14134350</v>
      </c>
      <c r="BA22" s="104">
        <v>9428574</v>
      </c>
      <c r="BB22" s="104">
        <v>9708829</v>
      </c>
      <c r="BC22" s="104">
        <v>8587148</v>
      </c>
      <c r="BD22" s="103">
        <v>48719322</v>
      </c>
      <c r="BE22" s="106">
        <v>51944378</v>
      </c>
      <c r="BF22" s="100">
        <v>101318</v>
      </c>
      <c r="BG22" s="104">
        <v>271460</v>
      </c>
      <c r="BH22" s="102">
        <v>372778</v>
      </c>
      <c r="BI22" s="101">
        <v>0</v>
      </c>
      <c r="BJ22" s="104">
        <v>363969</v>
      </c>
      <c r="BK22" s="104">
        <v>1685825</v>
      </c>
      <c r="BL22" s="104">
        <v>1080956</v>
      </c>
      <c r="BM22" s="104">
        <v>634723</v>
      </c>
      <c r="BN22" s="104">
        <v>733400</v>
      </c>
      <c r="BO22" s="103">
        <v>4498873</v>
      </c>
      <c r="BP22" s="106">
        <v>4871651</v>
      </c>
      <c r="BQ22" s="100">
        <v>649164</v>
      </c>
      <c r="BR22" s="104">
        <v>773828</v>
      </c>
      <c r="BS22" s="103">
        <v>1422992</v>
      </c>
      <c r="BT22" s="100">
        <v>0</v>
      </c>
      <c r="BU22" s="104">
        <v>3767996</v>
      </c>
      <c r="BV22" s="104">
        <v>6855029</v>
      </c>
      <c r="BW22" s="104">
        <v>6846850</v>
      </c>
      <c r="BX22" s="104">
        <v>6581621</v>
      </c>
      <c r="BY22" s="104">
        <v>4889225</v>
      </c>
      <c r="BZ22" s="103">
        <v>28940721</v>
      </c>
      <c r="CA22" s="106">
        <v>30363713</v>
      </c>
      <c r="CB22" s="100">
        <v>917821</v>
      </c>
      <c r="CC22" s="104">
        <v>3314943</v>
      </c>
      <c r="CD22" s="103">
        <v>4232764</v>
      </c>
      <c r="CE22" s="100">
        <v>0</v>
      </c>
      <c r="CF22" s="104">
        <v>22661837</v>
      </c>
      <c r="CG22" s="104">
        <v>52965135</v>
      </c>
      <c r="CH22" s="104">
        <v>40619389</v>
      </c>
      <c r="CI22" s="104">
        <v>24569039</v>
      </c>
      <c r="CJ22" s="104">
        <v>15024838</v>
      </c>
      <c r="CK22" s="103">
        <v>155840238</v>
      </c>
      <c r="CL22" s="106">
        <v>160073002</v>
      </c>
      <c r="CM22" s="100">
        <v>0</v>
      </c>
      <c r="CN22" s="104">
        <v>0</v>
      </c>
      <c r="CO22" s="103">
        <v>0</v>
      </c>
      <c r="CP22" s="101">
        <v>0</v>
      </c>
      <c r="CQ22" s="104">
        <v>20103071</v>
      </c>
      <c r="CR22" s="104">
        <v>40367192</v>
      </c>
      <c r="CS22" s="104">
        <v>32515018</v>
      </c>
      <c r="CT22" s="104">
        <v>19616830</v>
      </c>
      <c r="CU22" s="104">
        <v>12973880</v>
      </c>
      <c r="CV22" s="103">
        <v>125575991</v>
      </c>
      <c r="CW22" s="106">
        <v>125575991</v>
      </c>
      <c r="CX22" s="100">
        <v>917821</v>
      </c>
      <c r="CY22" s="104">
        <v>3314943</v>
      </c>
      <c r="CZ22" s="103">
        <v>4232764</v>
      </c>
      <c r="DA22" s="100">
        <v>0</v>
      </c>
      <c r="DB22" s="104">
        <v>2558766</v>
      </c>
      <c r="DC22" s="104">
        <v>12597943</v>
      </c>
      <c r="DD22" s="104">
        <v>8104371</v>
      </c>
      <c r="DE22" s="104">
        <v>4952209</v>
      </c>
      <c r="DF22" s="104">
        <v>2050958</v>
      </c>
      <c r="DG22" s="103">
        <v>30264247</v>
      </c>
      <c r="DH22" s="106">
        <v>34497011</v>
      </c>
      <c r="DI22" s="100">
        <v>75216</v>
      </c>
      <c r="DJ22" s="104">
        <v>111022</v>
      </c>
      <c r="DK22" s="102">
        <v>186238</v>
      </c>
      <c r="DL22" s="101">
        <v>0</v>
      </c>
      <c r="DM22" s="104">
        <v>2362229</v>
      </c>
      <c r="DN22" s="104">
        <v>8123656</v>
      </c>
      <c r="DO22" s="104">
        <v>10706319</v>
      </c>
      <c r="DP22" s="104">
        <v>12003477</v>
      </c>
      <c r="DQ22" s="104">
        <v>4914606</v>
      </c>
      <c r="DR22" s="103">
        <v>38110287</v>
      </c>
      <c r="DS22" s="106">
        <v>38296525</v>
      </c>
      <c r="DT22" s="100">
        <v>75216</v>
      </c>
      <c r="DU22" s="104">
        <v>111022</v>
      </c>
      <c r="DV22" s="103">
        <v>186238</v>
      </c>
      <c r="DW22" s="100">
        <v>0</v>
      </c>
      <c r="DX22" s="104">
        <v>2094569</v>
      </c>
      <c r="DY22" s="104">
        <v>6817649</v>
      </c>
      <c r="DZ22" s="104">
        <v>9382504</v>
      </c>
      <c r="EA22" s="104">
        <v>11466849</v>
      </c>
      <c r="EB22" s="104">
        <v>3879545</v>
      </c>
      <c r="EC22" s="103">
        <v>33641116</v>
      </c>
      <c r="ED22" s="106">
        <v>33827354</v>
      </c>
      <c r="EE22" s="100">
        <v>0</v>
      </c>
      <c r="EF22" s="102">
        <v>0</v>
      </c>
      <c r="EG22" s="103">
        <v>0</v>
      </c>
      <c r="EH22" s="100">
        <v>0</v>
      </c>
      <c r="EI22" s="104">
        <v>267660</v>
      </c>
      <c r="EJ22" s="104">
        <v>1306007</v>
      </c>
      <c r="EK22" s="104">
        <v>1323815</v>
      </c>
      <c r="EL22" s="104">
        <v>536628</v>
      </c>
      <c r="EM22" s="104">
        <v>1035061</v>
      </c>
      <c r="EN22" s="102">
        <v>4469171</v>
      </c>
      <c r="EO22" s="106">
        <v>4469171</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06">
        <v>0</v>
      </c>
      <c r="FE22" s="104">
        <v>0</v>
      </c>
      <c r="FF22" s="104">
        <v>0</v>
      </c>
      <c r="FG22" s="104">
        <v>0</v>
      </c>
      <c r="FH22" s="104">
        <v>0</v>
      </c>
      <c r="FI22" s="104">
        <v>0</v>
      </c>
      <c r="FJ22" s="103">
        <v>0</v>
      </c>
      <c r="FK22" s="106">
        <v>0</v>
      </c>
      <c r="FL22" s="100">
        <v>1113056</v>
      </c>
      <c r="FM22" s="104">
        <v>3945079</v>
      </c>
      <c r="FN22" s="103">
        <v>5058135</v>
      </c>
      <c r="FO22" s="100">
        <v>0</v>
      </c>
      <c r="FP22" s="104">
        <v>4646928</v>
      </c>
      <c r="FQ22" s="104">
        <v>17760531</v>
      </c>
      <c r="FR22" s="104">
        <v>12356790</v>
      </c>
      <c r="FS22" s="104">
        <v>10381400</v>
      </c>
      <c r="FT22" s="104">
        <v>7511036</v>
      </c>
      <c r="FU22" s="103">
        <v>52656685</v>
      </c>
      <c r="FV22" s="106">
        <v>57714820</v>
      </c>
      <c r="FW22" s="105">
        <v>982758</v>
      </c>
      <c r="FX22" s="104">
        <v>3323608</v>
      </c>
      <c r="FY22" s="102">
        <v>4306366</v>
      </c>
      <c r="FZ22" s="101">
        <v>0</v>
      </c>
      <c r="GA22" s="104">
        <v>3240797</v>
      </c>
      <c r="GB22" s="104">
        <v>16212164</v>
      </c>
      <c r="GC22" s="104">
        <v>11591541</v>
      </c>
      <c r="GD22" s="104">
        <v>9905374</v>
      </c>
      <c r="GE22" s="104">
        <v>7463434</v>
      </c>
      <c r="GF22" s="103">
        <v>48413310</v>
      </c>
      <c r="GG22" s="290">
        <v>52719676</v>
      </c>
      <c r="GH22" s="105">
        <v>13050</v>
      </c>
      <c r="GI22" s="104">
        <v>98370</v>
      </c>
      <c r="GJ22" s="102">
        <v>111420</v>
      </c>
      <c r="GK22" s="101">
        <v>0</v>
      </c>
      <c r="GL22" s="104">
        <v>255508</v>
      </c>
      <c r="GM22" s="104">
        <v>624671</v>
      </c>
      <c r="GN22" s="104">
        <v>304263</v>
      </c>
      <c r="GO22" s="104">
        <v>203726</v>
      </c>
      <c r="GP22" s="104">
        <v>33202</v>
      </c>
      <c r="GQ22" s="103">
        <v>1421370</v>
      </c>
      <c r="GR22" s="106">
        <v>1532790</v>
      </c>
      <c r="GS22" s="100">
        <v>117248</v>
      </c>
      <c r="GT22" s="104">
        <v>523101</v>
      </c>
      <c r="GU22" s="103">
        <v>640349</v>
      </c>
      <c r="GV22" s="100">
        <v>0</v>
      </c>
      <c r="GW22" s="104">
        <v>1150623</v>
      </c>
      <c r="GX22" s="104">
        <v>923696</v>
      </c>
      <c r="GY22" s="104">
        <v>460986</v>
      </c>
      <c r="GZ22" s="104">
        <v>272300</v>
      </c>
      <c r="HA22" s="104">
        <v>14400</v>
      </c>
      <c r="HB22" s="102">
        <v>2822005</v>
      </c>
      <c r="HC22" s="106">
        <v>3462354</v>
      </c>
      <c r="HD22" s="100">
        <v>1781889</v>
      </c>
      <c r="HE22" s="104">
        <v>3206518</v>
      </c>
      <c r="HF22" s="102">
        <v>4988407</v>
      </c>
      <c r="HG22" s="101">
        <v>0</v>
      </c>
      <c r="HH22" s="104">
        <v>16699742</v>
      </c>
      <c r="HI22" s="104">
        <v>26051830</v>
      </c>
      <c r="HJ22" s="104">
        <v>20508948</v>
      </c>
      <c r="HK22" s="104">
        <v>21409903</v>
      </c>
      <c r="HL22" s="104">
        <v>17675019</v>
      </c>
      <c r="HM22" s="103">
        <v>102345442</v>
      </c>
      <c r="HN22" s="99">
        <v>107333849</v>
      </c>
      <c r="HO22" s="105">
        <v>1270446</v>
      </c>
      <c r="HP22" s="104">
        <v>2956091</v>
      </c>
      <c r="HQ22" s="103">
        <v>4226537</v>
      </c>
      <c r="HR22" s="100">
        <v>0</v>
      </c>
      <c r="HS22" s="104">
        <v>14042262</v>
      </c>
      <c r="HT22" s="104">
        <v>22938392</v>
      </c>
      <c r="HU22" s="104">
        <v>15254675</v>
      </c>
      <c r="HV22" s="104">
        <v>10517997</v>
      </c>
      <c r="HW22" s="104">
        <v>5708010</v>
      </c>
      <c r="HX22" s="102">
        <v>68461336</v>
      </c>
      <c r="HY22" s="106">
        <v>72687873</v>
      </c>
      <c r="HZ22" s="135">
        <v>38758</v>
      </c>
      <c r="IA22" s="122">
        <v>510934</v>
      </c>
      <c r="IB22" s="135">
        <v>549692</v>
      </c>
      <c r="IC22" s="121">
        <v>0</v>
      </c>
      <c r="ID22" s="122">
        <v>24871265</v>
      </c>
      <c r="IE22" s="123">
        <v>45553475</v>
      </c>
      <c r="IF22" s="124">
        <v>53793472</v>
      </c>
      <c r="IG22" s="122">
        <v>46834886</v>
      </c>
      <c r="IH22" s="124">
        <v>32444278</v>
      </c>
      <c r="II22" s="125">
        <v>203497376</v>
      </c>
      <c r="IJ22" s="135">
        <v>204047068</v>
      </c>
      <c r="IK22" s="215">
        <v>0</v>
      </c>
      <c r="IL22" s="219">
        <v>0</v>
      </c>
      <c r="IM22" s="220">
        <v>0</v>
      </c>
      <c r="IN22" s="127">
        <v>0</v>
      </c>
      <c r="IO22" s="109">
        <v>60254</v>
      </c>
      <c r="IP22" s="109">
        <v>114894</v>
      </c>
      <c r="IQ22" s="109">
        <v>571077</v>
      </c>
      <c r="IR22" s="109">
        <v>268266</v>
      </c>
      <c r="IS22" s="109">
        <v>242829</v>
      </c>
      <c r="IT22" s="128">
        <v>1257320</v>
      </c>
      <c r="IU22" s="292">
        <v>1257320</v>
      </c>
      <c r="IV22" s="129">
        <v>0</v>
      </c>
      <c r="IW22" s="109">
        <v>0</v>
      </c>
      <c r="IX22" s="110">
        <v>0</v>
      </c>
      <c r="IY22" s="443">
        <v>0</v>
      </c>
      <c r="IZ22" s="109">
        <v>0</v>
      </c>
      <c r="JA22" s="109">
        <v>0</v>
      </c>
      <c r="JB22" s="109">
        <v>0</v>
      </c>
      <c r="JC22" s="109">
        <v>0</v>
      </c>
      <c r="JD22" s="109">
        <v>0</v>
      </c>
      <c r="JE22" s="110">
        <v>0</v>
      </c>
      <c r="JF22" s="111">
        <v>0</v>
      </c>
      <c r="JG22" s="129">
        <v>0</v>
      </c>
      <c r="JH22" s="109">
        <v>0</v>
      </c>
      <c r="JI22" s="128">
        <v>0</v>
      </c>
      <c r="JJ22" s="108">
        <v>0</v>
      </c>
      <c r="JK22" s="109">
        <v>12556676</v>
      </c>
      <c r="JL22" s="109">
        <v>18620145</v>
      </c>
      <c r="JM22" s="109">
        <v>13042254</v>
      </c>
      <c r="JN22" s="109">
        <v>12730645</v>
      </c>
      <c r="JO22" s="109">
        <v>6452594</v>
      </c>
      <c r="JP22" s="110">
        <v>63402314</v>
      </c>
      <c r="JQ22" s="292">
        <v>63402314</v>
      </c>
      <c r="JR22" s="129">
        <v>38758</v>
      </c>
      <c r="JS22" s="109">
        <v>168748</v>
      </c>
      <c r="JT22" s="128">
        <v>207506</v>
      </c>
      <c r="JU22" s="108">
        <v>0</v>
      </c>
      <c r="JV22" s="109">
        <v>1704076</v>
      </c>
      <c r="JW22" s="109">
        <v>1867336</v>
      </c>
      <c r="JX22" s="109">
        <v>1509858</v>
      </c>
      <c r="JY22" s="109">
        <v>2121970</v>
      </c>
      <c r="JZ22" s="109">
        <v>639099</v>
      </c>
      <c r="KA22" s="110">
        <v>7842339</v>
      </c>
      <c r="KB22" s="292">
        <v>8049845</v>
      </c>
      <c r="KC22" s="217">
        <v>0</v>
      </c>
      <c r="KD22" s="213">
        <v>342186</v>
      </c>
      <c r="KE22" s="110">
        <v>342186</v>
      </c>
      <c r="KF22" s="108">
        <v>0</v>
      </c>
      <c r="KG22" s="109">
        <v>1594548</v>
      </c>
      <c r="KH22" s="109">
        <v>5859127</v>
      </c>
      <c r="KI22" s="109">
        <v>7965014</v>
      </c>
      <c r="KJ22" s="109">
        <v>5370028</v>
      </c>
      <c r="KK22" s="109">
        <v>4748473</v>
      </c>
      <c r="KL22" s="110">
        <v>25537190</v>
      </c>
      <c r="KM22" s="130">
        <v>25879376</v>
      </c>
      <c r="KN22" s="215">
        <v>0</v>
      </c>
      <c r="KO22" s="219">
        <v>0</v>
      </c>
      <c r="KP22" s="220">
        <v>0</v>
      </c>
      <c r="KQ22" s="443">
        <v>0</v>
      </c>
      <c r="KR22" s="109">
        <v>8955711</v>
      </c>
      <c r="KS22" s="109">
        <v>17838653</v>
      </c>
      <c r="KT22" s="109">
        <v>22566949</v>
      </c>
      <c r="KU22" s="109">
        <v>13019601</v>
      </c>
      <c r="KV22" s="109">
        <v>7024323</v>
      </c>
      <c r="KW22" s="110">
        <v>69405237</v>
      </c>
      <c r="KX22" s="292">
        <v>69405237</v>
      </c>
      <c r="KY22" s="129">
        <v>0</v>
      </c>
      <c r="KZ22" s="109">
        <v>0</v>
      </c>
      <c r="LA22" s="110">
        <v>0</v>
      </c>
      <c r="LB22" s="443">
        <v>0</v>
      </c>
      <c r="LC22" s="109">
        <v>0</v>
      </c>
      <c r="LD22" s="109">
        <v>0</v>
      </c>
      <c r="LE22" s="109">
        <v>0</v>
      </c>
      <c r="LF22" s="109">
        <v>0</v>
      </c>
      <c r="LG22" s="109">
        <v>0</v>
      </c>
      <c r="LH22" s="110">
        <v>0</v>
      </c>
      <c r="LI22" s="111">
        <v>0</v>
      </c>
      <c r="LJ22" s="129">
        <v>0</v>
      </c>
      <c r="LK22" s="109">
        <v>0</v>
      </c>
      <c r="LL22" s="110">
        <v>0</v>
      </c>
      <c r="LM22" s="443">
        <v>0</v>
      </c>
      <c r="LN22" s="109">
        <v>0</v>
      </c>
      <c r="LO22" s="109">
        <v>514404</v>
      </c>
      <c r="LP22" s="109">
        <v>7341506</v>
      </c>
      <c r="LQ22" s="109">
        <v>11956240</v>
      </c>
      <c r="LR22" s="109">
        <v>10549755</v>
      </c>
      <c r="LS22" s="110">
        <v>30361905</v>
      </c>
      <c r="LT22" s="292">
        <v>30361905</v>
      </c>
      <c r="LU22" s="129">
        <v>0</v>
      </c>
      <c r="LV22" s="109">
        <v>0</v>
      </c>
      <c r="LW22" s="110">
        <v>0</v>
      </c>
      <c r="LX22" s="443">
        <v>0</v>
      </c>
      <c r="LY22" s="109">
        <v>0</v>
      </c>
      <c r="LZ22" s="109">
        <v>738916</v>
      </c>
      <c r="MA22" s="109">
        <v>796814</v>
      </c>
      <c r="MB22" s="109">
        <v>1368136</v>
      </c>
      <c r="MC22" s="109">
        <v>2787205</v>
      </c>
      <c r="MD22" s="110">
        <v>5691071</v>
      </c>
      <c r="ME22" s="111">
        <v>5691071</v>
      </c>
      <c r="MF22" s="129">
        <v>0</v>
      </c>
      <c r="MG22" s="109">
        <v>0</v>
      </c>
      <c r="MH22" s="110">
        <v>0</v>
      </c>
      <c r="MI22" s="443">
        <v>0</v>
      </c>
      <c r="MJ22" s="109">
        <v>12030617</v>
      </c>
      <c r="MK22" s="109">
        <v>34961093</v>
      </c>
      <c r="ML22" s="109">
        <v>95104154</v>
      </c>
      <c r="MM22" s="109">
        <v>131040679</v>
      </c>
      <c r="MN22" s="109">
        <v>98010318</v>
      </c>
      <c r="MO22" s="110">
        <v>371146861</v>
      </c>
      <c r="MP22" s="130">
        <v>371146861</v>
      </c>
      <c r="MQ22" s="129">
        <v>0</v>
      </c>
      <c r="MR22" s="109">
        <v>0</v>
      </c>
      <c r="MS22" s="110">
        <v>0</v>
      </c>
      <c r="MT22" s="443">
        <v>0</v>
      </c>
      <c r="MU22" s="109">
        <v>875501</v>
      </c>
      <c r="MV22" s="109">
        <v>3421699</v>
      </c>
      <c r="MW22" s="109">
        <v>52148666</v>
      </c>
      <c r="MX22" s="109">
        <v>80527739</v>
      </c>
      <c r="MY22" s="109">
        <v>65077909</v>
      </c>
      <c r="MZ22" s="110">
        <v>202051514</v>
      </c>
      <c r="NA22" s="130">
        <v>202051514</v>
      </c>
      <c r="NB22" s="129">
        <v>0</v>
      </c>
      <c r="NC22" s="109">
        <v>0</v>
      </c>
      <c r="ND22" s="110">
        <v>0</v>
      </c>
      <c r="NE22" s="443">
        <v>0</v>
      </c>
      <c r="NF22" s="109">
        <v>11155116</v>
      </c>
      <c r="NG22" s="109">
        <v>31539394</v>
      </c>
      <c r="NH22" s="109">
        <v>42955488</v>
      </c>
      <c r="NI22" s="109">
        <v>48851367</v>
      </c>
      <c r="NJ22" s="109">
        <v>26143278</v>
      </c>
      <c r="NK22" s="110">
        <v>160644643</v>
      </c>
      <c r="NL22" s="292">
        <v>160644643</v>
      </c>
      <c r="NM22" s="129">
        <v>0</v>
      </c>
      <c r="NN22" s="109">
        <v>0</v>
      </c>
      <c r="NO22" s="110">
        <v>0</v>
      </c>
      <c r="NP22" s="443">
        <v>0</v>
      </c>
      <c r="NQ22" s="109">
        <v>0</v>
      </c>
      <c r="NR22" s="109">
        <v>0</v>
      </c>
      <c r="NS22" s="109">
        <v>0</v>
      </c>
      <c r="NT22" s="109">
        <v>329994</v>
      </c>
      <c r="NU22" s="109">
        <v>1050153</v>
      </c>
      <c r="NV22" s="110">
        <v>1380147</v>
      </c>
      <c r="NW22" s="111">
        <v>1380147</v>
      </c>
      <c r="NX22" s="129">
        <v>0</v>
      </c>
      <c r="NY22" s="109">
        <v>0</v>
      </c>
      <c r="NZ22" s="110">
        <v>0</v>
      </c>
      <c r="OA22" s="443">
        <v>0</v>
      </c>
      <c r="OB22" s="109">
        <v>0</v>
      </c>
      <c r="OC22" s="109">
        <v>0</v>
      </c>
      <c r="OD22" s="109">
        <v>0</v>
      </c>
      <c r="OE22" s="109">
        <v>1331579</v>
      </c>
      <c r="OF22" s="109">
        <v>5738978</v>
      </c>
      <c r="OG22" s="110">
        <v>7070557</v>
      </c>
      <c r="OH22" s="111">
        <v>7070557</v>
      </c>
      <c r="OI22" s="129">
        <v>6659785</v>
      </c>
      <c r="OJ22" s="109">
        <v>17602814</v>
      </c>
      <c r="OK22" s="128">
        <v>24262599</v>
      </c>
      <c r="OL22" s="108">
        <v>0</v>
      </c>
      <c r="OM22" s="109">
        <v>116565027</v>
      </c>
      <c r="ON22" s="109">
        <v>252883347</v>
      </c>
      <c r="OO22" s="109">
        <v>295727795</v>
      </c>
      <c r="OP22" s="109">
        <v>308328505</v>
      </c>
      <c r="OQ22" s="109">
        <v>226819196</v>
      </c>
      <c r="OR22" s="110">
        <v>1200323870</v>
      </c>
      <c r="OS22" s="130">
        <v>1224586469</v>
      </c>
    </row>
    <row r="23" spans="2:409" ht="21" customHeight="1" x14ac:dyDescent="0.2">
      <c r="B23" s="437" t="s">
        <v>18</v>
      </c>
      <c r="C23" s="100">
        <v>9511138</v>
      </c>
      <c r="D23" s="104">
        <v>17292465</v>
      </c>
      <c r="E23" s="103">
        <v>26803603</v>
      </c>
      <c r="F23" s="99">
        <v>0</v>
      </c>
      <c r="G23" s="104">
        <v>143594970</v>
      </c>
      <c r="H23" s="104">
        <v>169374457</v>
      </c>
      <c r="I23" s="104">
        <v>155284550</v>
      </c>
      <c r="J23" s="104">
        <v>147554167</v>
      </c>
      <c r="K23" s="104">
        <v>105848467</v>
      </c>
      <c r="L23" s="99">
        <v>721656611</v>
      </c>
      <c r="M23" s="106">
        <v>748460214</v>
      </c>
      <c r="N23" s="100">
        <v>2262212</v>
      </c>
      <c r="O23" s="104">
        <v>4616224</v>
      </c>
      <c r="P23" s="103">
        <v>6878436</v>
      </c>
      <c r="Q23" s="100">
        <v>0</v>
      </c>
      <c r="R23" s="104">
        <v>40060957</v>
      </c>
      <c r="S23" s="104">
        <v>52214797</v>
      </c>
      <c r="T23" s="104">
        <v>48789622</v>
      </c>
      <c r="U23" s="104">
        <v>59455129</v>
      </c>
      <c r="V23" s="104">
        <v>55892293</v>
      </c>
      <c r="W23" s="103">
        <v>256412798</v>
      </c>
      <c r="X23" s="106">
        <v>263291234</v>
      </c>
      <c r="Y23" s="100">
        <v>0</v>
      </c>
      <c r="Z23" s="104">
        <v>0</v>
      </c>
      <c r="AA23" s="103">
        <v>0</v>
      </c>
      <c r="AB23" s="100">
        <v>0</v>
      </c>
      <c r="AC23" s="104">
        <v>18993064</v>
      </c>
      <c r="AD23" s="104">
        <v>25693096</v>
      </c>
      <c r="AE23" s="104">
        <v>28576918</v>
      </c>
      <c r="AF23" s="104">
        <v>38521416</v>
      </c>
      <c r="AG23" s="104">
        <v>35857298</v>
      </c>
      <c r="AH23" s="103">
        <v>147641792</v>
      </c>
      <c r="AI23" s="106">
        <v>147641792</v>
      </c>
      <c r="AJ23" s="100">
        <v>11507</v>
      </c>
      <c r="AK23" s="104">
        <v>0</v>
      </c>
      <c r="AL23" s="103">
        <v>11507</v>
      </c>
      <c r="AM23" s="100">
        <v>0</v>
      </c>
      <c r="AN23" s="104">
        <v>87672</v>
      </c>
      <c r="AO23" s="104">
        <v>438682</v>
      </c>
      <c r="AP23" s="104">
        <v>771309</v>
      </c>
      <c r="AQ23" s="104">
        <v>2841436</v>
      </c>
      <c r="AR23" s="104">
        <v>5186092</v>
      </c>
      <c r="AS23" s="103">
        <v>9325191</v>
      </c>
      <c r="AT23" s="106">
        <v>9336698</v>
      </c>
      <c r="AU23" s="100">
        <v>1110240</v>
      </c>
      <c r="AV23" s="104">
        <v>3326869</v>
      </c>
      <c r="AW23" s="103">
        <v>4437109</v>
      </c>
      <c r="AX23" s="100">
        <v>0</v>
      </c>
      <c r="AY23" s="104">
        <v>12237538</v>
      </c>
      <c r="AZ23" s="104">
        <v>14942924</v>
      </c>
      <c r="BA23" s="104">
        <v>9966417</v>
      </c>
      <c r="BB23" s="104">
        <v>9458494</v>
      </c>
      <c r="BC23" s="104">
        <v>8469082</v>
      </c>
      <c r="BD23" s="103">
        <v>55074455</v>
      </c>
      <c r="BE23" s="106">
        <v>59511564</v>
      </c>
      <c r="BF23" s="100">
        <v>232497</v>
      </c>
      <c r="BG23" s="104">
        <v>488505</v>
      </c>
      <c r="BH23" s="102">
        <v>721002</v>
      </c>
      <c r="BI23" s="101">
        <v>0</v>
      </c>
      <c r="BJ23" s="104">
        <v>1773735</v>
      </c>
      <c r="BK23" s="104">
        <v>2567826</v>
      </c>
      <c r="BL23" s="104">
        <v>1709621</v>
      </c>
      <c r="BM23" s="104">
        <v>878924</v>
      </c>
      <c r="BN23" s="104">
        <v>693352</v>
      </c>
      <c r="BO23" s="103">
        <v>7623458</v>
      </c>
      <c r="BP23" s="106">
        <v>8344460</v>
      </c>
      <c r="BQ23" s="100">
        <v>907968</v>
      </c>
      <c r="BR23" s="104">
        <v>800850</v>
      </c>
      <c r="BS23" s="103">
        <v>1708818</v>
      </c>
      <c r="BT23" s="100">
        <v>0</v>
      </c>
      <c r="BU23" s="104">
        <v>6968948</v>
      </c>
      <c r="BV23" s="104">
        <v>8572269</v>
      </c>
      <c r="BW23" s="104">
        <v>7765357</v>
      </c>
      <c r="BX23" s="104">
        <v>7754859</v>
      </c>
      <c r="BY23" s="104">
        <v>5686469</v>
      </c>
      <c r="BZ23" s="103">
        <v>36747902</v>
      </c>
      <c r="CA23" s="106">
        <v>38456720</v>
      </c>
      <c r="CB23" s="100">
        <v>1698074</v>
      </c>
      <c r="CC23" s="104">
        <v>4558293</v>
      </c>
      <c r="CD23" s="103">
        <v>6256367</v>
      </c>
      <c r="CE23" s="100">
        <v>0</v>
      </c>
      <c r="CF23" s="104">
        <v>46095551</v>
      </c>
      <c r="CG23" s="104">
        <v>50844089</v>
      </c>
      <c r="CH23" s="104">
        <v>43688504</v>
      </c>
      <c r="CI23" s="104">
        <v>28494058</v>
      </c>
      <c r="CJ23" s="104">
        <v>12826118</v>
      </c>
      <c r="CK23" s="103">
        <v>181948320</v>
      </c>
      <c r="CL23" s="106">
        <v>188204687</v>
      </c>
      <c r="CM23" s="100">
        <v>0</v>
      </c>
      <c r="CN23" s="104">
        <v>0</v>
      </c>
      <c r="CO23" s="103">
        <v>0</v>
      </c>
      <c r="CP23" s="101">
        <v>0</v>
      </c>
      <c r="CQ23" s="104">
        <v>37425237</v>
      </c>
      <c r="CR23" s="104">
        <v>40170569</v>
      </c>
      <c r="CS23" s="104">
        <v>34507754</v>
      </c>
      <c r="CT23" s="104">
        <v>23189773</v>
      </c>
      <c r="CU23" s="104">
        <v>10339063</v>
      </c>
      <c r="CV23" s="103">
        <v>145632396</v>
      </c>
      <c r="CW23" s="106">
        <v>145632396</v>
      </c>
      <c r="CX23" s="100">
        <v>1698074</v>
      </c>
      <c r="CY23" s="104">
        <v>4558293</v>
      </c>
      <c r="CZ23" s="103">
        <v>6256367</v>
      </c>
      <c r="DA23" s="100">
        <v>0</v>
      </c>
      <c r="DB23" s="104">
        <v>8670314</v>
      </c>
      <c r="DC23" s="104">
        <v>10673520</v>
      </c>
      <c r="DD23" s="104">
        <v>9180750</v>
      </c>
      <c r="DE23" s="104">
        <v>5304285</v>
      </c>
      <c r="DF23" s="104">
        <v>2487055</v>
      </c>
      <c r="DG23" s="103">
        <v>36315924</v>
      </c>
      <c r="DH23" s="106">
        <v>42572291</v>
      </c>
      <c r="DI23" s="100">
        <v>48296</v>
      </c>
      <c r="DJ23" s="104">
        <v>329297</v>
      </c>
      <c r="DK23" s="102">
        <v>377593</v>
      </c>
      <c r="DL23" s="101">
        <v>0</v>
      </c>
      <c r="DM23" s="104">
        <v>3567080</v>
      </c>
      <c r="DN23" s="104">
        <v>9650485</v>
      </c>
      <c r="DO23" s="104">
        <v>15880246</v>
      </c>
      <c r="DP23" s="104">
        <v>14994418</v>
      </c>
      <c r="DQ23" s="104">
        <v>6527723</v>
      </c>
      <c r="DR23" s="103">
        <v>50619952</v>
      </c>
      <c r="DS23" s="106">
        <v>50997545</v>
      </c>
      <c r="DT23" s="100">
        <v>27508</v>
      </c>
      <c r="DU23" s="104">
        <v>329297</v>
      </c>
      <c r="DV23" s="103">
        <v>356805</v>
      </c>
      <c r="DW23" s="100">
        <v>0</v>
      </c>
      <c r="DX23" s="104">
        <v>3480830</v>
      </c>
      <c r="DY23" s="104">
        <v>9335432</v>
      </c>
      <c r="DZ23" s="104">
        <v>15221864</v>
      </c>
      <c r="EA23" s="104">
        <v>14868928</v>
      </c>
      <c r="EB23" s="104">
        <v>6433881</v>
      </c>
      <c r="EC23" s="103">
        <v>49340935</v>
      </c>
      <c r="ED23" s="106">
        <v>49697740</v>
      </c>
      <c r="EE23" s="100">
        <v>20788</v>
      </c>
      <c r="EF23" s="102">
        <v>0</v>
      </c>
      <c r="EG23" s="103">
        <v>20788</v>
      </c>
      <c r="EH23" s="100">
        <v>0</v>
      </c>
      <c r="EI23" s="104">
        <v>86250</v>
      </c>
      <c r="EJ23" s="104">
        <v>315053</v>
      </c>
      <c r="EK23" s="104">
        <v>658382</v>
      </c>
      <c r="EL23" s="104">
        <v>125490</v>
      </c>
      <c r="EM23" s="104">
        <v>93842</v>
      </c>
      <c r="EN23" s="102">
        <v>1279017</v>
      </c>
      <c r="EO23" s="106">
        <v>1299805</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06">
        <v>0</v>
      </c>
      <c r="FE23" s="104">
        <v>0</v>
      </c>
      <c r="FF23" s="104">
        <v>0</v>
      </c>
      <c r="FG23" s="104">
        <v>0</v>
      </c>
      <c r="FH23" s="104">
        <v>0</v>
      </c>
      <c r="FI23" s="104">
        <v>0</v>
      </c>
      <c r="FJ23" s="103">
        <v>0</v>
      </c>
      <c r="FK23" s="106">
        <v>0</v>
      </c>
      <c r="FL23" s="100">
        <v>1870513</v>
      </c>
      <c r="FM23" s="104">
        <v>3341016</v>
      </c>
      <c r="FN23" s="103">
        <v>5211529</v>
      </c>
      <c r="FO23" s="100">
        <v>0</v>
      </c>
      <c r="FP23" s="104">
        <v>6473749</v>
      </c>
      <c r="FQ23" s="104">
        <v>13267397</v>
      </c>
      <c r="FR23" s="104">
        <v>9912889</v>
      </c>
      <c r="FS23" s="104">
        <v>9512717</v>
      </c>
      <c r="FT23" s="104">
        <v>7152448</v>
      </c>
      <c r="FU23" s="103">
        <v>46319200</v>
      </c>
      <c r="FV23" s="106">
        <v>51530729</v>
      </c>
      <c r="FW23" s="105">
        <v>1012448</v>
      </c>
      <c r="FX23" s="104">
        <v>2995416</v>
      </c>
      <c r="FY23" s="102">
        <v>4007864</v>
      </c>
      <c r="FZ23" s="101">
        <v>0</v>
      </c>
      <c r="GA23" s="104">
        <v>5535151</v>
      </c>
      <c r="GB23" s="104">
        <v>12634085</v>
      </c>
      <c r="GC23" s="104">
        <v>9362788</v>
      </c>
      <c r="GD23" s="104">
        <v>9225050</v>
      </c>
      <c r="GE23" s="104">
        <v>7152448</v>
      </c>
      <c r="GF23" s="103">
        <v>43909522</v>
      </c>
      <c r="GG23" s="290">
        <v>47917386</v>
      </c>
      <c r="GH23" s="105">
        <v>147915</v>
      </c>
      <c r="GI23" s="104">
        <v>110700</v>
      </c>
      <c r="GJ23" s="102">
        <v>258615</v>
      </c>
      <c r="GK23" s="101">
        <v>0</v>
      </c>
      <c r="GL23" s="104">
        <v>234528</v>
      </c>
      <c r="GM23" s="104">
        <v>226782</v>
      </c>
      <c r="GN23" s="104">
        <v>238181</v>
      </c>
      <c r="GO23" s="104">
        <v>68922</v>
      </c>
      <c r="GP23" s="104">
        <v>0</v>
      </c>
      <c r="GQ23" s="103">
        <v>768413</v>
      </c>
      <c r="GR23" s="106">
        <v>1027028</v>
      </c>
      <c r="GS23" s="100">
        <v>710150</v>
      </c>
      <c r="GT23" s="104">
        <v>234900</v>
      </c>
      <c r="GU23" s="103">
        <v>945050</v>
      </c>
      <c r="GV23" s="100">
        <v>0</v>
      </c>
      <c r="GW23" s="104">
        <v>704070</v>
      </c>
      <c r="GX23" s="104">
        <v>406530</v>
      </c>
      <c r="GY23" s="104">
        <v>311920</v>
      </c>
      <c r="GZ23" s="104">
        <v>218745</v>
      </c>
      <c r="HA23" s="104">
        <v>0</v>
      </c>
      <c r="HB23" s="102">
        <v>1641265</v>
      </c>
      <c r="HC23" s="106">
        <v>2586315</v>
      </c>
      <c r="HD23" s="100">
        <v>1989680</v>
      </c>
      <c r="HE23" s="104">
        <v>1219471</v>
      </c>
      <c r="HF23" s="102">
        <v>3209151</v>
      </c>
      <c r="HG23" s="101">
        <v>0</v>
      </c>
      <c r="HH23" s="104">
        <v>23187020</v>
      </c>
      <c r="HI23" s="104">
        <v>22237124</v>
      </c>
      <c r="HJ23" s="104">
        <v>22378220</v>
      </c>
      <c r="HK23" s="104">
        <v>24476802</v>
      </c>
      <c r="HL23" s="104">
        <v>17532974</v>
      </c>
      <c r="HM23" s="103">
        <v>109812140</v>
      </c>
      <c r="HN23" s="99">
        <v>113021291</v>
      </c>
      <c r="HO23" s="105">
        <v>1642363</v>
      </c>
      <c r="HP23" s="104">
        <v>3228164</v>
      </c>
      <c r="HQ23" s="103">
        <v>4870527</v>
      </c>
      <c r="HR23" s="100">
        <v>0</v>
      </c>
      <c r="HS23" s="104">
        <v>24210613</v>
      </c>
      <c r="HT23" s="104">
        <v>21160565</v>
      </c>
      <c r="HU23" s="104">
        <v>14635069</v>
      </c>
      <c r="HV23" s="104">
        <v>10621043</v>
      </c>
      <c r="HW23" s="104">
        <v>5916911</v>
      </c>
      <c r="HX23" s="102">
        <v>76544201</v>
      </c>
      <c r="HY23" s="106">
        <v>81414728</v>
      </c>
      <c r="HZ23" s="118">
        <v>297068</v>
      </c>
      <c r="IA23" s="119">
        <v>1889138</v>
      </c>
      <c r="IB23" s="120">
        <v>2186206</v>
      </c>
      <c r="IC23" s="131">
        <v>0</v>
      </c>
      <c r="ID23" s="119">
        <v>34979116</v>
      </c>
      <c r="IE23" s="132">
        <v>44390667</v>
      </c>
      <c r="IF23" s="120">
        <v>58876700</v>
      </c>
      <c r="IG23" s="119">
        <v>39676599</v>
      </c>
      <c r="IH23" s="120">
        <v>22989150</v>
      </c>
      <c r="II23" s="133">
        <v>200912232</v>
      </c>
      <c r="IJ23" s="126">
        <v>203098438</v>
      </c>
      <c r="IK23" s="215">
        <v>0</v>
      </c>
      <c r="IL23" s="219">
        <v>0</v>
      </c>
      <c r="IM23" s="220">
        <v>0</v>
      </c>
      <c r="IN23" s="127">
        <v>0</v>
      </c>
      <c r="IO23" s="109">
        <v>366843</v>
      </c>
      <c r="IP23" s="109">
        <v>470517</v>
      </c>
      <c r="IQ23" s="109">
        <v>0</v>
      </c>
      <c r="IR23" s="109">
        <v>0</v>
      </c>
      <c r="IS23" s="109">
        <v>1972474</v>
      </c>
      <c r="IT23" s="128">
        <v>2809834</v>
      </c>
      <c r="IU23" s="292">
        <v>2809834</v>
      </c>
      <c r="IV23" s="129">
        <v>0</v>
      </c>
      <c r="IW23" s="109">
        <v>0</v>
      </c>
      <c r="IX23" s="110">
        <v>0</v>
      </c>
      <c r="IY23" s="443">
        <v>0</v>
      </c>
      <c r="IZ23" s="109">
        <v>0</v>
      </c>
      <c r="JA23" s="109">
        <v>0</v>
      </c>
      <c r="JB23" s="109">
        <v>0</v>
      </c>
      <c r="JC23" s="109">
        <v>125940</v>
      </c>
      <c r="JD23" s="109">
        <v>0</v>
      </c>
      <c r="JE23" s="110">
        <v>125940</v>
      </c>
      <c r="JF23" s="111">
        <v>125940</v>
      </c>
      <c r="JG23" s="129">
        <v>0</v>
      </c>
      <c r="JH23" s="109">
        <v>0</v>
      </c>
      <c r="JI23" s="128">
        <v>0</v>
      </c>
      <c r="JJ23" s="108">
        <v>0</v>
      </c>
      <c r="JK23" s="109">
        <v>12435549</v>
      </c>
      <c r="JL23" s="109">
        <v>10056582</v>
      </c>
      <c r="JM23" s="109">
        <v>8751688</v>
      </c>
      <c r="JN23" s="109">
        <v>4175028</v>
      </c>
      <c r="JO23" s="109">
        <v>1974921</v>
      </c>
      <c r="JP23" s="110">
        <v>37393768</v>
      </c>
      <c r="JQ23" s="292">
        <v>37393768</v>
      </c>
      <c r="JR23" s="129">
        <v>0</v>
      </c>
      <c r="JS23" s="109">
        <v>0</v>
      </c>
      <c r="JT23" s="128">
        <v>0</v>
      </c>
      <c r="JU23" s="108">
        <v>0</v>
      </c>
      <c r="JV23" s="109">
        <v>1069382</v>
      </c>
      <c r="JW23" s="109">
        <v>740370</v>
      </c>
      <c r="JX23" s="109">
        <v>3360961</v>
      </c>
      <c r="JY23" s="109">
        <v>1335251</v>
      </c>
      <c r="JZ23" s="109">
        <v>940569</v>
      </c>
      <c r="KA23" s="110">
        <v>7446533</v>
      </c>
      <c r="KB23" s="292">
        <v>7446533</v>
      </c>
      <c r="KC23" s="217">
        <v>297068</v>
      </c>
      <c r="KD23" s="213">
        <v>1383301</v>
      </c>
      <c r="KE23" s="110">
        <v>1680369</v>
      </c>
      <c r="KF23" s="108">
        <v>0</v>
      </c>
      <c r="KG23" s="109">
        <v>6398934</v>
      </c>
      <c r="KH23" s="109">
        <v>8625481</v>
      </c>
      <c r="KI23" s="109">
        <v>13237529</v>
      </c>
      <c r="KJ23" s="109">
        <v>4337925</v>
      </c>
      <c r="KK23" s="109">
        <v>2280485</v>
      </c>
      <c r="KL23" s="110">
        <v>34880354</v>
      </c>
      <c r="KM23" s="130">
        <v>36560723</v>
      </c>
      <c r="KN23" s="215">
        <v>0</v>
      </c>
      <c r="KO23" s="219">
        <v>505837</v>
      </c>
      <c r="KP23" s="220">
        <v>505837</v>
      </c>
      <c r="KQ23" s="443">
        <v>0</v>
      </c>
      <c r="KR23" s="109">
        <v>13669905</v>
      </c>
      <c r="KS23" s="109">
        <v>21498259</v>
      </c>
      <c r="KT23" s="109">
        <v>27069146</v>
      </c>
      <c r="KU23" s="109">
        <v>16523082</v>
      </c>
      <c r="KV23" s="109">
        <v>5343024</v>
      </c>
      <c r="KW23" s="110">
        <v>84103416</v>
      </c>
      <c r="KX23" s="292">
        <v>84609253</v>
      </c>
      <c r="KY23" s="129">
        <v>0</v>
      </c>
      <c r="KZ23" s="109">
        <v>0</v>
      </c>
      <c r="LA23" s="110">
        <v>0</v>
      </c>
      <c r="LB23" s="443">
        <v>0</v>
      </c>
      <c r="LC23" s="109">
        <v>0</v>
      </c>
      <c r="LD23" s="109">
        <v>0</v>
      </c>
      <c r="LE23" s="109">
        <v>0</v>
      </c>
      <c r="LF23" s="109">
        <v>0</v>
      </c>
      <c r="LG23" s="109">
        <v>0</v>
      </c>
      <c r="LH23" s="110">
        <v>0</v>
      </c>
      <c r="LI23" s="111">
        <v>0</v>
      </c>
      <c r="LJ23" s="129">
        <v>0</v>
      </c>
      <c r="LK23" s="109">
        <v>0</v>
      </c>
      <c r="LL23" s="110">
        <v>0</v>
      </c>
      <c r="LM23" s="443">
        <v>0</v>
      </c>
      <c r="LN23" s="109">
        <v>0</v>
      </c>
      <c r="LO23" s="109">
        <v>548272</v>
      </c>
      <c r="LP23" s="109">
        <v>1608851</v>
      </c>
      <c r="LQ23" s="109">
        <v>4263323</v>
      </c>
      <c r="LR23" s="109">
        <v>1642237</v>
      </c>
      <c r="LS23" s="110">
        <v>8062683</v>
      </c>
      <c r="LT23" s="292">
        <v>8062683</v>
      </c>
      <c r="LU23" s="129">
        <v>0</v>
      </c>
      <c r="LV23" s="109">
        <v>0</v>
      </c>
      <c r="LW23" s="110">
        <v>0</v>
      </c>
      <c r="LX23" s="443">
        <v>0</v>
      </c>
      <c r="LY23" s="109">
        <v>1038503</v>
      </c>
      <c r="LZ23" s="109">
        <v>2451186</v>
      </c>
      <c r="MA23" s="109">
        <v>4848525</v>
      </c>
      <c r="MB23" s="109">
        <v>8916050</v>
      </c>
      <c r="MC23" s="109">
        <v>8835440</v>
      </c>
      <c r="MD23" s="110">
        <v>26089704</v>
      </c>
      <c r="ME23" s="111">
        <v>26089704</v>
      </c>
      <c r="MF23" s="129">
        <v>0</v>
      </c>
      <c r="MG23" s="109">
        <v>0</v>
      </c>
      <c r="MH23" s="110">
        <v>0</v>
      </c>
      <c r="MI23" s="443">
        <v>0</v>
      </c>
      <c r="MJ23" s="109">
        <v>7718901</v>
      </c>
      <c r="MK23" s="109">
        <v>23145981</v>
      </c>
      <c r="ML23" s="109">
        <v>87930667</v>
      </c>
      <c r="MM23" s="109">
        <v>154704085</v>
      </c>
      <c r="MN23" s="109">
        <v>108786705</v>
      </c>
      <c r="MO23" s="110">
        <v>382286339</v>
      </c>
      <c r="MP23" s="130">
        <v>382286339</v>
      </c>
      <c r="MQ23" s="129">
        <v>0</v>
      </c>
      <c r="MR23" s="109">
        <v>0</v>
      </c>
      <c r="MS23" s="110">
        <v>0</v>
      </c>
      <c r="MT23" s="443">
        <v>0</v>
      </c>
      <c r="MU23" s="109">
        <v>1294237</v>
      </c>
      <c r="MV23" s="109">
        <v>2980728</v>
      </c>
      <c r="MW23" s="109">
        <v>50684737</v>
      </c>
      <c r="MX23" s="109">
        <v>112851651</v>
      </c>
      <c r="MY23" s="109">
        <v>76596173</v>
      </c>
      <c r="MZ23" s="110">
        <v>244407526</v>
      </c>
      <c r="NA23" s="130">
        <v>244407526</v>
      </c>
      <c r="NB23" s="129">
        <v>0</v>
      </c>
      <c r="NC23" s="109">
        <v>0</v>
      </c>
      <c r="ND23" s="110">
        <v>0</v>
      </c>
      <c r="NE23" s="443">
        <v>0</v>
      </c>
      <c r="NF23" s="109">
        <v>6424664</v>
      </c>
      <c r="NG23" s="109">
        <v>20165253</v>
      </c>
      <c r="NH23" s="109">
        <v>36780003</v>
      </c>
      <c r="NI23" s="109">
        <v>36188303</v>
      </c>
      <c r="NJ23" s="109">
        <v>25126664</v>
      </c>
      <c r="NK23" s="110">
        <v>124684887</v>
      </c>
      <c r="NL23" s="292">
        <v>124684887</v>
      </c>
      <c r="NM23" s="129">
        <v>0</v>
      </c>
      <c r="NN23" s="109">
        <v>0</v>
      </c>
      <c r="NO23" s="110">
        <v>0</v>
      </c>
      <c r="NP23" s="443">
        <v>0</v>
      </c>
      <c r="NQ23" s="109">
        <v>0</v>
      </c>
      <c r="NR23" s="109">
        <v>0</v>
      </c>
      <c r="NS23" s="109">
        <v>0</v>
      </c>
      <c r="NT23" s="109">
        <v>314424</v>
      </c>
      <c r="NU23" s="109">
        <v>0</v>
      </c>
      <c r="NV23" s="110">
        <v>314424</v>
      </c>
      <c r="NW23" s="111">
        <v>314424</v>
      </c>
      <c r="NX23" s="129">
        <v>0</v>
      </c>
      <c r="NY23" s="109">
        <v>0</v>
      </c>
      <c r="NZ23" s="110">
        <v>0</v>
      </c>
      <c r="OA23" s="443">
        <v>0</v>
      </c>
      <c r="OB23" s="109">
        <v>0</v>
      </c>
      <c r="OC23" s="109">
        <v>0</v>
      </c>
      <c r="OD23" s="109">
        <v>465927</v>
      </c>
      <c r="OE23" s="109">
        <v>5349707</v>
      </c>
      <c r="OF23" s="109">
        <v>7063868</v>
      </c>
      <c r="OG23" s="110">
        <v>12879502</v>
      </c>
      <c r="OH23" s="111">
        <v>12879502</v>
      </c>
      <c r="OI23" s="129">
        <v>9808206</v>
      </c>
      <c r="OJ23" s="109">
        <v>19181603</v>
      </c>
      <c r="OK23" s="128">
        <v>28989809</v>
      </c>
      <c r="OL23" s="108">
        <v>0</v>
      </c>
      <c r="OM23" s="109">
        <v>186292987</v>
      </c>
      <c r="ON23" s="109">
        <v>236911105</v>
      </c>
      <c r="OO23" s="109">
        <v>302091917</v>
      </c>
      <c r="OP23" s="109">
        <v>341934851</v>
      </c>
      <c r="OQ23" s="109">
        <v>237624322</v>
      </c>
      <c r="OR23" s="110">
        <v>1304855182</v>
      </c>
      <c r="OS23" s="130">
        <v>1333844991</v>
      </c>
    </row>
    <row r="24" spans="2:409" ht="21" customHeight="1" x14ac:dyDescent="0.2">
      <c r="B24" s="437" t="s">
        <v>19</v>
      </c>
      <c r="C24" s="100">
        <v>5456347</v>
      </c>
      <c r="D24" s="104">
        <v>10466270</v>
      </c>
      <c r="E24" s="103">
        <v>15922617</v>
      </c>
      <c r="F24" s="99">
        <v>0</v>
      </c>
      <c r="G24" s="104">
        <v>63666335</v>
      </c>
      <c r="H24" s="104">
        <v>70886525</v>
      </c>
      <c r="I24" s="104">
        <v>64999592</v>
      </c>
      <c r="J24" s="104">
        <v>49133057</v>
      </c>
      <c r="K24" s="104">
        <v>42022482</v>
      </c>
      <c r="L24" s="99">
        <v>290707991</v>
      </c>
      <c r="M24" s="106">
        <v>306630608</v>
      </c>
      <c r="N24" s="100">
        <v>1461088</v>
      </c>
      <c r="O24" s="104">
        <v>2015951</v>
      </c>
      <c r="P24" s="103">
        <v>3477039</v>
      </c>
      <c r="Q24" s="100">
        <v>0</v>
      </c>
      <c r="R24" s="104">
        <v>17167159</v>
      </c>
      <c r="S24" s="104">
        <v>17510471</v>
      </c>
      <c r="T24" s="104">
        <v>19186419</v>
      </c>
      <c r="U24" s="104">
        <v>17472205</v>
      </c>
      <c r="V24" s="104">
        <v>18711636</v>
      </c>
      <c r="W24" s="103">
        <v>90047890</v>
      </c>
      <c r="X24" s="106">
        <v>93524929</v>
      </c>
      <c r="Y24" s="100">
        <v>0</v>
      </c>
      <c r="Z24" s="104">
        <v>0</v>
      </c>
      <c r="AA24" s="103">
        <v>0</v>
      </c>
      <c r="AB24" s="100">
        <v>0</v>
      </c>
      <c r="AC24" s="104">
        <v>6827379</v>
      </c>
      <c r="AD24" s="104">
        <v>7664415</v>
      </c>
      <c r="AE24" s="104">
        <v>10156008</v>
      </c>
      <c r="AF24" s="104">
        <v>9368007</v>
      </c>
      <c r="AG24" s="104">
        <v>10447220</v>
      </c>
      <c r="AH24" s="103">
        <v>44463029</v>
      </c>
      <c r="AI24" s="106">
        <v>44463029</v>
      </c>
      <c r="AJ24" s="100">
        <v>0</v>
      </c>
      <c r="AK24" s="104">
        <v>0</v>
      </c>
      <c r="AL24" s="103">
        <v>0</v>
      </c>
      <c r="AM24" s="100">
        <v>0</v>
      </c>
      <c r="AN24" s="104">
        <v>207415</v>
      </c>
      <c r="AO24" s="104">
        <v>284576</v>
      </c>
      <c r="AP24" s="104">
        <v>568311</v>
      </c>
      <c r="AQ24" s="104">
        <v>900031</v>
      </c>
      <c r="AR24" s="104">
        <v>1628538</v>
      </c>
      <c r="AS24" s="103">
        <v>3588871</v>
      </c>
      <c r="AT24" s="106">
        <v>3588871</v>
      </c>
      <c r="AU24" s="100">
        <v>869169</v>
      </c>
      <c r="AV24" s="104">
        <v>1461544</v>
      </c>
      <c r="AW24" s="103">
        <v>2330713</v>
      </c>
      <c r="AX24" s="100">
        <v>0</v>
      </c>
      <c r="AY24" s="104">
        <v>6962747</v>
      </c>
      <c r="AZ24" s="104">
        <v>5892282</v>
      </c>
      <c r="BA24" s="104">
        <v>5077954</v>
      </c>
      <c r="BB24" s="104">
        <v>4178501</v>
      </c>
      <c r="BC24" s="104">
        <v>4325210</v>
      </c>
      <c r="BD24" s="103">
        <v>26436694</v>
      </c>
      <c r="BE24" s="106">
        <v>28767407</v>
      </c>
      <c r="BF24" s="100">
        <v>72084</v>
      </c>
      <c r="BG24" s="104">
        <v>122488</v>
      </c>
      <c r="BH24" s="102">
        <v>194572</v>
      </c>
      <c r="BI24" s="101">
        <v>0</v>
      </c>
      <c r="BJ24" s="104">
        <v>671400</v>
      </c>
      <c r="BK24" s="104">
        <v>481192</v>
      </c>
      <c r="BL24" s="104">
        <v>374685</v>
      </c>
      <c r="BM24" s="104">
        <v>404861</v>
      </c>
      <c r="BN24" s="104">
        <v>101194</v>
      </c>
      <c r="BO24" s="103">
        <v>2033332</v>
      </c>
      <c r="BP24" s="106">
        <v>2227904</v>
      </c>
      <c r="BQ24" s="100">
        <v>519835</v>
      </c>
      <c r="BR24" s="104">
        <v>431919</v>
      </c>
      <c r="BS24" s="103">
        <v>951754</v>
      </c>
      <c r="BT24" s="100">
        <v>0</v>
      </c>
      <c r="BU24" s="104">
        <v>2498218</v>
      </c>
      <c r="BV24" s="104">
        <v>3188006</v>
      </c>
      <c r="BW24" s="104">
        <v>3009461</v>
      </c>
      <c r="BX24" s="104">
        <v>2620805</v>
      </c>
      <c r="BY24" s="104">
        <v>2209474</v>
      </c>
      <c r="BZ24" s="103">
        <v>13525964</v>
      </c>
      <c r="CA24" s="106">
        <v>14477718</v>
      </c>
      <c r="CB24" s="100">
        <v>852743</v>
      </c>
      <c r="CC24" s="104">
        <v>2901230</v>
      </c>
      <c r="CD24" s="103">
        <v>3753973</v>
      </c>
      <c r="CE24" s="100">
        <v>0</v>
      </c>
      <c r="CF24" s="104">
        <v>19919741</v>
      </c>
      <c r="CG24" s="104">
        <v>24609351</v>
      </c>
      <c r="CH24" s="104">
        <v>17227467</v>
      </c>
      <c r="CI24" s="104">
        <v>8651473</v>
      </c>
      <c r="CJ24" s="104">
        <v>6648452</v>
      </c>
      <c r="CK24" s="103">
        <v>77056484</v>
      </c>
      <c r="CL24" s="106">
        <v>80810457</v>
      </c>
      <c r="CM24" s="100">
        <v>0</v>
      </c>
      <c r="CN24" s="104">
        <v>0</v>
      </c>
      <c r="CO24" s="103">
        <v>0</v>
      </c>
      <c r="CP24" s="101">
        <v>0</v>
      </c>
      <c r="CQ24" s="104">
        <v>14628618</v>
      </c>
      <c r="CR24" s="104">
        <v>18465138</v>
      </c>
      <c r="CS24" s="104">
        <v>12510877</v>
      </c>
      <c r="CT24" s="104">
        <v>6232438</v>
      </c>
      <c r="CU24" s="104">
        <v>5166206</v>
      </c>
      <c r="CV24" s="103">
        <v>57003277</v>
      </c>
      <c r="CW24" s="106">
        <v>57003277</v>
      </c>
      <c r="CX24" s="100">
        <v>852743</v>
      </c>
      <c r="CY24" s="104">
        <v>2901230</v>
      </c>
      <c r="CZ24" s="103">
        <v>3753973</v>
      </c>
      <c r="DA24" s="100">
        <v>0</v>
      </c>
      <c r="DB24" s="104">
        <v>5291123</v>
      </c>
      <c r="DC24" s="104">
        <v>6144213</v>
      </c>
      <c r="DD24" s="104">
        <v>4716590</v>
      </c>
      <c r="DE24" s="104">
        <v>2419035</v>
      </c>
      <c r="DF24" s="104">
        <v>1482246</v>
      </c>
      <c r="DG24" s="103">
        <v>20053207</v>
      </c>
      <c r="DH24" s="106">
        <v>23807180</v>
      </c>
      <c r="DI24" s="100">
        <v>0</v>
      </c>
      <c r="DJ24" s="104">
        <v>123252</v>
      </c>
      <c r="DK24" s="102">
        <v>123252</v>
      </c>
      <c r="DL24" s="101">
        <v>0</v>
      </c>
      <c r="DM24" s="104">
        <v>1093848</v>
      </c>
      <c r="DN24" s="104">
        <v>3756957</v>
      </c>
      <c r="DO24" s="104">
        <v>5605760</v>
      </c>
      <c r="DP24" s="104">
        <v>4187530</v>
      </c>
      <c r="DQ24" s="104">
        <v>1604903</v>
      </c>
      <c r="DR24" s="103">
        <v>16248998</v>
      </c>
      <c r="DS24" s="106">
        <v>16372250</v>
      </c>
      <c r="DT24" s="100">
        <v>0</v>
      </c>
      <c r="DU24" s="104">
        <v>123252</v>
      </c>
      <c r="DV24" s="103">
        <v>123252</v>
      </c>
      <c r="DW24" s="100">
        <v>0</v>
      </c>
      <c r="DX24" s="104">
        <v>856380</v>
      </c>
      <c r="DY24" s="104">
        <v>3172495</v>
      </c>
      <c r="DZ24" s="104">
        <v>4663676</v>
      </c>
      <c r="EA24" s="104">
        <v>2853326</v>
      </c>
      <c r="EB24" s="104">
        <v>1372469</v>
      </c>
      <c r="EC24" s="103">
        <v>12918346</v>
      </c>
      <c r="ED24" s="106">
        <v>13041598</v>
      </c>
      <c r="EE24" s="100">
        <v>0</v>
      </c>
      <c r="EF24" s="102">
        <v>0</v>
      </c>
      <c r="EG24" s="103">
        <v>0</v>
      </c>
      <c r="EH24" s="100">
        <v>0</v>
      </c>
      <c r="EI24" s="104">
        <v>237468</v>
      </c>
      <c r="EJ24" s="104">
        <v>584462</v>
      </c>
      <c r="EK24" s="104">
        <v>942084</v>
      </c>
      <c r="EL24" s="104">
        <v>1334204</v>
      </c>
      <c r="EM24" s="104">
        <v>232434</v>
      </c>
      <c r="EN24" s="102">
        <v>3330652</v>
      </c>
      <c r="EO24" s="106">
        <v>3330652</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06">
        <v>0</v>
      </c>
      <c r="FE24" s="104">
        <v>0</v>
      </c>
      <c r="FF24" s="104">
        <v>0</v>
      </c>
      <c r="FG24" s="104">
        <v>0</v>
      </c>
      <c r="FH24" s="104">
        <v>0</v>
      </c>
      <c r="FI24" s="104">
        <v>0</v>
      </c>
      <c r="FJ24" s="103">
        <v>0</v>
      </c>
      <c r="FK24" s="106">
        <v>0</v>
      </c>
      <c r="FL24" s="100">
        <v>1140941</v>
      </c>
      <c r="FM24" s="104">
        <v>2178643</v>
      </c>
      <c r="FN24" s="103">
        <v>3319584</v>
      </c>
      <c r="FO24" s="100">
        <v>0</v>
      </c>
      <c r="FP24" s="104">
        <v>3778618</v>
      </c>
      <c r="FQ24" s="104">
        <v>6281969</v>
      </c>
      <c r="FR24" s="104">
        <v>5039734</v>
      </c>
      <c r="FS24" s="104">
        <v>4491459</v>
      </c>
      <c r="FT24" s="104">
        <v>3358004</v>
      </c>
      <c r="FU24" s="103">
        <v>22949784</v>
      </c>
      <c r="FV24" s="106">
        <v>26269368</v>
      </c>
      <c r="FW24" s="105">
        <v>893049</v>
      </c>
      <c r="FX24" s="104">
        <v>1562149</v>
      </c>
      <c r="FY24" s="102">
        <v>2455198</v>
      </c>
      <c r="FZ24" s="101">
        <v>0</v>
      </c>
      <c r="GA24" s="104">
        <v>3438933</v>
      </c>
      <c r="GB24" s="104">
        <v>6144890</v>
      </c>
      <c r="GC24" s="104">
        <v>4889525</v>
      </c>
      <c r="GD24" s="104">
        <v>4009689</v>
      </c>
      <c r="GE24" s="104">
        <v>3358004</v>
      </c>
      <c r="GF24" s="103">
        <v>21841041</v>
      </c>
      <c r="GG24" s="290">
        <v>24296239</v>
      </c>
      <c r="GH24" s="105">
        <v>143565</v>
      </c>
      <c r="GI24" s="104">
        <v>153945</v>
      </c>
      <c r="GJ24" s="102">
        <v>297510</v>
      </c>
      <c r="GK24" s="101">
        <v>0</v>
      </c>
      <c r="GL24" s="104">
        <v>100485</v>
      </c>
      <c r="GM24" s="104">
        <v>137079</v>
      </c>
      <c r="GN24" s="104">
        <v>56580</v>
      </c>
      <c r="GO24" s="104">
        <v>121770</v>
      </c>
      <c r="GP24" s="104">
        <v>0</v>
      </c>
      <c r="GQ24" s="103">
        <v>415914</v>
      </c>
      <c r="GR24" s="106">
        <v>713424</v>
      </c>
      <c r="GS24" s="100">
        <v>104327</v>
      </c>
      <c r="GT24" s="104">
        <v>462549</v>
      </c>
      <c r="GU24" s="103">
        <v>566876</v>
      </c>
      <c r="GV24" s="100">
        <v>0</v>
      </c>
      <c r="GW24" s="104">
        <v>239200</v>
      </c>
      <c r="GX24" s="104">
        <v>0</v>
      </c>
      <c r="GY24" s="104">
        <v>93629</v>
      </c>
      <c r="GZ24" s="104">
        <v>360000</v>
      </c>
      <c r="HA24" s="104">
        <v>0</v>
      </c>
      <c r="HB24" s="102">
        <v>692829</v>
      </c>
      <c r="HC24" s="106">
        <v>1259705</v>
      </c>
      <c r="HD24" s="100">
        <v>994800</v>
      </c>
      <c r="HE24" s="104">
        <v>1736040</v>
      </c>
      <c r="HF24" s="102">
        <v>2730840</v>
      </c>
      <c r="HG24" s="101">
        <v>0</v>
      </c>
      <c r="HH24" s="104">
        <v>10963807</v>
      </c>
      <c r="HI24" s="104">
        <v>10202074</v>
      </c>
      <c r="HJ24" s="104">
        <v>12008037</v>
      </c>
      <c r="HK24" s="104">
        <v>10956787</v>
      </c>
      <c r="HL24" s="104">
        <v>9300036</v>
      </c>
      <c r="HM24" s="103">
        <v>53430741</v>
      </c>
      <c r="HN24" s="99">
        <v>56161581</v>
      </c>
      <c r="HO24" s="105">
        <v>1006775</v>
      </c>
      <c r="HP24" s="104">
        <v>1511154</v>
      </c>
      <c r="HQ24" s="103">
        <v>2517929</v>
      </c>
      <c r="HR24" s="100">
        <v>0</v>
      </c>
      <c r="HS24" s="104">
        <v>10743162</v>
      </c>
      <c r="HT24" s="104">
        <v>8525703</v>
      </c>
      <c r="HU24" s="104">
        <v>5932175</v>
      </c>
      <c r="HV24" s="104">
        <v>3373603</v>
      </c>
      <c r="HW24" s="104">
        <v>2399451</v>
      </c>
      <c r="HX24" s="102">
        <v>30974094</v>
      </c>
      <c r="HY24" s="106">
        <v>33492023</v>
      </c>
      <c r="HZ24" s="135">
        <v>0</v>
      </c>
      <c r="IA24" s="122">
        <v>188170</v>
      </c>
      <c r="IB24" s="135">
        <v>188170</v>
      </c>
      <c r="IC24" s="121">
        <v>0</v>
      </c>
      <c r="ID24" s="122">
        <v>13268817</v>
      </c>
      <c r="IE24" s="123">
        <v>26191141</v>
      </c>
      <c r="IF24" s="124">
        <v>23797214</v>
      </c>
      <c r="IG24" s="122">
        <v>14107363</v>
      </c>
      <c r="IH24" s="124">
        <v>15120287</v>
      </c>
      <c r="II24" s="125">
        <v>92484822</v>
      </c>
      <c r="IJ24" s="135">
        <v>92672992</v>
      </c>
      <c r="IK24" s="215">
        <v>0</v>
      </c>
      <c r="IL24" s="219">
        <v>0</v>
      </c>
      <c r="IM24" s="220">
        <v>0</v>
      </c>
      <c r="IN24" s="127">
        <v>0</v>
      </c>
      <c r="IO24" s="109">
        <v>942718</v>
      </c>
      <c r="IP24" s="109">
        <v>1599660</v>
      </c>
      <c r="IQ24" s="109">
        <v>1101995</v>
      </c>
      <c r="IR24" s="109">
        <v>928701</v>
      </c>
      <c r="IS24" s="109">
        <v>1372050</v>
      </c>
      <c r="IT24" s="128">
        <v>5945124</v>
      </c>
      <c r="IU24" s="292">
        <v>5945124</v>
      </c>
      <c r="IV24" s="129">
        <v>0</v>
      </c>
      <c r="IW24" s="109">
        <v>0</v>
      </c>
      <c r="IX24" s="110">
        <v>0</v>
      </c>
      <c r="IY24" s="443">
        <v>0</v>
      </c>
      <c r="IZ24" s="109">
        <v>11459</v>
      </c>
      <c r="JA24" s="109">
        <v>22918</v>
      </c>
      <c r="JB24" s="109">
        <v>45836</v>
      </c>
      <c r="JC24" s="109">
        <v>91483</v>
      </c>
      <c r="JD24" s="109">
        <v>71877</v>
      </c>
      <c r="JE24" s="110">
        <v>243573</v>
      </c>
      <c r="JF24" s="111">
        <v>243573</v>
      </c>
      <c r="JG24" s="129">
        <v>0</v>
      </c>
      <c r="JH24" s="109">
        <v>0</v>
      </c>
      <c r="JI24" s="128">
        <v>0</v>
      </c>
      <c r="JJ24" s="108">
        <v>0</v>
      </c>
      <c r="JK24" s="109">
        <v>5241367</v>
      </c>
      <c r="JL24" s="109">
        <v>6397567</v>
      </c>
      <c r="JM24" s="109">
        <v>4125243</v>
      </c>
      <c r="JN24" s="109">
        <v>2152785</v>
      </c>
      <c r="JO24" s="109">
        <v>1633761</v>
      </c>
      <c r="JP24" s="110">
        <v>19550723</v>
      </c>
      <c r="JQ24" s="292">
        <v>19550723</v>
      </c>
      <c r="JR24" s="129">
        <v>0</v>
      </c>
      <c r="JS24" s="109">
        <v>0</v>
      </c>
      <c r="JT24" s="128">
        <v>0</v>
      </c>
      <c r="JU24" s="108">
        <v>0</v>
      </c>
      <c r="JV24" s="109">
        <v>799056</v>
      </c>
      <c r="JW24" s="109">
        <v>2087510</v>
      </c>
      <c r="JX24" s="109">
        <v>2474887</v>
      </c>
      <c r="JY24" s="109">
        <v>285675</v>
      </c>
      <c r="JZ24" s="109">
        <v>816354</v>
      </c>
      <c r="KA24" s="110">
        <v>6463482</v>
      </c>
      <c r="KB24" s="292">
        <v>6463482</v>
      </c>
      <c r="KC24" s="217">
        <v>0</v>
      </c>
      <c r="KD24" s="213">
        <v>188170</v>
      </c>
      <c r="KE24" s="110">
        <v>188170</v>
      </c>
      <c r="KF24" s="108">
        <v>0</v>
      </c>
      <c r="KG24" s="109">
        <v>2827079</v>
      </c>
      <c r="KH24" s="109">
        <v>8261755</v>
      </c>
      <c r="KI24" s="109">
        <v>7818956</v>
      </c>
      <c r="KJ24" s="109">
        <v>3768363</v>
      </c>
      <c r="KK24" s="109">
        <v>2610512</v>
      </c>
      <c r="KL24" s="110">
        <v>25286665</v>
      </c>
      <c r="KM24" s="130">
        <v>25474835</v>
      </c>
      <c r="KN24" s="215">
        <v>0</v>
      </c>
      <c r="KO24" s="219">
        <v>0</v>
      </c>
      <c r="KP24" s="220">
        <v>0</v>
      </c>
      <c r="KQ24" s="443">
        <v>0</v>
      </c>
      <c r="KR24" s="109">
        <v>3249938</v>
      </c>
      <c r="KS24" s="109">
        <v>7068934</v>
      </c>
      <c r="KT24" s="109">
        <v>7715908</v>
      </c>
      <c r="KU24" s="109">
        <v>5001487</v>
      </c>
      <c r="KV24" s="109">
        <v>4384023</v>
      </c>
      <c r="KW24" s="110">
        <v>27420290</v>
      </c>
      <c r="KX24" s="292">
        <v>27420290</v>
      </c>
      <c r="KY24" s="129">
        <v>0</v>
      </c>
      <c r="KZ24" s="109">
        <v>0</v>
      </c>
      <c r="LA24" s="110">
        <v>0</v>
      </c>
      <c r="LB24" s="443">
        <v>0</v>
      </c>
      <c r="LC24" s="109">
        <v>0</v>
      </c>
      <c r="LD24" s="109">
        <v>0</v>
      </c>
      <c r="LE24" s="109">
        <v>0</v>
      </c>
      <c r="LF24" s="109">
        <v>0</v>
      </c>
      <c r="LG24" s="109">
        <v>0</v>
      </c>
      <c r="LH24" s="110">
        <v>0</v>
      </c>
      <c r="LI24" s="111">
        <v>0</v>
      </c>
      <c r="LJ24" s="129">
        <v>0</v>
      </c>
      <c r="LK24" s="109">
        <v>0</v>
      </c>
      <c r="LL24" s="110">
        <v>0</v>
      </c>
      <c r="LM24" s="443">
        <v>0</v>
      </c>
      <c r="LN24" s="109">
        <v>0</v>
      </c>
      <c r="LO24" s="109">
        <v>0</v>
      </c>
      <c r="LP24" s="109">
        <v>0</v>
      </c>
      <c r="LQ24" s="109">
        <v>0</v>
      </c>
      <c r="LR24" s="109">
        <v>0</v>
      </c>
      <c r="LS24" s="110">
        <v>0</v>
      </c>
      <c r="LT24" s="292">
        <v>0</v>
      </c>
      <c r="LU24" s="129">
        <v>0</v>
      </c>
      <c r="LV24" s="109">
        <v>0</v>
      </c>
      <c r="LW24" s="110">
        <v>0</v>
      </c>
      <c r="LX24" s="443">
        <v>0</v>
      </c>
      <c r="LY24" s="109">
        <v>197200</v>
      </c>
      <c r="LZ24" s="109">
        <v>752797</v>
      </c>
      <c r="MA24" s="109">
        <v>514389</v>
      </c>
      <c r="MB24" s="109">
        <v>1878869</v>
      </c>
      <c r="MC24" s="109">
        <v>4231710</v>
      </c>
      <c r="MD24" s="110">
        <v>7574965</v>
      </c>
      <c r="ME24" s="111">
        <v>7574965</v>
      </c>
      <c r="MF24" s="129">
        <v>0</v>
      </c>
      <c r="MG24" s="109">
        <v>0</v>
      </c>
      <c r="MH24" s="110">
        <v>0</v>
      </c>
      <c r="MI24" s="443">
        <v>0</v>
      </c>
      <c r="MJ24" s="109">
        <v>5517045</v>
      </c>
      <c r="MK24" s="109">
        <v>15223013</v>
      </c>
      <c r="ML24" s="109">
        <v>47098402</v>
      </c>
      <c r="MM24" s="109">
        <v>53503547</v>
      </c>
      <c r="MN24" s="109">
        <v>46320967</v>
      </c>
      <c r="MO24" s="110">
        <v>167662974</v>
      </c>
      <c r="MP24" s="130">
        <v>167662974</v>
      </c>
      <c r="MQ24" s="129">
        <v>0</v>
      </c>
      <c r="MR24" s="109">
        <v>0</v>
      </c>
      <c r="MS24" s="110">
        <v>0</v>
      </c>
      <c r="MT24" s="443">
        <v>0</v>
      </c>
      <c r="MU24" s="109">
        <v>218546</v>
      </c>
      <c r="MV24" s="109">
        <v>1616226</v>
      </c>
      <c r="MW24" s="109">
        <v>28557085</v>
      </c>
      <c r="MX24" s="109">
        <v>32162450</v>
      </c>
      <c r="MY24" s="109">
        <v>32778590</v>
      </c>
      <c r="MZ24" s="110">
        <v>95332897</v>
      </c>
      <c r="NA24" s="130">
        <v>95332897</v>
      </c>
      <c r="NB24" s="129">
        <v>0</v>
      </c>
      <c r="NC24" s="109">
        <v>0</v>
      </c>
      <c r="ND24" s="110">
        <v>0</v>
      </c>
      <c r="NE24" s="443">
        <v>0</v>
      </c>
      <c r="NF24" s="109">
        <v>5298499</v>
      </c>
      <c r="NG24" s="109">
        <v>13606787</v>
      </c>
      <c r="NH24" s="109">
        <v>18541317</v>
      </c>
      <c r="NI24" s="109">
        <v>19767215</v>
      </c>
      <c r="NJ24" s="109">
        <v>10760456</v>
      </c>
      <c r="NK24" s="110">
        <v>67974274</v>
      </c>
      <c r="NL24" s="292">
        <v>67974274</v>
      </c>
      <c r="NM24" s="129">
        <v>0</v>
      </c>
      <c r="NN24" s="109">
        <v>0</v>
      </c>
      <c r="NO24" s="110">
        <v>0</v>
      </c>
      <c r="NP24" s="443">
        <v>0</v>
      </c>
      <c r="NQ24" s="109">
        <v>0</v>
      </c>
      <c r="NR24" s="109">
        <v>0</v>
      </c>
      <c r="NS24" s="109">
        <v>0</v>
      </c>
      <c r="NT24" s="109">
        <v>0</v>
      </c>
      <c r="NU24" s="109">
        <v>0</v>
      </c>
      <c r="NV24" s="110">
        <v>0</v>
      </c>
      <c r="NW24" s="111">
        <v>0</v>
      </c>
      <c r="NX24" s="129">
        <v>0</v>
      </c>
      <c r="NY24" s="109">
        <v>0</v>
      </c>
      <c r="NZ24" s="110">
        <v>0</v>
      </c>
      <c r="OA24" s="443">
        <v>0</v>
      </c>
      <c r="OB24" s="109">
        <v>0</v>
      </c>
      <c r="OC24" s="109">
        <v>0</v>
      </c>
      <c r="OD24" s="109">
        <v>0</v>
      </c>
      <c r="OE24" s="109">
        <v>1573882</v>
      </c>
      <c r="OF24" s="109">
        <v>2781921</v>
      </c>
      <c r="OG24" s="110">
        <v>4355803</v>
      </c>
      <c r="OH24" s="111">
        <v>4355803</v>
      </c>
      <c r="OI24" s="129">
        <v>5456347</v>
      </c>
      <c r="OJ24" s="109">
        <v>10654440</v>
      </c>
      <c r="OK24" s="128">
        <v>16110787</v>
      </c>
      <c r="OL24" s="108">
        <v>0</v>
      </c>
      <c r="OM24" s="109">
        <v>82452197</v>
      </c>
      <c r="ON24" s="109">
        <v>112300679</v>
      </c>
      <c r="OO24" s="109">
        <v>135895208</v>
      </c>
      <c r="OP24" s="109">
        <v>116743967</v>
      </c>
      <c r="OQ24" s="109">
        <v>103463736</v>
      </c>
      <c r="OR24" s="110">
        <v>550855787</v>
      </c>
      <c r="OS24" s="130">
        <v>566966574</v>
      </c>
    </row>
    <row r="25" spans="2:409" ht="21" customHeight="1" x14ac:dyDescent="0.2">
      <c r="B25" s="437" t="s">
        <v>20</v>
      </c>
      <c r="C25" s="100">
        <v>4863333</v>
      </c>
      <c r="D25" s="104">
        <v>13039140</v>
      </c>
      <c r="E25" s="103">
        <v>17902473</v>
      </c>
      <c r="F25" s="100">
        <v>0</v>
      </c>
      <c r="G25" s="104">
        <v>86564110</v>
      </c>
      <c r="H25" s="104">
        <v>81779787</v>
      </c>
      <c r="I25" s="104">
        <v>82206760</v>
      </c>
      <c r="J25" s="104">
        <v>68828883</v>
      </c>
      <c r="K25" s="104">
        <v>47485995</v>
      </c>
      <c r="L25" s="156">
        <v>366865535</v>
      </c>
      <c r="M25" s="106">
        <v>384768008</v>
      </c>
      <c r="N25" s="100">
        <v>1498483</v>
      </c>
      <c r="O25" s="104">
        <v>4394106</v>
      </c>
      <c r="P25" s="103">
        <v>5892589</v>
      </c>
      <c r="Q25" s="100">
        <v>0</v>
      </c>
      <c r="R25" s="104">
        <v>26566747</v>
      </c>
      <c r="S25" s="104">
        <v>25900525</v>
      </c>
      <c r="T25" s="104">
        <v>26603838</v>
      </c>
      <c r="U25" s="104">
        <v>24882429</v>
      </c>
      <c r="V25" s="104">
        <v>22873057</v>
      </c>
      <c r="W25" s="103">
        <v>126826596</v>
      </c>
      <c r="X25" s="106">
        <v>132719185</v>
      </c>
      <c r="Y25" s="100">
        <v>0</v>
      </c>
      <c r="Z25" s="104">
        <v>0</v>
      </c>
      <c r="AA25" s="103">
        <v>0</v>
      </c>
      <c r="AB25" s="100">
        <v>0</v>
      </c>
      <c r="AC25" s="104">
        <v>11611948</v>
      </c>
      <c r="AD25" s="104">
        <v>11362908</v>
      </c>
      <c r="AE25" s="104">
        <v>14456366</v>
      </c>
      <c r="AF25" s="104">
        <v>14505355</v>
      </c>
      <c r="AG25" s="104">
        <v>14278293</v>
      </c>
      <c r="AH25" s="103">
        <v>66214870</v>
      </c>
      <c r="AI25" s="106">
        <v>66214870</v>
      </c>
      <c r="AJ25" s="100">
        <v>0</v>
      </c>
      <c r="AK25" s="104">
        <v>0</v>
      </c>
      <c r="AL25" s="103">
        <v>0</v>
      </c>
      <c r="AM25" s="100">
        <v>0</v>
      </c>
      <c r="AN25" s="104">
        <v>147869</v>
      </c>
      <c r="AO25" s="104">
        <v>252422</v>
      </c>
      <c r="AP25" s="104">
        <v>883456</v>
      </c>
      <c r="AQ25" s="104">
        <v>1533327</v>
      </c>
      <c r="AR25" s="104">
        <v>2575763</v>
      </c>
      <c r="AS25" s="103">
        <v>5392837</v>
      </c>
      <c r="AT25" s="106">
        <v>5392837</v>
      </c>
      <c r="AU25" s="100">
        <v>841300</v>
      </c>
      <c r="AV25" s="104">
        <v>2678680</v>
      </c>
      <c r="AW25" s="103">
        <v>3519980</v>
      </c>
      <c r="AX25" s="100">
        <v>0</v>
      </c>
      <c r="AY25" s="104">
        <v>9527341</v>
      </c>
      <c r="AZ25" s="104">
        <v>8613507</v>
      </c>
      <c r="BA25" s="104">
        <v>5258428</v>
      </c>
      <c r="BB25" s="104">
        <v>4521000</v>
      </c>
      <c r="BC25" s="104">
        <v>2889222</v>
      </c>
      <c r="BD25" s="103">
        <v>30809498</v>
      </c>
      <c r="BE25" s="106">
        <v>34329478</v>
      </c>
      <c r="BF25" s="100">
        <v>297711</v>
      </c>
      <c r="BG25" s="104">
        <v>1307957</v>
      </c>
      <c r="BH25" s="102">
        <v>1605668</v>
      </c>
      <c r="BI25" s="101">
        <v>0</v>
      </c>
      <c r="BJ25" s="104">
        <v>1905715</v>
      </c>
      <c r="BK25" s="104">
        <v>2191994</v>
      </c>
      <c r="BL25" s="104">
        <v>1774862</v>
      </c>
      <c r="BM25" s="104">
        <v>1260416</v>
      </c>
      <c r="BN25" s="104">
        <v>463070</v>
      </c>
      <c r="BO25" s="103">
        <v>7596057</v>
      </c>
      <c r="BP25" s="106">
        <v>9201725</v>
      </c>
      <c r="BQ25" s="100">
        <v>359472</v>
      </c>
      <c r="BR25" s="104">
        <v>407469</v>
      </c>
      <c r="BS25" s="103">
        <v>766941</v>
      </c>
      <c r="BT25" s="100">
        <v>0</v>
      </c>
      <c r="BU25" s="104">
        <v>3373874</v>
      </c>
      <c r="BV25" s="104">
        <v>3479694</v>
      </c>
      <c r="BW25" s="104">
        <v>4230726</v>
      </c>
      <c r="BX25" s="104">
        <v>3062331</v>
      </c>
      <c r="BY25" s="104">
        <v>2666709</v>
      </c>
      <c r="BZ25" s="103">
        <v>16813334</v>
      </c>
      <c r="CA25" s="106">
        <v>17580275</v>
      </c>
      <c r="CB25" s="100">
        <v>369595</v>
      </c>
      <c r="CC25" s="104">
        <v>1590565</v>
      </c>
      <c r="CD25" s="103">
        <v>1960160</v>
      </c>
      <c r="CE25" s="100">
        <v>0</v>
      </c>
      <c r="CF25" s="104">
        <v>23691619</v>
      </c>
      <c r="CG25" s="104">
        <v>26232207</v>
      </c>
      <c r="CH25" s="104">
        <v>18407173</v>
      </c>
      <c r="CI25" s="104">
        <v>11336032</v>
      </c>
      <c r="CJ25" s="104">
        <v>5146148</v>
      </c>
      <c r="CK25" s="103">
        <v>84813179</v>
      </c>
      <c r="CL25" s="106">
        <v>86773339</v>
      </c>
      <c r="CM25" s="100">
        <v>0</v>
      </c>
      <c r="CN25" s="104">
        <v>0</v>
      </c>
      <c r="CO25" s="103">
        <v>0</v>
      </c>
      <c r="CP25" s="101">
        <v>0</v>
      </c>
      <c r="CQ25" s="104">
        <v>17660185</v>
      </c>
      <c r="CR25" s="104">
        <v>20278814</v>
      </c>
      <c r="CS25" s="104">
        <v>15181418</v>
      </c>
      <c r="CT25" s="104">
        <v>8203960</v>
      </c>
      <c r="CU25" s="104">
        <v>3714295</v>
      </c>
      <c r="CV25" s="103">
        <v>65038672</v>
      </c>
      <c r="CW25" s="106">
        <v>65038672</v>
      </c>
      <c r="CX25" s="100">
        <v>369595</v>
      </c>
      <c r="CY25" s="104">
        <v>1590565</v>
      </c>
      <c r="CZ25" s="103">
        <v>1960160</v>
      </c>
      <c r="DA25" s="100">
        <v>0</v>
      </c>
      <c r="DB25" s="104">
        <v>6031434</v>
      </c>
      <c r="DC25" s="104">
        <v>5953393</v>
      </c>
      <c r="DD25" s="104">
        <v>3225755</v>
      </c>
      <c r="DE25" s="104">
        <v>3132072</v>
      </c>
      <c r="DF25" s="104">
        <v>1431853</v>
      </c>
      <c r="DG25" s="103">
        <v>19774507</v>
      </c>
      <c r="DH25" s="106">
        <v>21734667</v>
      </c>
      <c r="DI25" s="100">
        <v>0</v>
      </c>
      <c r="DJ25" s="104">
        <v>160931</v>
      </c>
      <c r="DK25" s="102">
        <v>160931</v>
      </c>
      <c r="DL25" s="101">
        <v>0</v>
      </c>
      <c r="DM25" s="104">
        <v>2771310</v>
      </c>
      <c r="DN25" s="104">
        <v>2745257</v>
      </c>
      <c r="DO25" s="104">
        <v>11093614</v>
      </c>
      <c r="DP25" s="104">
        <v>7762416</v>
      </c>
      <c r="DQ25" s="104">
        <v>4863675</v>
      </c>
      <c r="DR25" s="103">
        <v>29236272</v>
      </c>
      <c r="DS25" s="106">
        <v>29397203</v>
      </c>
      <c r="DT25" s="100">
        <v>0</v>
      </c>
      <c r="DU25" s="104">
        <v>160931</v>
      </c>
      <c r="DV25" s="103">
        <v>160931</v>
      </c>
      <c r="DW25" s="100">
        <v>0</v>
      </c>
      <c r="DX25" s="104">
        <v>2659273</v>
      </c>
      <c r="DY25" s="104">
        <v>2645547</v>
      </c>
      <c r="DZ25" s="104">
        <v>10596492</v>
      </c>
      <c r="EA25" s="104">
        <v>6820047</v>
      </c>
      <c r="EB25" s="104">
        <v>4620636</v>
      </c>
      <c r="EC25" s="103">
        <v>27341995</v>
      </c>
      <c r="ED25" s="106">
        <v>27502926</v>
      </c>
      <c r="EE25" s="100">
        <v>0</v>
      </c>
      <c r="EF25" s="102">
        <v>0</v>
      </c>
      <c r="EG25" s="103">
        <v>0</v>
      </c>
      <c r="EH25" s="100">
        <v>0</v>
      </c>
      <c r="EI25" s="104">
        <v>112037</v>
      </c>
      <c r="EJ25" s="104">
        <v>99710</v>
      </c>
      <c r="EK25" s="104">
        <v>497122</v>
      </c>
      <c r="EL25" s="104">
        <v>942369</v>
      </c>
      <c r="EM25" s="104">
        <v>243039</v>
      </c>
      <c r="EN25" s="102">
        <v>1894277</v>
      </c>
      <c r="EO25" s="106">
        <v>1894277</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06">
        <v>0</v>
      </c>
      <c r="FE25" s="104">
        <v>0</v>
      </c>
      <c r="FF25" s="104">
        <v>0</v>
      </c>
      <c r="FG25" s="104">
        <v>0</v>
      </c>
      <c r="FH25" s="104">
        <v>0</v>
      </c>
      <c r="FI25" s="104">
        <v>0</v>
      </c>
      <c r="FJ25" s="103">
        <v>0</v>
      </c>
      <c r="FK25" s="106">
        <v>0</v>
      </c>
      <c r="FL25" s="100">
        <v>1148197</v>
      </c>
      <c r="FM25" s="104">
        <v>3182204</v>
      </c>
      <c r="FN25" s="103">
        <v>4330401</v>
      </c>
      <c r="FO25" s="100">
        <v>0</v>
      </c>
      <c r="FP25" s="104">
        <v>6023727</v>
      </c>
      <c r="FQ25" s="104">
        <v>7049953</v>
      </c>
      <c r="FR25" s="104">
        <v>6187582</v>
      </c>
      <c r="FS25" s="104">
        <v>5649571</v>
      </c>
      <c r="FT25" s="104">
        <v>3295420</v>
      </c>
      <c r="FU25" s="103">
        <v>28206253</v>
      </c>
      <c r="FV25" s="106">
        <v>32536654</v>
      </c>
      <c r="FW25" s="105">
        <v>798277</v>
      </c>
      <c r="FX25" s="104">
        <v>2391329</v>
      </c>
      <c r="FY25" s="102">
        <v>3189606</v>
      </c>
      <c r="FZ25" s="101">
        <v>0</v>
      </c>
      <c r="GA25" s="104">
        <v>4637117</v>
      </c>
      <c r="GB25" s="104">
        <v>6681813</v>
      </c>
      <c r="GC25" s="104">
        <v>5624873</v>
      </c>
      <c r="GD25" s="104">
        <v>5297066</v>
      </c>
      <c r="GE25" s="104">
        <v>3295420</v>
      </c>
      <c r="GF25" s="103">
        <v>25536289</v>
      </c>
      <c r="GG25" s="290">
        <v>28725895</v>
      </c>
      <c r="GH25" s="105">
        <v>0</v>
      </c>
      <c r="GI25" s="104">
        <v>95218</v>
      </c>
      <c r="GJ25" s="102">
        <v>95218</v>
      </c>
      <c r="GK25" s="101">
        <v>0</v>
      </c>
      <c r="GL25" s="104">
        <v>401810</v>
      </c>
      <c r="GM25" s="104">
        <v>90940</v>
      </c>
      <c r="GN25" s="104">
        <v>292079</v>
      </c>
      <c r="GO25" s="104">
        <v>58905</v>
      </c>
      <c r="GP25" s="104">
        <v>0</v>
      </c>
      <c r="GQ25" s="103">
        <v>843734</v>
      </c>
      <c r="GR25" s="106">
        <v>938952</v>
      </c>
      <c r="GS25" s="100">
        <v>349920</v>
      </c>
      <c r="GT25" s="104">
        <v>695657</v>
      </c>
      <c r="GU25" s="103">
        <v>1045577</v>
      </c>
      <c r="GV25" s="100">
        <v>0</v>
      </c>
      <c r="GW25" s="104">
        <v>984800</v>
      </c>
      <c r="GX25" s="104">
        <v>277200</v>
      </c>
      <c r="GY25" s="104">
        <v>270630</v>
      </c>
      <c r="GZ25" s="104">
        <v>293600</v>
      </c>
      <c r="HA25" s="104">
        <v>0</v>
      </c>
      <c r="HB25" s="102">
        <v>1826230</v>
      </c>
      <c r="HC25" s="106">
        <v>2871807</v>
      </c>
      <c r="HD25" s="100">
        <v>793380</v>
      </c>
      <c r="HE25" s="104">
        <v>1319337</v>
      </c>
      <c r="HF25" s="102">
        <v>2112717</v>
      </c>
      <c r="HG25" s="101">
        <v>0</v>
      </c>
      <c r="HH25" s="104">
        <v>12956350</v>
      </c>
      <c r="HI25" s="104">
        <v>9874604</v>
      </c>
      <c r="HJ25" s="104">
        <v>12642867</v>
      </c>
      <c r="HK25" s="104">
        <v>14392022</v>
      </c>
      <c r="HL25" s="104">
        <v>8465457</v>
      </c>
      <c r="HM25" s="103">
        <v>58331300</v>
      </c>
      <c r="HN25" s="99">
        <v>60444017</v>
      </c>
      <c r="HO25" s="105">
        <v>1053678</v>
      </c>
      <c r="HP25" s="104">
        <v>2391997</v>
      </c>
      <c r="HQ25" s="103">
        <v>3445675</v>
      </c>
      <c r="HR25" s="100">
        <v>0</v>
      </c>
      <c r="HS25" s="104">
        <v>14554357</v>
      </c>
      <c r="HT25" s="104">
        <v>9977241</v>
      </c>
      <c r="HU25" s="104">
        <v>7271686</v>
      </c>
      <c r="HV25" s="104">
        <v>4806413</v>
      </c>
      <c r="HW25" s="104">
        <v>2842238</v>
      </c>
      <c r="HX25" s="102">
        <v>39451935</v>
      </c>
      <c r="HY25" s="106">
        <v>42897610</v>
      </c>
      <c r="HZ25" s="118">
        <v>0</v>
      </c>
      <c r="IA25" s="119">
        <v>65135</v>
      </c>
      <c r="IB25" s="120">
        <v>65135</v>
      </c>
      <c r="IC25" s="131">
        <v>0</v>
      </c>
      <c r="ID25" s="119">
        <v>12767371</v>
      </c>
      <c r="IE25" s="132">
        <v>15306993</v>
      </c>
      <c r="IF25" s="120">
        <v>23521265</v>
      </c>
      <c r="IG25" s="119">
        <v>7082538</v>
      </c>
      <c r="IH25" s="120">
        <v>8714236</v>
      </c>
      <c r="II25" s="133">
        <v>67392403</v>
      </c>
      <c r="IJ25" s="126">
        <v>67457538</v>
      </c>
      <c r="IK25" s="215">
        <v>0</v>
      </c>
      <c r="IL25" s="219">
        <v>0</v>
      </c>
      <c r="IM25" s="220">
        <v>0</v>
      </c>
      <c r="IN25" s="127">
        <v>0</v>
      </c>
      <c r="IO25" s="109">
        <v>84603</v>
      </c>
      <c r="IP25" s="109">
        <v>0</v>
      </c>
      <c r="IQ25" s="109">
        <v>0</v>
      </c>
      <c r="IR25" s="109">
        <v>0</v>
      </c>
      <c r="IS25" s="109">
        <v>261743</v>
      </c>
      <c r="IT25" s="128">
        <v>346346</v>
      </c>
      <c r="IU25" s="292">
        <v>346346</v>
      </c>
      <c r="IV25" s="129">
        <v>0</v>
      </c>
      <c r="IW25" s="109">
        <v>0</v>
      </c>
      <c r="IX25" s="110">
        <v>0</v>
      </c>
      <c r="IY25" s="443">
        <v>0</v>
      </c>
      <c r="IZ25" s="109">
        <v>0</v>
      </c>
      <c r="JA25" s="109">
        <v>0</v>
      </c>
      <c r="JB25" s="109">
        <v>0</v>
      </c>
      <c r="JC25" s="109">
        <v>0</v>
      </c>
      <c r="JD25" s="109">
        <v>0</v>
      </c>
      <c r="JE25" s="110">
        <v>0</v>
      </c>
      <c r="JF25" s="111">
        <v>0</v>
      </c>
      <c r="JG25" s="129">
        <v>0</v>
      </c>
      <c r="JH25" s="109">
        <v>0</v>
      </c>
      <c r="JI25" s="128">
        <v>0</v>
      </c>
      <c r="JJ25" s="108">
        <v>0</v>
      </c>
      <c r="JK25" s="109">
        <v>6353202</v>
      </c>
      <c r="JL25" s="109">
        <v>4816607</v>
      </c>
      <c r="JM25" s="109">
        <v>3923841</v>
      </c>
      <c r="JN25" s="109">
        <v>1729514</v>
      </c>
      <c r="JO25" s="109">
        <v>941094</v>
      </c>
      <c r="JP25" s="110">
        <v>17764258</v>
      </c>
      <c r="JQ25" s="292">
        <v>17764258</v>
      </c>
      <c r="JR25" s="129">
        <v>0</v>
      </c>
      <c r="JS25" s="109">
        <v>0</v>
      </c>
      <c r="JT25" s="128">
        <v>0</v>
      </c>
      <c r="JU25" s="108">
        <v>0</v>
      </c>
      <c r="JV25" s="109">
        <v>223385</v>
      </c>
      <c r="JW25" s="109">
        <v>46616</v>
      </c>
      <c r="JX25" s="109">
        <v>439842</v>
      </c>
      <c r="JY25" s="109">
        <v>165707</v>
      </c>
      <c r="JZ25" s="109">
        <v>338331</v>
      </c>
      <c r="KA25" s="110">
        <v>1213881</v>
      </c>
      <c r="KB25" s="292">
        <v>1213881</v>
      </c>
      <c r="KC25" s="217">
        <v>0</v>
      </c>
      <c r="KD25" s="213">
        <v>65135</v>
      </c>
      <c r="KE25" s="110">
        <v>65135</v>
      </c>
      <c r="KF25" s="108">
        <v>0</v>
      </c>
      <c r="KG25" s="109">
        <v>2436716</v>
      </c>
      <c r="KH25" s="109">
        <v>1638862</v>
      </c>
      <c r="KI25" s="109">
        <v>3567769</v>
      </c>
      <c r="KJ25" s="109">
        <v>819152</v>
      </c>
      <c r="KK25" s="109">
        <v>447654</v>
      </c>
      <c r="KL25" s="110">
        <v>8910153</v>
      </c>
      <c r="KM25" s="130">
        <v>8975288</v>
      </c>
      <c r="KN25" s="215">
        <v>0</v>
      </c>
      <c r="KO25" s="219">
        <v>0</v>
      </c>
      <c r="KP25" s="220">
        <v>0</v>
      </c>
      <c r="KQ25" s="443">
        <v>0</v>
      </c>
      <c r="KR25" s="109">
        <v>3669465</v>
      </c>
      <c r="KS25" s="109">
        <v>8804908</v>
      </c>
      <c r="KT25" s="109">
        <v>15589813</v>
      </c>
      <c r="KU25" s="109">
        <v>4368165</v>
      </c>
      <c r="KV25" s="109">
        <v>6725414</v>
      </c>
      <c r="KW25" s="110">
        <v>39157765</v>
      </c>
      <c r="KX25" s="292">
        <v>39157765</v>
      </c>
      <c r="KY25" s="129">
        <v>0</v>
      </c>
      <c r="KZ25" s="109">
        <v>0</v>
      </c>
      <c r="LA25" s="110">
        <v>0</v>
      </c>
      <c r="LB25" s="443">
        <v>0</v>
      </c>
      <c r="LC25" s="109">
        <v>0</v>
      </c>
      <c r="LD25" s="109">
        <v>0</v>
      </c>
      <c r="LE25" s="109">
        <v>0</v>
      </c>
      <c r="LF25" s="109">
        <v>0</v>
      </c>
      <c r="LG25" s="109">
        <v>0</v>
      </c>
      <c r="LH25" s="110">
        <v>0</v>
      </c>
      <c r="LI25" s="111">
        <v>0</v>
      </c>
      <c r="LJ25" s="129">
        <v>0</v>
      </c>
      <c r="LK25" s="109">
        <v>0</v>
      </c>
      <c r="LL25" s="110">
        <v>0</v>
      </c>
      <c r="LM25" s="443">
        <v>0</v>
      </c>
      <c r="LN25" s="109">
        <v>0</v>
      </c>
      <c r="LO25" s="109">
        <v>0</v>
      </c>
      <c r="LP25" s="109">
        <v>0</v>
      </c>
      <c r="LQ25" s="109">
        <v>0</v>
      </c>
      <c r="LR25" s="109">
        <v>0</v>
      </c>
      <c r="LS25" s="110">
        <v>0</v>
      </c>
      <c r="LT25" s="292">
        <v>0</v>
      </c>
      <c r="LU25" s="129">
        <v>0</v>
      </c>
      <c r="LV25" s="109">
        <v>0</v>
      </c>
      <c r="LW25" s="110">
        <v>0</v>
      </c>
      <c r="LX25" s="443">
        <v>0</v>
      </c>
      <c r="LY25" s="109">
        <v>0</v>
      </c>
      <c r="LZ25" s="109">
        <v>0</v>
      </c>
      <c r="MA25" s="109">
        <v>0</v>
      </c>
      <c r="MB25" s="109">
        <v>0</v>
      </c>
      <c r="MC25" s="109">
        <v>0</v>
      </c>
      <c r="MD25" s="110">
        <v>0</v>
      </c>
      <c r="ME25" s="111">
        <v>0</v>
      </c>
      <c r="MF25" s="129">
        <v>0</v>
      </c>
      <c r="MG25" s="109">
        <v>0</v>
      </c>
      <c r="MH25" s="110">
        <v>0</v>
      </c>
      <c r="MI25" s="443">
        <v>0</v>
      </c>
      <c r="MJ25" s="109">
        <v>5254771</v>
      </c>
      <c r="MK25" s="109">
        <v>17228602</v>
      </c>
      <c r="ML25" s="109">
        <v>41963825</v>
      </c>
      <c r="MM25" s="109">
        <v>80109741</v>
      </c>
      <c r="MN25" s="109">
        <v>37006836</v>
      </c>
      <c r="MO25" s="110">
        <v>181563775</v>
      </c>
      <c r="MP25" s="130">
        <v>181563775</v>
      </c>
      <c r="MQ25" s="129">
        <v>0</v>
      </c>
      <c r="MR25" s="109">
        <v>0</v>
      </c>
      <c r="MS25" s="110">
        <v>0</v>
      </c>
      <c r="MT25" s="443">
        <v>0</v>
      </c>
      <c r="MU25" s="109">
        <v>1176954</v>
      </c>
      <c r="MV25" s="109">
        <v>7254602</v>
      </c>
      <c r="MW25" s="109">
        <v>32897187</v>
      </c>
      <c r="MX25" s="109">
        <v>61036493</v>
      </c>
      <c r="MY25" s="109">
        <v>27993053</v>
      </c>
      <c r="MZ25" s="110">
        <v>130358289</v>
      </c>
      <c r="NA25" s="130">
        <v>130358289</v>
      </c>
      <c r="NB25" s="129">
        <v>0</v>
      </c>
      <c r="NC25" s="109">
        <v>0</v>
      </c>
      <c r="ND25" s="110">
        <v>0</v>
      </c>
      <c r="NE25" s="443">
        <v>0</v>
      </c>
      <c r="NF25" s="109">
        <v>4077817</v>
      </c>
      <c r="NG25" s="109">
        <v>9974000</v>
      </c>
      <c r="NH25" s="109">
        <v>9066638</v>
      </c>
      <c r="NI25" s="109">
        <v>17645496</v>
      </c>
      <c r="NJ25" s="109">
        <v>7304935</v>
      </c>
      <c r="NK25" s="110">
        <v>48068886</v>
      </c>
      <c r="NL25" s="292">
        <v>48068886</v>
      </c>
      <c r="NM25" s="129">
        <v>0</v>
      </c>
      <c r="NN25" s="109">
        <v>0</v>
      </c>
      <c r="NO25" s="110">
        <v>0</v>
      </c>
      <c r="NP25" s="443">
        <v>0</v>
      </c>
      <c r="NQ25" s="109">
        <v>0</v>
      </c>
      <c r="NR25" s="109">
        <v>0</v>
      </c>
      <c r="NS25" s="109">
        <v>0</v>
      </c>
      <c r="NT25" s="109">
        <v>652464</v>
      </c>
      <c r="NU25" s="109">
        <v>0</v>
      </c>
      <c r="NV25" s="110">
        <v>652464</v>
      </c>
      <c r="NW25" s="111">
        <v>652464</v>
      </c>
      <c r="NX25" s="129">
        <v>0</v>
      </c>
      <c r="NY25" s="109">
        <v>0</v>
      </c>
      <c r="NZ25" s="110">
        <v>0</v>
      </c>
      <c r="OA25" s="443">
        <v>0</v>
      </c>
      <c r="OB25" s="109">
        <v>0</v>
      </c>
      <c r="OC25" s="109">
        <v>0</v>
      </c>
      <c r="OD25" s="109">
        <v>0</v>
      </c>
      <c r="OE25" s="109">
        <v>775288</v>
      </c>
      <c r="OF25" s="109">
        <v>1708848</v>
      </c>
      <c r="OG25" s="110">
        <v>2484136</v>
      </c>
      <c r="OH25" s="111">
        <v>2484136</v>
      </c>
      <c r="OI25" s="129">
        <v>4863333</v>
      </c>
      <c r="OJ25" s="109">
        <v>13104275</v>
      </c>
      <c r="OK25" s="128">
        <v>17967608</v>
      </c>
      <c r="OL25" s="108">
        <v>0</v>
      </c>
      <c r="OM25" s="109">
        <v>104586252</v>
      </c>
      <c r="ON25" s="109">
        <v>114315382</v>
      </c>
      <c r="OO25" s="109">
        <v>147691850</v>
      </c>
      <c r="OP25" s="109">
        <v>156021162</v>
      </c>
      <c r="OQ25" s="109">
        <v>93207067</v>
      </c>
      <c r="OR25" s="110">
        <v>615821713</v>
      </c>
      <c r="OS25" s="130">
        <v>633789321</v>
      </c>
    </row>
    <row r="26" spans="2:409" ht="21" customHeight="1" x14ac:dyDescent="0.2">
      <c r="B26" s="437" t="s">
        <v>21</v>
      </c>
      <c r="C26" s="100">
        <v>7007084</v>
      </c>
      <c r="D26" s="104">
        <v>12117159</v>
      </c>
      <c r="E26" s="103">
        <v>19124243</v>
      </c>
      <c r="F26" s="99">
        <v>0</v>
      </c>
      <c r="G26" s="104">
        <v>72866861</v>
      </c>
      <c r="H26" s="104">
        <v>103655735</v>
      </c>
      <c r="I26" s="104">
        <v>94168650</v>
      </c>
      <c r="J26" s="104">
        <v>76516665</v>
      </c>
      <c r="K26" s="104">
        <v>56684175</v>
      </c>
      <c r="L26" s="156">
        <v>403892086</v>
      </c>
      <c r="M26" s="106">
        <v>423016329</v>
      </c>
      <c r="N26" s="100">
        <v>2135200</v>
      </c>
      <c r="O26" s="104">
        <v>4431119</v>
      </c>
      <c r="P26" s="103">
        <v>6566319</v>
      </c>
      <c r="Q26" s="100">
        <v>0</v>
      </c>
      <c r="R26" s="104">
        <v>23537409</v>
      </c>
      <c r="S26" s="104">
        <v>38158870</v>
      </c>
      <c r="T26" s="104">
        <v>35793837</v>
      </c>
      <c r="U26" s="104">
        <v>31807020</v>
      </c>
      <c r="V26" s="104">
        <v>29521032</v>
      </c>
      <c r="W26" s="103">
        <v>158818168</v>
      </c>
      <c r="X26" s="106">
        <v>165384487</v>
      </c>
      <c r="Y26" s="100">
        <v>0</v>
      </c>
      <c r="Z26" s="104">
        <v>0</v>
      </c>
      <c r="AA26" s="103">
        <v>0</v>
      </c>
      <c r="AB26" s="100">
        <v>0</v>
      </c>
      <c r="AC26" s="104">
        <v>10843706</v>
      </c>
      <c r="AD26" s="104">
        <v>19610345</v>
      </c>
      <c r="AE26" s="104">
        <v>21883130</v>
      </c>
      <c r="AF26" s="104">
        <v>19599388</v>
      </c>
      <c r="AG26" s="104">
        <v>18875475</v>
      </c>
      <c r="AH26" s="103">
        <v>90812044</v>
      </c>
      <c r="AI26" s="106">
        <v>90812044</v>
      </c>
      <c r="AJ26" s="100">
        <v>0</v>
      </c>
      <c r="AK26" s="104">
        <v>0</v>
      </c>
      <c r="AL26" s="103">
        <v>0</v>
      </c>
      <c r="AM26" s="100">
        <v>0</v>
      </c>
      <c r="AN26" s="104">
        <v>0</v>
      </c>
      <c r="AO26" s="104">
        <v>388292</v>
      </c>
      <c r="AP26" s="104">
        <v>541567</v>
      </c>
      <c r="AQ26" s="104">
        <v>1918562</v>
      </c>
      <c r="AR26" s="104">
        <v>2560832</v>
      </c>
      <c r="AS26" s="103">
        <v>5409253</v>
      </c>
      <c r="AT26" s="106">
        <v>5409253</v>
      </c>
      <c r="AU26" s="100">
        <v>1080096</v>
      </c>
      <c r="AV26" s="104">
        <v>2895562</v>
      </c>
      <c r="AW26" s="103">
        <v>3975658</v>
      </c>
      <c r="AX26" s="100">
        <v>0</v>
      </c>
      <c r="AY26" s="104">
        <v>8224541</v>
      </c>
      <c r="AZ26" s="104">
        <v>11463434</v>
      </c>
      <c r="BA26" s="104">
        <v>7384177</v>
      </c>
      <c r="BB26" s="104">
        <v>6022068</v>
      </c>
      <c r="BC26" s="104">
        <v>4704038</v>
      </c>
      <c r="BD26" s="103">
        <v>37798258</v>
      </c>
      <c r="BE26" s="106">
        <v>41773916</v>
      </c>
      <c r="BF26" s="100">
        <v>439784</v>
      </c>
      <c r="BG26" s="104">
        <v>949139</v>
      </c>
      <c r="BH26" s="102">
        <v>1388923</v>
      </c>
      <c r="BI26" s="101">
        <v>0</v>
      </c>
      <c r="BJ26" s="104">
        <v>899270</v>
      </c>
      <c r="BK26" s="104">
        <v>1596836</v>
      </c>
      <c r="BL26" s="104">
        <v>974667</v>
      </c>
      <c r="BM26" s="104">
        <v>629560</v>
      </c>
      <c r="BN26" s="104">
        <v>170925</v>
      </c>
      <c r="BO26" s="103">
        <v>4271258</v>
      </c>
      <c r="BP26" s="106">
        <v>5660181</v>
      </c>
      <c r="BQ26" s="100">
        <v>615320</v>
      </c>
      <c r="BR26" s="104">
        <v>586418</v>
      </c>
      <c r="BS26" s="103">
        <v>1201738</v>
      </c>
      <c r="BT26" s="100">
        <v>0</v>
      </c>
      <c r="BU26" s="104">
        <v>3569892</v>
      </c>
      <c r="BV26" s="104">
        <v>5099963</v>
      </c>
      <c r="BW26" s="104">
        <v>5010296</v>
      </c>
      <c r="BX26" s="104">
        <v>3637442</v>
      </c>
      <c r="BY26" s="104">
        <v>3209762</v>
      </c>
      <c r="BZ26" s="103">
        <v>20527355</v>
      </c>
      <c r="CA26" s="106">
        <v>21729093</v>
      </c>
      <c r="CB26" s="100">
        <v>529097</v>
      </c>
      <c r="CC26" s="104">
        <v>1440875</v>
      </c>
      <c r="CD26" s="103">
        <v>1969972</v>
      </c>
      <c r="CE26" s="100">
        <v>0</v>
      </c>
      <c r="CF26" s="104">
        <v>19762950</v>
      </c>
      <c r="CG26" s="104">
        <v>26471242</v>
      </c>
      <c r="CH26" s="104">
        <v>21817989</v>
      </c>
      <c r="CI26" s="104">
        <v>11481209</v>
      </c>
      <c r="CJ26" s="104">
        <v>3484332</v>
      </c>
      <c r="CK26" s="103">
        <v>83017722</v>
      </c>
      <c r="CL26" s="106">
        <v>84987694</v>
      </c>
      <c r="CM26" s="100">
        <v>0</v>
      </c>
      <c r="CN26" s="104">
        <v>0</v>
      </c>
      <c r="CO26" s="103">
        <v>0</v>
      </c>
      <c r="CP26" s="101">
        <v>0</v>
      </c>
      <c r="CQ26" s="104">
        <v>17122132</v>
      </c>
      <c r="CR26" s="104">
        <v>22950783</v>
      </c>
      <c r="CS26" s="104">
        <v>19394745</v>
      </c>
      <c r="CT26" s="104">
        <v>9503925</v>
      </c>
      <c r="CU26" s="104">
        <v>3074623</v>
      </c>
      <c r="CV26" s="103">
        <v>72046208</v>
      </c>
      <c r="CW26" s="106">
        <v>72046208</v>
      </c>
      <c r="CX26" s="100">
        <v>529097</v>
      </c>
      <c r="CY26" s="104">
        <v>1440875</v>
      </c>
      <c r="CZ26" s="103">
        <v>1969972</v>
      </c>
      <c r="DA26" s="100">
        <v>0</v>
      </c>
      <c r="DB26" s="104">
        <v>2640818</v>
      </c>
      <c r="DC26" s="104">
        <v>3520459</v>
      </c>
      <c r="DD26" s="104">
        <v>2423244</v>
      </c>
      <c r="DE26" s="104">
        <v>1977284</v>
      </c>
      <c r="DF26" s="104">
        <v>409709</v>
      </c>
      <c r="DG26" s="103">
        <v>10971514</v>
      </c>
      <c r="DH26" s="106">
        <v>12941486</v>
      </c>
      <c r="DI26" s="100">
        <v>45365</v>
      </c>
      <c r="DJ26" s="104">
        <v>194597</v>
      </c>
      <c r="DK26" s="102">
        <v>239962</v>
      </c>
      <c r="DL26" s="101">
        <v>0</v>
      </c>
      <c r="DM26" s="104">
        <v>2234299</v>
      </c>
      <c r="DN26" s="104">
        <v>4020949</v>
      </c>
      <c r="DO26" s="104">
        <v>8033836</v>
      </c>
      <c r="DP26" s="104">
        <v>8483082</v>
      </c>
      <c r="DQ26" s="104">
        <v>5393283</v>
      </c>
      <c r="DR26" s="103">
        <v>28165449</v>
      </c>
      <c r="DS26" s="106">
        <v>28405411</v>
      </c>
      <c r="DT26" s="100">
        <v>45365</v>
      </c>
      <c r="DU26" s="104">
        <v>116706</v>
      </c>
      <c r="DV26" s="103">
        <v>162071</v>
      </c>
      <c r="DW26" s="100">
        <v>0</v>
      </c>
      <c r="DX26" s="104">
        <v>2138083</v>
      </c>
      <c r="DY26" s="104">
        <v>3490132</v>
      </c>
      <c r="DZ26" s="104">
        <v>7899608</v>
      </c>
      <c r="EA26" s="104">
        <v>8300325</v>
      </c>
      <c r="EB26" s="104">
        <v>5117054</v>
      </c>
      <c r="EC26" s="103">
        <v>26945202</v>
      </c>
      <c r="ED26" s="106">
        <v>27107273</v>
      </c>
      <c r="EE26" s="100">
        <v>0</v>
      </c>
      <c r="EF26" s="102">
        <v>77891</v>
      </c>
      <c r="EG26" s="103">
        <v>77891</v>
      </c>
      <c r="EH26" s="100">
        <v>0</v>
      </c>
      <c r="EI26" s="104">
        <v>96216</v>
      </c>
      <c r="EJ26" s="104">
        <v>530817</v>
      </c>
      <c r="EK26" s="104">
        <v>134228</v>
      </c>
      <c r="EL26" s="104">
        <v>182757</v>
      </c>
      <c r="EM26" s="104">
        <v>276229</v>
      </c>
      <c r="EN26" s="102">
        <v>1220247</v>
      </c>
      <c r="EO26" s="106">
        <v>1298138</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06">
        <v>0</v>
      </c>
      <c r="FE26" s="104">
        <v>0</v>
      </c>
      <c r="FF26" s="104">
        <v>0</v>
      </c>
      <c r="FG26" s="104">
        <v>0</v>
      </c>
      <c r="FH26" s="104">
        <v>0</v>
      </c>
      <c r="FI26" s="104">
        <v>0</v>
      </c>
      <c r="FJ26" s="103">
        <v>0</v>
      </c>
      <c r="FK26" s="106">
        <v>0</v>
      </c>
      <c r="FL26" s="100">
        <v>2077267</v>
      </c>
      <c r="FM26" s="104">
        <v>2604546</v>
      </c>
      <c r="FN26" s="103">
        <v>4681813</v>
      </c>
      <c r="FO26" s="100">
        <v>0</v>
      </c>
      <c r="FP26" s="104">
        <v>4206999</v>
      </c>
      <c r="FQ26" s="104">
        <v>8973219</v>
      </c>
      <c r="FR26" s="104">
        <v>7395416</v>
      </c>
      <c r="FS26" s="104">
        <v>5731716</v>
      </c>
      <c r="FT26" s="104">
        <v>3798720</v>
      </c>
      <c r="FU26" s="103">
        <v>30106070</v>
      </c>
      <c r="FV26" s="106">
        <v>34787883</v>
      </c>
      <c r="FW26" s="105">
        <v>1035755</v>
      </c>
      <c r="FX26" s="104">
        <v>2187047</v>
      </c>
      <c r="FY26" s="102">
        <v>3222802</v>
      </c>
      <c r="FZ26" s="101">
        <v>0</v>
      </c>
      <c r="GA26" s="104">
        <v>3170173</v>
      </c>
      <c r="GB26" s="104">
        <v>8682497</v>
      </c>
      <c r="GC26" s="104">
        <v>6839063</v>
      </c>
      <c r="GD26" s="104">
        <v>5203209</v>
      </c>
      <c r="GE26" s="104">
        <v>3798720</v>
      </c>
      <c r="GF26" s="103">
        <v>27693662</v>
      </c>
      <c r="GG26" s="290">
        <v>30916464</v>
      </c>
      <c r="GH26" s="105">
        <v>95702</v>
      </c>
      <c r="GI26" s="104">
        <v>87370</v>
      </c>
      <c r="GJ26" s="102">
        <v>183072</v>
      </c>
      <c r="GK26" s="101">
        <v>0</v>
      </c>
      <c r="GL26" s="104">
        <v>135676</v>
      </c>
      <c r="GM26" s="104">
        <v>153562</v>
      </c>
      <c r="GN26" s="104">
        <v>78885</v>
      </c>
      <c r="GO26" s="104">
        <v>112230</v>
      </c>
      <c r="GP26" s="104">
        <v>0</v>
      </c>
      <c r="GQ26" s="103">
        <v>480353</v>
      </c>
      <c r="GR26" s="106">
        <v>663425</v>
      </c>
      <c r="GS26" s="100">
        <v>945810</v>
      </c>
      <c r="GT26" s="104">
        <v>330129</v>
      </c>
      <c r="GU26" s="103">
        <v>1275939</v>
      </c>
      <c r="GV26" s="100">
        <v>0</v>
      </c>
      <c r="GW26" s="104">
        <v>901150</v>
      </c>
      <c r="GX26" s="104">
        <v>137160</v>
      </c>
      <c r="GY26" s="104">
        <v>477468</v>
      </c>
      <c r="GZ26" s="104">
        <v>416277</v>
      </c>
      <c r="HA26" s="104">
        <v>0</v>
      </c>
      <c r="HB26" s="102">
        <v>1932055</v>
      </c>
      <c r="HC26" s="106">
        <v>3207994</v>
      </c>
      <c r="HD26" s="100">
        <v>921188</v>
      </c>
      <c r="HE26" s="104">
        <v>1423683</v>
      </c>
      <c r="HF26" s="102">
        <v>2344871</v>
      </c>
      <c r="HG26" s="101">
        <v>0</v>
      </c>
      <c r="HH26" s="104">
        <v>10641298</v>
      </c>
      <c r="HI26" s="104">
        <v>13049459</v>
      </c>
      <c r="HJ26" s="104">
        <v>12788838</v>
      </c>
      <c r="HK26" s="104">
        <v>13656099</v>
      </c>
      <c r="HL26" s="104">
        <v>11472030</v>
      </c>
      <c r="HM26" s="103">
        <v>61607724</v>
      </c>
      <c r="HN26" s="99">
        <v>63952595</v>
      </c>
      <c r="HO26" s="105">
        <v>1298967</v>
      </c>
      <c r="HP26" s="104">
        <v>2022339</v>
      </c>
      <c r="HQ26" s="103">
        <v>3321306</v>
      </c>
      <c r="HR26" s="100">
        <v>0</v>
      </c>
      <c r="HS26" s="104">
        <v>12483906</v>
      </c>
      <c r="HT26" s="104">
        <v>12981996</v>
      </c>
      <c r="HU26" s="104">
        <v>8338734</v>
      </c>
      <c r="HV26" s="104">
        <v>5357539</v>
      </c>
      <c r="HW26" s="104">
        <v>3014778</v>
      </c>
      <c r="HX26" s="102">
        <v>42176953</v>
      </c>
      <c r="HY26" s="106">
        <v>45498259</v>
      </c>
      <c r="HZ26" s="135">
        <v>0</v>
      </c>
      <c r="IA26" s="122">
        <v>0</v>
      </c>
      <c r="IB26" s="135">
        <v>0</v>
      </c>
      <c r="IC26" s="121">
        <v>0</v>
      </c>
      <c r="ID26" s="122">
        <v>13814202</v>
      </c>
      <c r="IE26" s="123">
        <v>20681231</v>
      </c>
      <c r="IF26" s="124">
        <v>20895576</v>
      </c>
      <c r="IG26" s="122">
        <v>9316720</v>
      </c>
      <c r="IH26" s="124">
        <v>6917577</v>
      </c>
      <c r="II26" s="125">
        <v>71625306</v>
      </c>
      <c r="IJ26" s="135">
        <v>71625306</v>
      </c>
      <c r="IK26" s="215">
        <v>0</v>
      </c>
      <c r="IL26" s="219">
        <v>0</v>
      </c>
      <c r="IM26" s="220">
        <v>0</v>
      </c>
      <c r="IN26" s="127">
        <v>0</v>
      </c>
      <c r="IO26" s="109">
        <v>55875</v>
      </c>
      <c r="IP26" s="109">
        <v>351988</v>
      </c>
      <c r="IQ26" s="109">
        <v>0</v>
      </c>
      <c r="IR26" s="109">
        <v>308476</v>
      </c>
      <c r="IS26" s="109">
        <v>515478</v>
      </c>
      <c r="IT26" s="128">
        <v>1231817</v>
      </c>
      <c r="IU26" s="292">
        <v>1231817</v>
      </c>
      <c r="IV26" s="129">
        <v>0</v>
      </c>
      <c r="IW26" s="109">
        <v>0</v>
      </c>
      <c r="IX26" s="110">
        <v>0</v>
      </c>
      <c r="IY26" s="443">
        <v>0</v>
      </c>
      <c r="IZ26" s="109">
        <v>0</v>
      </c>
      <c r="JA26" s="109">
        <v>0</v>
      </c>
      <c r="JB26" s="109">
        <v>0</v>
      </c>
      <c r="JC26" s="109">
        <v>0</v>
      </c>
      <c r="JD26" s="109">
        <v>0</v>
      </c>
      <c r="JE26" s="110">
        <v>0</v>
      </c>
      <c r="JF26" s="111">
        <v>0</v>
      </c>
      <c r="JG26" s="129">
        <v>0</v>
      </c>
      <c r="JH26" s="109">
        <v>0</v>
      </c>
      <c r="JI26" s="128">
        <v>0</v>
      </c>
      <c r="JJ26" s="108">
        <v>0</v>
      </c>
      <c r="JK26" s="109">
        <v>8283408</v>
      </c>
      <c r="JL26" s="109">
        <v>9199722</v>
      </c>
      <c r="JM26" s="109">
        <v>6533452</v>
      </c>
      <c r="JN26" s="109">
        <v>3146820</v>
      </c>
      <c r="JO26" s="109">
        <v>1212010</v>
      </c>
      <c r="JP26" s="110">
        <v>28375412</v>
      </c>
      <c r="JQ26" s="292">
        <v>28375412</v>
      </c>
      <c r="JR26" s="129">
        <v>0</v>
      </c>
      <c r="JS26" s="109">
        <v>0</v>
      </c>
      <c r="JT26" s="128">
        <v>0</v>
      </c>
      <c r="JU26" s="108">
        <v>0</v>
      </c>
      <c r="JV26" s="109">
        <v>0</v>
      </c>
      <c r="JW26" s="109">
        <v>0</v>
      </c>
      <c r="JX26" s="109">
        <v>0</v>
      </c>
      <c r="JY26" s="109">
        <v>0</v>
      </c>
      <c r="JZ26" s="109">
        <v>0</v>
      </c>
      <c r="KA26" s="110">
        <v>0</v>
      </c>
      <c r="KB26" s="292">
        <v>0</v>
      </c>
      <c r="KC26" s="217">
        <v>0</v>
      </c>
      <c r="KD26" s="213">
        <v>0</v>
      </c>
      <c r="KE26" s="110">
        <v>0</v>
      </c>
      <c r="KF26" s="108">
        <v>0</v>
      </c>
      <c r="KG26" s="109">
        <v>1221004</v>
      </c>
      <c r="KH26" s="109">
        <v>1072773</v>
      </c>
      <c r="KI26" s="109">
        <v>4387314</v>
      </c>
      <c r="KJ26" s="109">
        <v>1718934</v>
      </c>
      <c r="KK26" s="109">
        <v>916684</v>
      </c>
      <c r="KL26" s="110">
        <v>9316709</v>
      </c>
      <c r="KM26" s="130">
        <v>9316709</v>
      </c>
      <c r="KN26" s="215">
        <v>0</v>
      </c>
      <c r="KO26" s="219">
        <v>0</v>
      </c>
      <c r="KP26" s="220">
        <v>0</v>
      </c>
      <c r="KQ26" s="443">
        <v>0</v>
      </c>
      <c r="KR26" s="109">
        <v>3964433</v>
      </c>
      <c r="KS26" s="109">
        <v>9462583</v>
      </c>
      <c r="KT26" s="109">
        <v>9151549</v>
      </c>
      <c r="KU26" s="109">
        <v>3827988</v>
      </c>
      <c r="KV26" s="109">
        <v>2102219</v>
      </c>
      <c r="KW26" s="110">
        <v>28508772</v>
      </c>
      <c r="KX26" s="292">
        <v>28508772</v>
      </c>
      <c r="KY26" s="129">
        <v>0</v>
      </c>
      <c r="KZ26" s="109">
        <v>0</v>
      </c>
      <c r="LA26" s="110">
        <v>0</v>
      </c>
      <c r="LB26" s="443">
        <v>0</v>
      </c>
      <c r="LC26" s="109">
        <v>0</v>
      </c>
      <c r="LD26" s="109">
        <v>0</v>
      </c>
      <c r="LE26" s="109">
        <v>0</v>
      </c>
      <c r="LF26" s="109">
        <v>0</v>
      </c>
      <c r="LG26" s="109">
        <v>0</v>
      </c>
      <c r="LH26" s="110">
        <v>0</v>
      </c>
      <c r="LI26" s="111">
        <v>0</v>
      </c>
      <c r="LJ26" s="129">
        <v>0</v>
      </c>
      <c r="LK26" s="109">
        <v>0</v>
      </c>
      <c r="LL26" s="110">
        <v>0</v>
      </c>
      <c r="LM26" s="443">
        <v>0</v>
      </c>
      <c r="LN26" s="109">
        <v>0</v>
      </c>
      <c r="LO26" s="109">
        <v>0</v>
      </c>
      <c r="LP26" s="109">
        <v>0</v>
      </c>
      <c r="LQ26" s="109">
        <v>0</v>
      </c>
      <c r="LR26" s="109">
        <v>0</v>
      </c>
      <c r="LS26" s="110">
        <v>0</v>
      </c>
      <c r="LT26" s="292">
        <v>0</v>
      </c>
      <c r="LU26" s="129">
        <v>0</v>
      </c>
      <c r="LV26" s="109">
        <v>0</v>
      </c>
      <c r="LW26" s="110">
        <v>0</v>
      </c>
      <c r="LX26" s="443">
        <v>0</v>
      </c>
      <c r="LY26" s="109">
        <v>289482</v>
      </c>
      <c r="LZ26" s="109">
        <v>594165</v>
      </c>
      <c r="MA26" s="109">
        <v>823261</v>
      </c>
      <c r="MB26" s="109">
        <v>314502</v>
      </c>
      <c r="MC26" s="109">
        <v>2171186</v>
      </c>
      <c r="MD26" s="110">
        <v>4192596</v>
      </c>
      <c r="ME26" s="111">
        <v>4192596</v>
      </c>
      <c r="MF26" s="129">
        <v>0</v>
      </c>
      <c r="MG26" s="109">
        <v>0</v>
      </c>
      <c r="MH26" s="110">
        <v>0</v>
      </c>
      <c r="MI26" s="443">
        <v>0</v>
      </c>
      <c r="MJ26" s="109">
        <v>5965694</v>
      </c>
      <c r="MK26" s="109">
        <v>9451432</v>
      </c>
      <c r="ML26" s="109">
        <v>59684735</v>
      </c>
      <c r="MM26" s="109">
        <v>73006434</v>
      </c>
      <c r="MN26" s="109">
        <v>58970274</v>
      </c>
      <c r="MO26" s="110">
        <v>207078569</v>
      </c>
      <c r="MP26" s="130">
        <v>207078569</v>
      </c>
      <c r="MQ26" s="129">
        <v>0</v>
      </c>
      <c r="MR26" s="109">
        <v>0</v>
      </c>
      <c r="MS26" s="110">
        <v>0</v>
      </c>
      <c r="MT26" s="443">
        <v>0</v>
      </c>
      <c r="MU26" s="109">
        <v>925238</v>
      </c>
      <c r="MV26" s="109">
        <v>3048993</v>
      </c>
      <c r="MW26" s="109">
        <v>44777792</v>
      </c>
      <c r="MX26" s="109">
        <v>53783826</v>
      </c>
      <c r="MY26" s="109">
        <v>42790938</v>
      </c>
      <c r="MZ26" s="110">
        <v>145326787</v>
      </c>
      <c r="NA26" s="130">
        <v>145326787</v>
      </c>
      <c r="NB26" s="129">
        <v>0</v>
      </c>
      <c r="NC26" s="109">
        <v>0</v>
      </c>
      <c r="ND26" s="110">
        <v>0</v>
      </c>
      <c r="NE26" s="443">
        <v>0</v>
      </c>
      <c r="NF26" s="109">
        <v>5040456</v>
      </c>
      <c r="NG26" s="109">
        <v>6402439</v>
      </c>
      <c r="NH26" s="109">
        <v>14521987</v>
      </c>
      <c r="NI26" s="109">
        <v>15345147</v>
      </c>
      <c r="NJ26" s="109">
        <v>7883329</v>
      </c>
      <c r="NK26" s="110">
        <v>49193358</v>
      </c>
      <c r="NL26" s="292">
        <v>49193358</v>
      </c>
      <c r="NM26" s="129">
        <v>0</v>
      </c>
      <c r="NN26" s="109">
        <v>0</v>
      </c>
      <c r="NO26" s="110">
        <v>0</v>
      </c>
      <c r="NP26" s="443">
        <v>0</v>
      </c>
      <c r="NQ26" s="109">
        <v>0</v>
      </c>
      <c r="NR26" s="109">
        <v>0</v>
      </c>
      <c r="NS26" s="109">
        <v>0</v>
      </c>
      <c r="NT26" s="109">
        <v>178901</v>
      </c>
      <c r="NU26" s="109">
        <v>1050153</v>
      </c>
      <c r="NV26" s="110">
        <v>1229054</v>
      </c>
      <c r="NW26" s="111">
        <v>1229054</v>
      </c>
      <c r="NX26" s="129">
        <v>0</v>
      </c>
      <c r="NY26" s="109">
        <v>0</v>
      </c>
      <c r="NZ26" s="110">
        <v>0</v>
      </c>
      <c r="OA26" s="443">
        <v>0</v>
      </c>
      <c r="OB26" s="109">
        <v>0</v>
      </c>
      <c r="OC26" s="109">
        <v>0</v>
      </c>
      <c r="OD26" s="109">
        <v>384956</v>
      </c>
      <c r="OE26" s="109">
        <v>3698560</v>
      </c>
      <c r="OF26" s="109">
        <v>7245854</v>
      </c>
      <c r="OG26" s="110">
        <v>11329370</v>
      </c>
      <c r="OH26" s="111">
        <v>11329370</v>
      </c>
      <c r="OI26" s="129">
        <v>7007084</v>
      </c>
      <c r="OJ26" s="109">
        <v>12117159</v>
      </c>
      <c r="OK26" s="128">
        <v>19124243</v>
      </c>
      <c r="OL26" s="108">
        <v>0</v>
      </c>
      <c r="OM26" s="109">
        <v>92646757</v>
      </c>
      <c r="ON26" s="109">
        <v>133788398</v>
      </c>
      <c r="OO26" s="109">
        <v>174748961</v>
      </c>
      <c r="OP26" s="109">
        <v>158839819</v>
      </c>
      <c r="OQ26" s="109">
        <v>122572026</v>
      </c>
      <c r="OR26" s="110">
        <v>682595961</v>
      </c>
      <c r="OS26" s="130">
        <v>701720204</v>
      </c>
    </row>
    <row r="27" spans="2:409" ht="21" customHeight="1" x14ac:dyDescent="0.2">
      <c r="B27" s="437" t="s">
        <v>22</v>
      </c>
      <c r="C27" s="100">
        <v>1440974</v>
      </c>
      <c r="D27" s="104">
        <v>3933125</v>
      </c>
      <c r="E27" s="103">
        <v>5374099</v>
      </c>
      <c r="F27" s="99">
        <v>0</v>
      </c>
      <c r="G27" s="104">
        <v>22612990</v>
      </c>
      <c r="H27" s="104">
        <v>32106019</v>
      </c>
      <c r="I27" s="104">
        <v>24787159</v>
      </c>
      <c r="J27" s="104">
        <v>22583748</v>
      </c>
      <c r="K27" s="104">
        <v>18420304</v>
      </c>
      <c r="L27" s="156">
        <v>120510220</v>
      </c>
      <c r="M27" s="106">
        <v>125884319</v>
      </c>
      <c r="N27" s="100">
        <v>238126</v>
      </c>
      <c r="O27" s="104">
        <v>485121</v>
      </c>
      <c r="P27" s="103">
        <v>723247</v>
      </c>
      <c r="Q27" s="100">
        <v>0</v>
      </c>
      <c r="R27" s="104">
        <v>5427099</v>
      </c>
      <c r="S27" s="104">
        <v>8192558</v>
      </c>
      <c r="T27" s="104">
        <v>4107448</v>
      </c>
      <c r="U27" s="104">
        <v>7779112</v>
      </c>
      <c r="V27" s="104">
        <v>8599191</v>
      </c>
      <c r="W27" s="103">
        <v>34105408</v>
      </c>
      <c r="X27" s="106">
        <v>34828655</v>
      </c>
      <c r="Y27" s="100">
        <v>0</v>
      </c>
      <c r="Z27" s="104">
        <v>0</v>
      </c>
      <c r="AA27" s="103">
        <v>0</v>
      </c>
      <c r="AB27" s="100">
        <v>0</v>
      </c>
      <c r="AC27" s="104">
        <v>2528908</v>
      </c>
      <c r="AD27" s="104">
        <v>3748959</v>
      </c>
      <c r="AE27" s="104">
        <v>1961251</v>
      </c>
      <c r="AF27" s="104">
        <v>4632585</v>
      </c>
      <c r="AG27" s="104">
        <v>4150953</v>
      </c>
      <c r="AH27" s="103">
        <v>17022656</v>
      </c>
      <c r="AI27" s="106">
        <v>17022656</v>
      </c>
      <c r="AJ27" s="100">
        <v>0</v>
      </c>
      <c r="AK27" s="104">
        <v>0</v>
      </c>
      <c r="AL27" s="103">
        <v>0</v>
      </c>
      <c r="AM27" s="100">
        <v>0</v>
      </c>
      <c r="AN27" s="104">
        <v>244032</v>
      </c>
      <c r="AO27" s="104">
        <v>205407</v>
      </c>
      <c r="AP27" s="104">
        <v>0</v>
      </c>
      <c r="AQ27" s="104">
        <v>525970</v>
      </c>
      <c r="AR27" s="104">
        <v>1298451</v>
      </c>
      <c r="AS27" s="103">
        <v>2273860</v>
      </c>
      <c r="AT27" s="106">
        <v>2273860</v>
      </c>
      <c r="AU27" s="100">
        <v>138654</v>
      </c>
      <c r="AV27" s="104">
        <v>365412</v>
      </c>
      <c r="AW27" s="103">
        <v>504066</v>
      </c>
      <c r="AX27" s="100">
        <v>0</v>
      </c>
      <c r="AY27" s="104">
        <v>1637808</v>
      </c>
      <c r="AZ27" s="104">
        <v>2588803</v>
      </c>
      <c r="BA27" s="104">
        <v>1196513</v>
      </c>
      <c r="BB27" s="104">
        <v>1459914</v>
      </c>
      <c r="BC27" s="104">
        <v>2352339</v>
      </c>
      <c r="BD27" s="103">
        <v>9235377</v>
      </c>
      <c r="BE27" s="106">
        <v>9739443</v>
      </c>
      <c r="BF27" s="100">
        <v>7512</v>
      </c>
      <c r="BG27" s="104">
        <v>33264</v>
      </c>
      <c r="BH27" s="102">
        <v>40776</v>
      </c>
      <c r="BI27" s="101">
        <v>0</v>
      </c>
      <c r="BJ27" s="104">
        <v>347716</v>
      </c>
      <c r="BK27" s="104">
        <v>449811</v>
      </c>
      <c r="BL27" s="104">
        <v>86718</v>
      </c>
      <c r="BM27" s="104">
        <v>228532</v>
      </c>
      <c r="BN27" s="104">
        <v>129507</v>
      </c>
      <c r="BO27" s="103">
        <v>1242284</v>
      </c>
      <c r="BP27" s="106">
        <v>1283060</v>
      </c>
      <c r="BQ27" s="100">
        <v>91960</v>
      </c>
      <c r="BR27" s="104">
        <v>86445</v>
      </c>
      <c r="BS27" s="103">
        <v>178405</v>
      </c>
      <c r="BT27" s="100">
        <v>0</v>
      </c>
      <c r="BU27" s="104">
        <v>668635</v>
      </c>
      <c r="BV27" s="104">
        <v>1199578</v>
      </c>
      <c r="BW27" s="104">
        <v>862966</v>
      </c>
      <c r="BX27" s="104">
        <v>932111</v>
      </c>
      <c r="BY27" s="104">
        <v>667941</v>
      </c>
      <c r="BZ27" s="103">
        <v>4331231</v>
      </c>
      <c r="CA27" s="106">
        <v>4509636</v>
      </c>
      <c r="CB27" s="100">
        <v>150670</v>
      </c>
      <c r="CC27" s="104">
        <v>412481</v>
      </c>
      <c r="CD27" s="103">
        <v>563151</v>
      </c>
      <c r="CE27" s="100">
        <v>0</v>
      </c>
      <c r="CF27" s="104">
        <v>6501969</v>
      </c>
      <c r="CG27" s="104">
        <v>8994894</v>
      </c>
      <c r="CH27" s="104">
        <v>9099203</v>
      </c>
      <c r="CI27" s="104">
        <v>3808809</v>
      </c>
      <c r="CJ27" s="104">
        <v>2087990</v>
      </c>
      <c r="CK27" s="103">
        <v>30492865</v>
      </c>
      <c r="CL27" s="106">
        <v>31056016</v>
      </c>
      <c r="CM27" s="100">
        <v>0</v>
      </c>
      <c r="CN27" s="104">
        <v>0</v>
      </c>
      <c r="CO27" s="103">
        <v>0</v>
      </c>
      <c r="CP27" s="101">
        <v>0</v>
      </c>
      <c r="CQ27" s="104">
        <v>5623046</v>
      </c>
      <c r="CR27" s="104">
        <v>6995523</v>
      </c>
      <c r="CS27" s="104">
        <v>7895262</v>
      </c>
      <c r="CT27" s="104">
        <v>2574273</v>
      </c>
      <c r="CU27" s="104">
        <v>1762039</v>
      </c>
      <c r="CV27" s="103">
        <v>24850143</v>
      </c>
      <c r="CW27" s="106">
        <v>24850143</v>
      </c>
      <c r="CX27" s="100">
        <v>150670</v>
      </c>
      <c r="CY27" s="104">
        <v>412481</v>
      </c>
      <c r="CZ27" s="103">
        <v>563151</v>
      </c>
      <c r="DA27" s="100">
        <v>0</v>
      </c>
      <c r="DB27" s="104">
        <v>878923</v>
      </c>
      <c r="DC27" s="104">
        <v>1999371</v>
      </c>
      <c r="DD27" s="104">
        <v>1203941</v>
      </c>
      <c r="DE27" s="104">
        <v>1234536</v>
      </c>
      <c r="DF27" s="104">
        <v>325951</v>
      </c>
      <c r="DG27" s="103">
        <v>5642722</v>
      </c>
      <c r="DH27" s="106">
        <v>6205873</v>
      </c>
      <c r="DI27" s="100">
        <v>0</v>
      </c>
      <c r="DJ27" s="104">
        <v>109894</v>
      </c>
      <c r="DK27" s="102">
        <v>109894</v>
      </c>
      <c r="DL27" s="101">
        <v>0</v>
      </c>
      <c r="DM27" s="104">
        <v>478786</v>
      </c>
      <c r="DN27" s="104">
        <v>1573577</v>
      </c>
      <c r="DO27" s="104">
        <v>2711261</v>
      </c>
      <c r="DP27" s="104">
        <v>1526516</v>
      </c>
      <c r="DQ27" s="104">
        <v>1295225</v>
      </c>
      <c r="DR27" s="103">
        <v>7585365</v>
      </c>
      <c r="DS27" s="106">
        <v>7695259</v>
      </c>
      <c r="DT27" s="100">
        <v>0</v>
      </c>
      <c r="DU27" s="104">
        <v>109894</v>
      </c>
      <c r="DV27" s="103">
        <v>109894</v>
      </c>
      <c r="DW27" s="100">
        <v>0</v>
      </c>
      <c r="DX27" s="104">
        <v>386425</v>
      </c>
      <c r="DY27" s="104">
        <v>1573577</v>
      </c>
      <c r="DZ27" s="104">
        <v>2615708</v>
      </c>
      <c r="EA27" s="104">
        <v>975089</v>
      </c>
      <c r="EB27" s="104">
        <v>1137273</v>
      </c>
      <c r="EC27" s="103">
        <v>6688072</v>
      </c>
      <c r="ED27" s="106">
        <v>6797966</v>
      </c>
      <c r="EE27" s="100">
        <v>0</v>
      </c>
      <c r="EF27" s="102">
        <v>0</v>
      </c>
      <c r="EG27" s="103">
        <v>0</v>
      </c>
      <c r="EH27" s="100">
        <v>0</v>
      </c>
      <c r="EI27" s="104">
        <v>92361</v>
      </c>
      <c r="EJ27" s="104">
        <v>0</v>
      </c>
      <c r="EK27" s="104">
        <v>95553</v>
      </c>
      <c r="EL27" s="104">
        <v>551427</v>
      </c>
      <c r="EM27" s="104">
        <v>157952</v>
      </c>
      <c r="EN27" s="102">
        <v>897293</v>
      </c>
      <c r="EO27" s="106">
        <v>897293</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06">
        <v>0</v>
      </c>
      <c r="FE27" s="104">
        <v>0</v>
      </c>
      <c r="FF27" s="104">
        <v>0</v>
      </c>
      <c r="FG27" s="104">
        <v>0</v>
      </c>
      <c r="FH27" s="104">
        <v>0</v>
      </c>
      <c r="FI27" s="104">
        <v>0</v>
      </c>
      <c r="FJ27" s="103">
        <v>0</v>
      </c>
      <c r="FK27" s="106">
        <v>0</v>
      </c>
      <c r="FL27" s="100">
        <v>314378</v>
      </c>
      <c r="FM27" s="104">
        <v>1513103</v>
      </c>
      <c r="FN27" s="103">
        <v>1827481</v>
      </c>
      <c r="FO27" s="100">
        <v>0</v>
      </c>
      <c r="FP27" s="104">
        <v>1943904</v>
      </c>
      <c r="FQ27" s="104">
        <v>3375995</v>
      </c>
      <c r="FR27" s="104">
        <v>2031619</v>
      </c>
      <c r="FS27" s="104">
        <v>2312564</v>
      </c>
      <c r="FT27" s="104">
        <v>1378053</v>
      </c>
      <c r="FU27" s="103">
        <v>11042135</v>
      </c>
      <c r="FV27" s="106">
        <v>12869616</v>
      </c>
      <c r="FW27" s="105">
        <v>294974</v>
      </c>
      <c r="FX27" s="104">
        <v>982661</v>
      </c>
      <c r="FY27" s="102">
        <v>1277635</v>
      </c>
      <c r="FZ27" s="101">
        <v>0</v>
      </c>
      <c r="GA27" s="104">
        <v>1665854</v>
      </c>
      <c r="GB27" s="104">
        <v>3116570</v>
      </c>
      <c r="GC27" s="104">
        <v>2016373</v>
      </c>
      <c r="GD27" s="104">
        <v>2312564</v>
      </c>
      <c r="GE27" s="104">
        <v>1363698</v>
      </c>
      <c r="GF27" s="103">
        <v>10475059</v>
      </c>
      <c r="GG27" s="290">
        <v>11752694</v>
      </c>
      <c r="GH27" s="105">
        <v>19404</v>
      </c>
      <c r="GI27" s="104">
        <v>29700</v>
      </c>
      <c r="GJ27" s="102">
        <v>49104</v>
      </c>
      <c r="GK27" s="101">
        <v>0</v>
      </c>
      <c r="GL27" s="104">
        <v>81450</v>
      </c>
      <c r="GM27" s="104">
        <v>147825</v>
      </c>
      <c r="GN27" s="104">
        <v>15246</v>
      </c>
      <c r="GO27" s="104">
        <v>0</v>
      </c>
      <c r="GP27" s="104">
        <v>0</v>
      </c>
      <c r="GQ27" s="103">
        <v>244521</v>
      </c>
      <c r="GR27" s="106">
        <v>293625</v>
      </c>
      <c r="GS27" s="100">
        <v>0</v>
      </c>
      <c r="GT27" s="104">
        <v>500742</v>
      </c>
      <c r="GU27" s="103">
        <v>500742</v>
      </c>
      <c r="GV27" s="100">
        <v>0</v>
      </c>
      <c r="GW27" s="104">
        <v>196600</v>
      </c>
      <c r="GX27" s="104">
        <v>111600</v>
      </c>
      <c r="GY27" s="104">
        <v>0</v>
      </c>
      <c r="GZ27" s="104">
        <v>0</v>
      </c>
      <c r="HA27" s="104">
        <v>14355</v>
      </c>
      <c r="HB27" s="102">
        <v>322555</v>
      </c>
      <c r="HC27" s="106">
        <v>823297</v>
      </c>
      <c r="HD27" s="100">
        <v>418960</v>
      </c>
      <c r="HE27" s="104">
        <v>680403</v>
      </c>
      <c r="HF27" s="102">
        <v>1099363</v>
      </c>
      <c r="HG27" s="101">
        <v>0</v>
      </c>
      <c r="HH27" s="104">
        <v>3972556</v>
      </c>
      <c r="HI27" s="104">
        <v>5566697</v>
      </c>
      <c r="HJ27" s="104">
        <v>3977867</v>
      </c>
      <c r="HK27" s="104">
        <v>5412447</v>
      </c>
      <c r="HL27" s="104">
        <v>4059692</v>
      </c>
      <c r="HM27" s="103">
        <v>22989259</v>
      </c>
      <c r="HN27" s="99">
        <v>24088622</v>
      </c>
      <c r="HO27" s="105">
        <v>318840</v>
      </c>
      <c r="HP27" s="104">
        <v>732123</v>
      </c>
      <c r="HQ27" s="103">
        <v>1050963</v>
      </c>
      <c r="HR27" s="100">
        <v>0</v>
      </c>
      <c r="HS27" s="104">
        <v>4288676</v>
      </c>
      <c r="HT27" s="104">
        <v>4402298</v>
      </c>
      <c r="HU27" s="104">
        <v>2859761</v>
      </c>
      <c r="HV27" s="104">
        <v>1744300</v>
      </c>
      <c r="HW27" s="104">
        <v>1000153</v>
      </c>
      <c r="HX27" s="102">
        <v>14295188</v>
      </c>
      <c r="HY27" s="106">
        <v>15346151</v>
      </c>
      <c r="HZ27" s="118">
        <v>129888</v>
      </c>
      <c r="IA27" s="119">
        <v>251955</v>
      </c>
      <c r="IB27" s="120">
        <v>381843</v>
      </c>
      <c r="IC27" s="131">
        <v>0</v>
      </c>
      <c r="ID27" s="119">
        <v>10194129</v>
      </c>
      <c r="IE27" s="132">
        <v>17599349</v>
      </c>
      <c r="IF27" s="120">
        <v>14275882</v>
      </c>
      <c r="IG27" s="119">
        <v>13911390</v>
      </c>
      <c r="IH27" s="120">
        <v>7730595</v>
      </c>
      <c r="II27" s="133">
        <v>63711345</v>
      </c>
      <c r="IJ27" s="126">
        <v>64093188</v>
      </c>
      <c r="IK27" s="215">
        <v>0</v>
      </c>
      <c r="IL27" s="219">
        <v>0</v>
      </c>
      <c r="IM27" s="220">
        <v>0</v>
      </c>
      <c r="IN27" s="127">
        <v>0</v>
      </c>
      <c r="IO27" s="109">
        <v>0</v>
      </c>
      <c r="IP27" s="109">
        <v>885914</v>
      </c>
      <c r="IQ27" s="109">
        <v>518035</v>
      </c>
      <c r="IR27" s="109">
        <v>826756</v>
      </c>
      <c r="IS27" s="109">
        <v>0</v>
      </c>
      <c r="IT27" s="128">
        <v>2230705</v>
      </c>
      <c r="IU27" s="292">
        <v>2230705</v>
      </c>
      <c r="IV27" s="129">
        <v>0</v>
      </c>
      <c r="IW27" s="109">
        <v>0</v>
      </c>
      <c r="IX27" s="110">
        <v>0</v>
      </c>
      <c r="IY27" s="443">
        <v>0</v>
      </c>
      <c r="IZ27" s="109">
        <v>0</v>
      </c>
      <c r="JA27" s="109">
        <v>0</v>
      </c>
      <c r="JB27" s="109">
        <v>0</v>
      </c>
      <c r="JC27" s="109">
        <v>0</v>
      </c>
      <c r="JD27" s="109">
        <v>0</v>
      </c>
      <c r="JE27" s="110">
        <v>0</v>
      </c>
      <c r="JF27" s="111">
        <v>0</v>
      </c>
      <c r="JG27" s="129">
        <v>0</v>
      </c>
      <c r="JH27" s="109">
        <v>0</v>
      </c>
      <c r="JI27" s="128">
        <v>0</v>
      </c>
      <c r="JJ27" s="108">
        <v>0</v>
      </c>
      <c r="JK27" s="109">
        <v>5349677</v>
      </c>
      <c r="JL27" s="109">
        <v>6911140</v>
      </c>
      <c r="JM27" s="109">
        <v>5216889</v>
      </c>
      <c r="JN27" s="109">
        <v>3411241</v>
      </c>
      <c r="JO27" s="109">
        <v>271206</v>
      </c>
      <c r="JP27" s="110">
        <v>21160153</v>
      </c>
      <c r="JQ27" s="292">
        <v>21160153</v>
      </c>
      <c r="JR27" s="129">
        <v>0</v>
      </c>
      <c r="JS27" s="109">
        <v>0</v>
      </c>
      <c r="JT27" s="128">
        <v>0</v>
      </c>
      <c r="JU27" s="108">
        <v>0</v>
      </c>
      <c r="JV27" s="109">
        <v>123624</v>
      </c>
      <c r="JW27" s="109">
        <v>86733</v>
      </c>
      <c r="JX27" s="109">
        <v>628753</v>
      </c>
      <c r="JY27" s="109">
        <v>322641</v>
      </c>
      <c r="JZ27" s="109">
        <v>356409</v>
      </c>
      <c r="KA27" s="110">
        <v>1518160</v>
      </c>
      <c r="KB27" s="292">
        <v>1518160</v>
      </c>
      <c r="KC27" s="217">
        <v>129888</v>
      </c>
      <c r="KD27" s="213">
        <v>251955</v>
      </c>
      <c r="KE27" s="110">
        <v>381843</v>
      </c>
      <c r="KF27" s="108">
        <v>0</v>
      </c>
      <c r="KG27" s="109">
        <v>2399196</v>
      </c>
      <c r="KH27" s="109">
        <v>4770224</v>
      </c>
      <c r="KI27" s="109">
        <v>1560040</v>
      </c>
      <c r="KJ27" s="109">
        <v>2405736</v>
      </c>
      <c r="KK27" s="109">
        <v>2006298</v>
      </c>
      <c r="KL27" s="110">
        <v>13141494</v>
      </c>
      <c r="KM27" s="130">
        <v>13523337</v>
      </c>
      <c r="KN27" s="215">
        <v>0</v>
      </c>
      <c r="KO27" s="219">
        <v>0</v>
      </c>
      <c r="KP27" s="220">
        <v>0</v>
      </c>
      <c r="KQ27" s="443">
        <v>0</v>
      </c>
      <c r="KR27" s="109">
        <v>2321632</v>
      </c>
      <c r="KS27" s="109">
        <v>4003596</v>
      </c>
      <c r="KT27" s="109">
        <v>4814895</v>
      </c>
      <c r="KU27" s="109">
        <v>4587775</v>
      </c>
      <c r="KV27" s="109">
        <v>1420605</v>
      </c>
      <c r="KW27" s="110">
        <v>17148503</v>
      </c>
      <c r="KX27" s="292">
        <v>17148503</v>
      </c>
      <c r="KY27" s="129">
        <v>0</v>
      </c>
      <c r="KZ27" s="109">
        <v>0</v>
      </c>
      <c r="LA27" s="110">
        <v>0</v>
      </c>
      <c r="LB27" s="443">
        <v>0</v>
      </c>
      <c r="LC27" s="109">
        <v>0</v>
      </c>
      <c r="LD27" s="109">
        <v>0</v>
      </c>
      <c r="LE27" s="109">
        <v>0</v>
      </c>
      <c r="LF27" s="109">
        <v>0</v>
      </c>
      <c r="LG27" s="109">
        <v>0</v>
      </c>
      <c r="LH27" s="110">
        <v>0</v>
      </c>
      <c r="LI27" s="111">
        <v>0</v>
      </c>
      <c r="LJ27" s="129">
        <v>0</v>
      </c>
      <c r="LK27" s="109">
        <v>0</v>
      </c>
      <c r="LL27" s="110">
        <v>0</v>
      </c>
      <c r="LM27" s="443">
        <v>0</v>
      </c>
      <c r="LN27" s="109">
        <v>0</v>
      </c>
      <c r="LO27" s="109">
        <v>941742</v>
      </c>
      <c r="LP27" s="109">
        <v>1537270</v>
      </c>
      <c r="LQ27" s="109">
        <v>2357241</v>
      </c>
      <c r="LR27" s="109">
        <v>3676077</v>
      </c>
      <c r="LS27" s="110">
        <v>8512330</v>
      </c>
      <c r="LT27" s="292">
        <v>8512330</v>
      </c>
      <c r="LU27" s="129">
        <v>0</v>
      </c>
      <c r="LV27" s="109">
        <v>0</v>
      </c>
      <c r="LW27" s="110">
        <v>0</v>
      </c>
      <c r="LX27" s="443">
        <v>0</v>
      </c>
      <c r="LY27" s="109">
        <v>0</v>
      </c>
      <c r="LZ27" s="109">
        <v>0</v>
      </c>
      <c r="MA27" s="109">
        <v>0</v>
      </c>
      <c r="MB27" s="109">
        <v>0</v>
      </c>
      <c r="MC27" s="109">
        <v>0</v>
      </c>
      <c r="MD27" s="110">
        <v>0</v>
      </c>
      <c r="ME27" s="111">
        <v>0</v>
      </c>
      <c r="MF27" s="129">
        <v>0</v>
      </c>
      <c r="MG27" s="109">
        <v>0</v>
      </c>
      <c r="MH27" s="110">
        <v>0</v>
      </c>
      <c r="MI27" s="443">
        <v>0</v>
      </c>
      <c r="MJ27" s="109">
        <v>3633259</v>
      </c>
      <c r="MK27" s="109">
        <v>8482765</v>
      </c>
      <c r="ML27" s="109">
        <v>20127054</v>
      </c>
      <c r="MM27" s="109">
        <v>35595303</v>
      </c>
      <c r="MN27" s="109">
        <v>18006600</v>
      </c>
      <c r="MO27" s="110">
        <v>85844981</v>
      </c>
      <c r="MP27" s="130">
        <v>85844981</v>
      </c>
      <c r="MQ27" s="129">
        <v>0</v>
      </c>
      <c r="MR27" s="109">
        <v>0</v>
      </c>
      <c r="MS27" s="110">
        <v>0</v>
      </c>
      <c r="MT27" s="443">
        <v>0</v>
      </c>
      <c r="MU27" s="109">
        <v>664245</v>
      </c>
      <c r="MV27" s="109">
        <v>821930</v>
      </c>
      <c r="MW27" s="109">
        <v>13546626</v>
      </c>
      <c r="MX27" s="109">
        <v>18413130</v>
      </c>
      <c r="MY27" s="109">
        <v>10260919</v>
      </c>
      <c r="MZ27" s="110">
        <v>43706850</v>
      </c>
      <c r="NA27" s="130">
        <v>43706850</v>
      </c>
      <c r="NB27" s="129">
        <v>0</v>
      </c>
      <c r="NC27" s="109">
        <v>0</v>
      </c>
      <c r="ND27" s="110">
        <v>0</v>
      </c>
      <c r="NE27" s="443">
        <v>0</v>
      </c>
      <c r="NF27" s="109">
        <v>2969014</v>
      </c>
      <c r="NG27" s="109">
        <v>7660835</v>
      </c>
      <c r="NH27" s="109">
        <v>6580428</v>
      </c>
      <c r="NI27" s="109">
        <v>12688010</v>
      </c>
      <c r="NJ27" s="109">
        <v>6456233</v>
      </c>
      <c r="NK27" s="110">
        <v>36354520</v>
      </c>
      <c r="NL27" s="292">
        <v>36354520</v>
      </c>
      <c r="NM27" s="129">
        <v>0</v>
      </c>
      <c r="NN27" s="109">
        <v>0</v>
      </c>
      <c r="NO27" s="110">
        <v>0</v>
      </c>
      <c r="NP27" s="443">
        <v>0</v>
      </c>
      <c r="NQ27" s="109">
        <v>0</v>
      </c>
      <c r="NR27" s="109">
        <v>0</v>
      </c>
      <c r="NS27" s="109">
        <v>0</v>
      </c>
      <c r="NT27" s="109">
        <v>0</v>
      </c>
      <c r="NU27" s="109">
        <v>0</v>
      </c>
      <c r="NV27" s="110">
        <v>0</v>
      </c>
      <c r="NW27" s="111">
        <v>0</v>
      </c>
      <c r="NX27" s="129">
        <v>0</v>
      </c>
      <c r="NY27" s="109">
        <v>0</v>
      </c>
      <c r="NZ27" s="110">
        <v>0</v>
      </c>
      <c r="OA27" s="443">
        <v>0</v>
      </c>
      <c r="OB27" s="109">
        <v>0</v>
      </c>
      <c r="OC27" s="109">
        <v>0</v>
      </c>
      <c r="OD27" s="109">
        <v>0</v>
      </c>
      <c r="OE27" s="109">
        <v>4494163</v>
      </c>
      <c r="OF27" s="109">
        <v>1289448</v>
      </c>
      <c r="OG27" s="110">
        <v>5783611</v>
      </c>
      <c r="OH27" s="111">
        <v>5783611</v>
      </c>
      <c r="OI27" s="129">
        <v>1570862</v>
      </c>
      <c r="OJ27" s="109">
        <v>4185080</v>
      </c>
      <c r="OK27" s="128">
        <v>5755942</v>
      </c>
      <c r="OL27" s="108">
        <v>0</v>
      </c>
      <c r="OM27" s="109">
        <v>36440378</v>
      </c>
      <c r="ON27" s="109">
        <v>58188133</v>
      </c>
      <c r="OO27" s="109">
        <v>59190095</v>
      </c>
      <c r="OP27" s="109">
        <v>72090441</v>
      </c>
      <c r="OQ27" s="109">
        <v>44157499</v>
      </c>
      <c r="OR27" s="110">
        <v>270066546</v>
      </c>
      <c r="OS27" s="130">
        <v>275822488</v>
      </c>
    </row>
    <row r="28" spans="2:409" ht="21" customHeight="1" x14ac:dyDescent="0.2">
      <c r="B28" s="437" t="s">
        <v>23</v>
      </c>
      <c r="C28" s="100">
        <v>3183091</v>
      </c>
      <c r="D28" s="104">
        <v>7146691</v>
      </c>
      <c r="E28" s="103">
        <v>10329782</v>
      </c>
      <c r="F28" s="99">
        <v>0</v>
      </c>
      <c r="G28" s="104">
        <v>48859779</v>
      </c>
      <c r="H28" s="104">
        <v>64194952</v>
      </c>
      <c r="I28" s="104">
        <v>52148393</v>
      </c>
      <c r="J28" s="104">
        <v>53960912</v>
      </c>
      <c r="K28" s="104">
        <v>33346100</v>
      </c>
      <c r="L28" s="156">
        <v>252510136</v>
      </c>
      <c r="M28" s="106">
        <v>262839918</v>
      </c>
      <c r="N28" s="100">
        <v>1110200</v>
      </c>
      <c r="O28" s="104">
        <v>2532726</v>
      </c>
      <c r="P28" s="103">
        <v>3642926</v>
      </c>
      <c r="Q28" s="100">
        <v>0</v>
      </c>
      <c r="R28" s="104">
        <v>11057463</v>
      </c>
      <c r="S28" s="104">
        <v>16914753</v>
      </c>
      <c r="T28" s="104">
        <v>12595533</v>
      </c>
      <c r="U28" s="104">
        <v>17572793</v>
      </c>
      <c r="V28" s="104">
        <v>14560140</v>
      </c>
      <c r="W28" s="103">
        <v>72700682</v>
      </c>
      <c r="X28" s="106">
        <v>76343608</v>
      </c>
      <c r="Y28" s="100">
        <v>0</v>
      </c>
      <c r="Z28" s="104">
        <v>0</v>
      </c>
      <c r="AA28" s="103">
        <v>0</v>
      </c>
      <c r="AB28" s="100">
        <v>0</v>
      </c>
      <c r="AC28" s="104">
        <v>5222993</v>
      </c>
      <c r="AD28" s="104">
        <v>6848083</v>
      </c>
      <c r="AE28" s="104">
        <v>6648427</v>
      </c>
      <c r="AF28" s="104">
        <v>9980065</v>
      </c>
      <c r="AG28" s="104">
        <v>8461284</v>
      </c>
      <c r="AH28" s="103">
        <v>37160852</v>
      </c>
      <c r="AI28" s="106">
        <v>37160852</v>
      </c>
      <c r="AJ28" s="100">
        <v>0</v>
      </c>
      <c r="AK28" s="104">
        <v>0</v>
      </c>
      <c r="AL28" s="103">
        <v>0</v>
      </c>
      <c r="AM28" s="100">
        <v>0</v>
      </c>
      <c r="AN28" s="104">
        <v>11691</v>
      </c>
      <c r="AO28" s="104">
        <v>253231</v>
      </c>
      <c r="AP28" s="104">
        <v>245874</v>
      </c>
      <c r="AQ28" s="104">
        <v>1116029</v>
      </c>
      <c r="AR28" s="104">
        <v>1557305</v>
      </c>
      <c r="AS28" s="103">
        <v>3184130</v>
      </c>
      <c r="AT28" s="106">
        <v>3184130</v>
      </c>
      <c r="AU28" s="100">
        <v>754641</v>
      </c>
      <c r="AV28" s="104">
        <v>1953277</v>
      </c>
      <c r="AW28" s="103">
        <v>2707918</v>
      </c>
      <c r="AX28" s="100">
        <v>0</v>
      </c>
      <c r="AY28" s="104">
        <v>3019691</v>
      </c>
      <c r="AZ28" s="104">
        <v>6620848</v>
      </c>
      <c r="BA28" s="104">
        <v>3430038</v>
      </c>
      <c r="BB28" s="104">
        <v>3330343</v>
      </c>
      <c r="BC28" s="104">
        <v>2712526</v>
      </c>
      <c r="BD28" s="103">
        <v>19113446</v>
      </c>
      <c r="BE28" s="106">
        <v>21821364</v>
      </c>
      <c r="BF28" s="100">
        <v>164087</v>
      </c>
      <c r="BG28" s="104">
        <v>420122</v>
      </c>
      <c r="BH28" s="102">
        <v>584209</v>
      </c>
      <c r="BI28" s="101">
        <v>0</v>
      </c>
      <c r="BJ28" s="104">
        <v>329502</v>
      </c>
      <c r="BK28" s="104">
        <v>746653</v>
      </c>
      <c r="BL28" s="104">
        <v>327452</v>
      </c>
      <c r="BM28" s="104">
        <v>335096</v>
      </c>
      <c r="BN28" s="104">
        <v>133861</v>
      </c>
      <c r="BO28" s="103">
        <v>1872564</v>
      </c>
      <c r="BP28" s="106">
        <v>2456773</v>
      </c>
      <c r="BQ28" s="100">
        <v>191472</v>
      </c>
      <c r="BR28" s="104">
        <v>159327</v>
      </c>
      <c r="BS28" s="103">
        <v>350799</v>
      </c>
      <c r="BT28" s="100">
        <v>0</v>
      </c>
      <c r="BU28" s="104">
        <v>2473586</v>
      </c>
      <c r="BV28" s="104">
        <v>2445938</v>
      </c>
      <c r="BW28" s="104">
        <v>1943742</v>
      </c>
      <c r="BX28" s="104">
        <v>2811260</v>
      </c>
      <c r="BY28" s="104">
        <v>1695164</v>
      </c>
      <c r="BZ28" s="103">
        <v>11369690</v>
      </c>
      <c r="CA28" s="106">
        <v>11720489</v>
      </c>
      <c r="CB28" s="100">
        <v>26747</v>
      </c>
      <c r="CC28" s="104">
        <v>504757</v>
      </c>
      <c r="CD28" s="103">
        <v>531504</v>
      </c>
      <c r="CE28" s="100">
        <v>0</v>
      </c>
      <c r="CF28" s="104">
        <v>16910317</v>
      </c>
      <c r="CG28" s="104">
        <v>20090736</v>
      </c>
      <c r="CH28" s="104">
        <v>16863552</v>
      </c>
      <c r="CI28" s="104">
        <v>10976498</v>
      </c>
      <c r="CJ28" s="104">
        <v>3420527</v>
      </c>
      <c r="CK28" s="103">
        <v>68261630</v>
      </c>
      <c r="CL28" s="106">
        <v>68793134</v>
      </c>
      <c r="CM28" s="100">
        <v>0</v>
      </c>
      <c r="CN28" s="104">
        <v>0</v>
      </c>
      <c r="CO28" s="103">
        <v>0</v>
      </c>
      <c r="CP28" s="101">
        <v>0</v>
      </c>
      <c r="CQ28" s="104">
        <v>14496250</v>
      </c>
      <c r="CR28" s="104">
        <v>16862931</v>
      </c>
      <c r="CS28" s="104">
        <v>14097201</v>
      </c>
      <c r="CT28" s="104">
        <v>8962318</v>
      </c>
      <c r="CU28" s="104">
        <v>2903906</v>
      </c>
      <c r="CV28" s="103">
        <v>57322606</v>
      </c>
      <c r="CW28" s="106">
        <v>57322606</v>
      </c>
      <c r="CX28" s="100">
        <v>26747</v>
      </c>
      <c r="CY28" s="104">
        <v>504757</v>
      </c>
      <c r="CZ28" s="103">
        <v>531504</v>
      </c>
      <c r="DA28" s="100">
        <v>0</v>
      </c>
      <c r="DB28" s="104">
        <v>2414067</v>
      </c>
      <c r="DC28" s="104">
        <v>3227805</v>
      </c>
      <c r="DD28" s="104">
        <v>2766351</v>
      </c>
      <c r="DE28" s="104">
        <v>2014180</v>
      </c>
      <c r="DF28" s="104">
        <v>516621</v>
      </c>
      <c r="DG28" s="103">
        <v>10939024</v>
      </c>
      <c r="DH28" s="106">
        <v>11470528</v>
      </c>
      <c r="DI28" s="100">
        <v>47597</v>
      </c>
      <c r="DJ28" s="104">
        <v>12248</v>
      </c>
      <c r="DK28" s="102">
        <v>59845</v>
      </c>
      <c r="DL28" s="101">
        <v>0</v>
      </c>
      <c r="DM28" s="104">
        <v>1356343</v>
      </c>
      <c r="DN28" s="104">
        <v>2856655</v>
      </c>
      <c r="DO28" s="104">
        <v>6254801</v>
      </c>
      <c r="DP28" s="104">
        <v>5334728</v>
      </c>
      <c r="DQ28" s="104">
        <v>1845849</v>
      </c>
      <c r="DR28" s="103">
        <v>17648376</v>
      </c>
      <c r="DS28" s="106">
        <v>17708221</v>
      </c>
      <c r="DT28" s="100">
        <v>47597</v>
      </c>
      <c r="DU28" s="104">
        <v>12248</v>
      </c>
      <c r="DV28" s="103">
        <v>59845</v>
      </c>
      <c r="DW28" s="100">
        <v>0</v>
      </c>
      <c r="DX28" s="104">
        <v>1356343</v>
      </c>
      <c r="DY28" s="104">
        <v>2799025</v>
      </c>
      <c r="DZ28" s="104">
        <v>6254801</v>
      </c>
      <c r="EA28" s="104">
        <v>5085942</v>
      </c>
      <c r="EB28" s="104">
        <v>1512806</v>
      </c>
      <c r="EC28" s="103">
        <v>17008917</v>
      </c>
      <c r="ED28" s="106">
        <v>17068762</v>
      </c>
      <c r="EE28" s="100">
        <v>0</v>
      </c>
      <c r="EF28" s="102">
        <v>0</v>
      </c>
      <c r="EG28" s="103">
        <v>0</v>
      </c>
      <c r="EH28" s="100">
        <v>0</v>
      </c>
      <c r="EI28" s="104">
        <v>0</v>
      </c>
      <c r="EJ28" s="104">
        <v>57630</v>
      </c>
      <c r="EK28" s="104">
        <v>0</v>
      </c>
      <c r="EL28" s="104">
        <v>248786</v>
      </c>
      <c r="EM28" s="104">
        <v>333043</v>
      </c>
      <c r="EN28" s="102">
        <v>639459</v>
      </c>
      <c r="EO28" s="106">
        <v>639459</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06">
        <v>0</v>
      </c>
      <c r="FE28" s="104">
        <v>0</v>
      </c>
      <c r="FF28" s="104">
        <v>0</v>
      </c>
      <c r="FG28" s="104">
        <v>0</v>
      </c>
      <c r="FH28" s="104">
        <v>0</v>
      </c>
      <c r="FI28" s="104">
        <v>0</v>
      </c>
      <c r="FJ28" s="103">
        <v>0</v>
      </c>
      <c r="FK28" s="106">
        <v>0</v>
      </c>
      <c r="FL28" s="100">
        <v>982355</v>
      </c>
      <c r="FM28" s="104">
        <v>2462175</v>
      </c>
      <c r="FN28" s="103">
        <v>3444530</v>
      </c>
      <c r="FO28" s="100">
        <v>0</v>
      </c>
      <c r="FP28" s="104">
        <v>2989587</v>
      </c>
      <c r="FQ28" s="104">
        <v>6748061</v>
      </c>
      <c r="FR28" s="104">
        <v>4165927</v>
      </c>
      <c r="FS28" s="104">
        <v>4092179</v>
      </c>
      <c r="FT28" s="104">
        <v>2326056</v>
      </c>
      <c r="FU28" s="103">
        <v>20321810</v>
      </c>
      <c r="FV28" s="106">
        <v>23766340</v>
      </c>
      <c r="FW28" s="105">
        <v>500819</v>
      </c>
      <c r="FX28" s="104">
        <v>1883020</v>
      </c>
      <c r="FY28" s="102">
        <v>2383839</v>
      </c>
      <c r="FZ28" s="101">
        <v>0</v>
      </c>
      <c r="GA28" s="104">
        <v>2369667</v>
      </c>
      <c r="GB28" s="104">
        <v>6112253</v>
      </c>
      <c r="GC28" s="104">
        <v>3592690</v>
      </c>
      <c r="GD28" s="104">
        <v>3771553</v>
      </c>
      <c r="GE28" s="104">
        <v>2074816</v>
      </c>
      <c r="GF28" s="103">
        <v>17920979</v>
      </c>
      <c r="GG28" s="290">
        <v>20304818</v>
      </c>
      <c r="GH28" s="105">
        <v>44136</v>
      </c>
      <c r="GI28" s="104">
        <v>53055</v>
      </c>
      <c r="GJ28" s="102">
        <v>97191</v>
      </c>
      <c r="GK28" s="101">
        <v>0</v>
      </c>
      <c r="GL28" s="104">
        <v>104220</v>
      </c>
      <c r="GM28" s="104">
        <v>87908</v>
      </c>
      <c r="GN28" s="104">
        <v>244539</v>
      </c>
      <c r="GO28" s="104">
        <v>15840</v>
      </c>
      <c r="GP28" s="104">
        <v>12600</v>
      </c>
      <c r="GQ28" s="103">
        <v>465107</v>
      </c>
      <c r="GR28" s="106">
        <v>562298</v>
      </c>
      <c r="GS28" s="100">
        <v>437400</v>
      </c>
      <c r="GT28" s="104">
        <v>526100</v>
      </c>
      <c r="GU28" s="103">
        <v>963500</v>
      </c>
      <c r="GV28" s="100">
        <v>0</v>
      </c>
      <c r="GW28" s="104">
        <v>515700</v>
      </c>
      <c r="GX28" s="104">
        <v>547900</v>
      </c>
      <c r="GY28" s="104">
        <v>328698</v>
      </c>
      <c r="GZ28" s="104">
        <v>304786</v>
      </c>
      <c r="HA28" s="104">
        <v>238640</v>
      </c>
      <c r="HB28" s="102">
        <v>1935724</v>
      </c>
      <c r="HC28" s="106">
        <v>2899224</v>
      </c>
      <c r="HD28" s="100">
        <v>370742</v>
      </c>
      <c r="HE28" s="104">
        <v>222948</v>
      </c>
      <c r="HF28" s="102">
        <v>593690</v>
      </c>
      <c r="HG28" s="101">
        <v>0</v>
      </c>
      <c r="HH28" s="104">
        <v>8691071</v>
      </c>
      <c r="HI28" s="104">
        <v>9416345</v>
      </c>
      <c r="HJ28" s="104">
        <v>6958567</v>
      </c>
      <c r="HK28" s="104">
        <v>12179629</v>
      </c>
      <c r="HL28" s="104">
        <v>9448488</v>
      </c>
      <c r="HM28" s="103">
        <v>46694100</v>
      </c>
      <c r="HN28" s="99">
        <v>47287790</v>
      </c>
      <c r="HO28" s="105">
        <v>645450</v>
      </c>
      <c r="HP28" s="104">
        <v>1411837</v>
      </c>
      <c r="HQ28" s="103">
        <v>2057287</v>
      </c>
      <c r="HR28" s="100">
        <v>0</v>
      </c>
      <c r="HS28" s="104">
        <v>7854998</v>
      </c>
      <c r="HT28" s="104">
        <v>8168402</v>
      </c>
      <c r="HU28" s="104">
        <v>5310013</v>
      </c>
      <c r="HV28" s="104">
        <v>3805085</v>
      </c>
      <c r="HW28" s="104">
        <v>1745040</v>
      </c>
      <c r="HX28" s="102">
        <v>26883538</v>
      </c>
      <c r="HY28" s="106">
        <v>28940825</v>
      </c>
      <c r="HZ28" s="135">
        <v>0</v>
      </c>
      <c r="IA28" s="122">
        <v>0</v>
      </c>
      <c r="IB28" s="135">
        <v>0</v>
      </c>
      <c r="IC28" s="121">
        <v>0</v>
      </c>
      <c r="ID28" s="122">
        <v>14029099</v>
      </c>
      <c r="IE28" s="123">
        <v>9130703</v>
      </c>
      <c r="IF28" s="124">
        <v>10127340</v>
      </c>
      <c r="IG28" s="122">
        <v>9375177</v>
      </c>
      <c r="IH28" s="124">
        <v>1870399</v>
      </c>
      <c r="II28" s="125">
        <v>44532718</v>
      </c>
      <c r="IJ28" s="135">
        <v>44532718</v>
      </c>
      <c r="IK28" s="215">
        <v>0</v>
      </c>
      <c r="IL28" s="219">
        <v>0</v>
      </c>
      <c r="IM28" s="220">
        <v>0</v>
      </c>
      <c r="IN28" s="127">
        <v>0</v>
      </c>
      <c r="IO28" s="109">
        <v>0</v>
      </c>
      <c r="IP28" s="109">
        <v>0</v>
      </c>
      <c r="IQ28" s="109">
        <v>179166</v>
      </c>
      <c r="IR28" s="109">
        <v>0</v>
      </c>
      <c r="IS28" s="109">
        <v>232199</v>
      </c>
      <c r="IT28" s="128">
        <v>411365</v>
      </c>
      <c r="IU28" s="292">
        <v>411365</v>
      </c>
      <c r="IV28" s="129">
        <v>0</v>
      </c>
      <c r="IW28" s="109">
        <v>0</v>
      </c>
      <c r="IX28" s="110">
        <v>0</v>
      </c>
      <c r="IY28" s="443">
        <v>0</v>
      </c>
      <c r="IZ28" s="109">
        <v>0</v>
      </c>
      <c r="JA28" s="109">
        <v>0</v>
      </c>
      <c r="JB28" s="109">
        <v>0</v>
      </c>
      <c r="JC28" s="109">
        <v>0</v>
      </c>
      <c r="JD28" s="109">
        <v>0</v>
      </c>
      <c r="JE28" s="110">
        <v>0</v>
      </c>
      <c r="JF28" s="111">
        <v>0</v>
      </c>
      <c r="JG28" s="129">
        <v>0</v>
      </c>
      <c r="JH28" s="109">
        <v>0</v>
      </c>
      <c r="JI28" s="128">
        <v>0</v>
      </c>
      <c r="JJ28" s="108">
        <v>0</v>
      </c>
      <c r="JK28" s="109">
        <v>2611725</v>
      </c>
      <c r="JL28" s="109">
        <v>2598608</v>
      </c>
      <c r="JM28" s="109">
        <v>2523319</v>
      </c>
      <c r="JN28" s="109">
        <v>2411599</v>
      </c>
      <c r="JO28" s="109">
        <v>418901</v>
      </c>
      <c r="JP28" s="110">
        <v>10564152</v>
      </c>
      <c r="JQ28" s="292">
        <v>10564152</v>
      </c>
      <c r="JR28" s="129">
        <v>0</v>
      </c>
      <c r="JS28" s="109">
        <v>0</v>
      </c>
      <c r="JT28" s="128">
        <v>0</v>
      </c>
      <c r="JU28" s="108">
        <v>0</v>
      </c>
      <c r="JV28" s="109">
        <v>0</v>
      </c>
      <c r="JW28" s="109">
        <v>0</v>
      </c>
      <c r="JX28" s="109">
        <v>190996</v>
      </c>
      <c r="JY28" s="109">
        <v>268266</v>
      </c>
      <c r="JZ28" s="109">
        <v>0</v>
      </c>
      <c r="KA28" s="110">
        <v>459262</v>
      </c>
      <c r="KB28" s="292">
        <v>459262</v>
      </c>
      <c r="KC28" s="217">
        <v>0</v>
      </c>
      <c r="KD28" s="213">
        <v>0</v>
      </c>
      <c r="KE28" s="110">
        <v>0</v>
      </c>
      <c r="KF28" s="108">
        <v>0</v>
      </c>
      <c r="KG28" s="109">
        <v>759726</v>
      </c>
      <c r="KH28" s="109">
        <v>758362</v>
      </c>
      <c r="KI28" s="109">
        <v>1503119</v>
      </c>
      <c r="KJ28" s="109">
        <v>282456</v>
      </c>
      <c r="KK28" s="109">
        <v>0</v>
      </c>
      <c r="KL28" s="110">
        <v>3303663</v>
      </c>
      <c r="KM28" s="130">
        <v>3303663</v>
      </c>
      <c r="KN28" s="215">
        <v>0</v>
      </c>
      <c r="KO28" s="219">
        <v>0</v>
      </c>
      <c r="KP28" s="220">
        <v>0</v>
      </c>
      <c r="KQ28" s="443">
        <v>0</v>
      </c>
      <c r="KR28" s="109">
        <v>10657648</v>
      </c>
      <c r="KS28" s="109">
        <v>5773733</v>
      </c>
      <c r="KT28" s="109">
        <v>5730740</v>
      </c>
      <c r="KU28" s="109">
        <v>6092989</v>
      </c>
      <c r="KV28" s="109">
        <v>1219299</v>
      </c>
      <c r="KW28" s="110">
        <v>29474409</v>
      </c>
      <c r="KX28" s="292">
        <v>29474409</v>
      </c>
      <c r="KY28" s="129">
        <v>0</v>
      </c>
      <c r="KZ28" s="109">
        <v>0</v>
      </c>
      <c r="LA28" s="110">
        <v>0</v>
      </c>
      <c r="LB28" s="443">
        <v>0</v>
      </c>
      <c r="LC28" s="109">
        <v>0</v>
      </c>
      <c r="LD28" s="109">
        <v>0</v>
      </c>
      <c r="LE28" s="109">
        <v>0</v>
      </c>
      <c r="LF28" s="109">
        <v>0</v>
      </c>
      <c r="LG28" s="109">
        <v>0</v>
      </c>
      <c r="LH28" s="110">
        <v>0</v>
      </c>
      <c r="LI28" s="111">
        <v>0</v>
      </c>
      <c r="LJ28" s="129">
        <v>0</v>
      </c>
      <c r="LK28" s="109">
        <v>0</v>
      </c>
      <c r="LL28" s="110">
        <v>0</v>
      </c>
      <c r="LM28" s="443">
        <v>0</v>
      </c>
      <c r="LN28" s="109">
        <v>0</v>
      </c>
      <c r="LO28" s="109">
        <v>0</v>
      </c>
      <c r="LP28" s="109">
        <v>0</v>
      </c>
      <c r="LQ28" s="109">
        <v>0</v>
      </c>
      <c r="LR28" s="109">
        <v>0</v>
      </c>
      <c r="LS28" s="110">
        <v>0</v>
      </c>
      <c r="LT28" s="292">
        <v>0</v>
      </c>
      <c r="LU28" s="129">
        <v>0</v>
      </c>
      <c r="LV28" s="109">
        <v>0</v>
      </c>
      <c r="LW28" s="110">
        <v>0</v>
      </c>
      <c r="LX28" s="443">
        <v>0</v>
      </c>
      <c r="LY28" s="109">
        <v>0</v>
      </c>
      <c r="LZ28" s="109">
        <v>0</v>
      </c>
      <c r="MA28" s="109">
        <v>0</v>
      </c>
      <c r="MB28" s="109">
        <v>319867</v>
      </c>
      <c r="MC28" s="109">
        <v>0</v>
      </c>
      <c r="MD28" s="110">
        <v>319867</v>
      </c>
      <c r="ME28" s="111">
        <v>319867</v>
      </c>
      <c r="MF28" s="129">
        <v>0</v>
      </c>
      <c r="MG28" s="109">
        <v>0</v>
      </c>
      <c r="MH28" s="110">
        <v>0</v>
      </c>
      <c r="MI28" s="443">
        <v>0</v>
      </c>
      <c r="MJ28" s="109">
        <v>5735765</v>
      </c>
      <c r="MK28" s="109">
        <v>9978778</v>
      </c>
      <c r="ML28" s="109">
        <v>34890410</v>
      </c>
      <c r="MM28" s="109">
        <v>58273088</v>
      </c>
      <c r="MN28" s="109">
        <v>42240916</v>
      </c>
      <c r="MO28" s="110">
        <v>151118957</v>
      </c>
      <c r="MP28" s="130">
        <v>151118957</v>
      </c>
      <c r="MQ28" s="129">
        <v>0</v>
      </c>
      <c r="MR28" s="109">
        <v>0</v>
      </c>
      <c r="MS28" s="110">
        <v>0</v>
      </c>
      <c r="MT28" s="443">
        <v>0</v>
      </c>
      <c r="MU28" s="109">
        <v>450733</v>
      </c>
      <c r="MV28" s="109">
        <v>2786161</v>
      </c>
      <c r="MW28" s="109">
        <v>23378834</v>
      </c>
      <c r="MX28" s="109">
        <v>36383116</v>
      </c>
      <c r="MY28" s="109">
        <v>28405130</v>
      </c>
      <c r="MZ28" s="110">
        <v>91403974</v>
      </c>
      <c r="NA28" s="130">
        <v>91403974</v>
      </c>
      <c r="NB28" s="129">
        <v>0</v>
      </c>
      <c r="NC28" s="109">
        <v>0</v>
      </c>
      <c r="ND28" s="110">
        <v>0</v>
      </c>
      <c r="NE28" s="443">
        <v>0</v>
      </c>
      <c r="NF28" s="109">
        <v>5285032</v>
      </c>
      <c r="NG28" s="109">
        <v>7192617</v>
      </c>
      <c r="NH28" s="109">
        <v>11511576</v>
      </c>
      <c r="NI28" s="109">
        <v>20271940</v>
      </c>
      <c r="NJ28" s="109">
        <v>9029186</v>
      </c>
      <c r="NK28" s="110">
        <v>53290351</v>
      </c>
      <c r="NL28" s="292">
        <v>53290351</v>
      </c>
      <c r="NM28" s="129">
        <v>0</v>
      </c>
      <c r="NN28" s="109">
        <v>0</v>
      </c>
      <c r="NO28" s="110">
        <v>0</v>
      </c>
      <c r="NP28" s="443">
        <v>0</v>
      </c>
      <c r="NQ28" s="109">
        <v>0</v>
      </c>
      <c r="NR28" s="109">
        <v>0</v>
      </c>
      <c r="NS28" s="109">
        <v>0</v>
      </c>
      <c r="NT28" s="109">
        <v>0</v>
      </c>
      <c r="NU28" s="109">
        <v>700102</v>
      </c>
      <c r="NV28" s="110">
        <v>700102</v>
      </c>
      <c r="NW28" s="111">
        <v>700102</v>
      </c>
      <c r="NX28" s="129">
        <v>0</v>
      </c>
      <c r="NY28" s="109">
        <v>0</v>
      </c>
      <c r="NZ28" s="110">
        <v>0</v>
      </c>
      <c r="OA28" s="443">
        <v>0</v>
      </c>
      <c r="OB28" s="109">
        <v>0</v>
      </c>
      <c r="OC28" s="109">
        <v>0</v>
      </c>
      <c r="OD28" s="109">
        <v>0</v>
      </c>
      <c r="OE28" s="109">
        <v>1618032</v>
      </c>
      <c r="OF28" s="109">
        <v>4106498</v>
      </c>
      <c r="OG28" s="110">
        <v>5724530</v>
      </c>
      <c r="OH28" s="111">
        <v>5724530</v>
      </c>
      <c r="OI28" s="129">
        <v>3183091</v>
      </c>
      <c r="OJ28" s="109">
        <v>7146691</v>
      </c>
      <c r="OK28" s="128">
        <v>10329782</v>
      </c>
      <c r="OL28" s="108">
        <v>0</v>
      </c>
      <c r="OM28" s="109">
        <v>68624643</v>
      </c>
      <c r="ON28" s="109">
        <v>83304433</v>
      </c>
      <c r="OO28" s="109">
        <v>97166143</v>
      </c>
      <c r="OP28" s="109">
        <v>121609177</v>
      </c>
      <c r="OQ28" s="109">
        <v>77457415</v>
      </c>
      <c r="OR28" s="110">
        <v>448161811</v>
      </c>
      <c r="OS28" s="130">
        <v>458491593</v>
      </c>
    </row>
    <row r="29" spans="2:409" ht="21" customHeight="1" x14ac:dyDescent="0.2">
      <c r="B29" s="437" t="s">
        <v>24</v>
      </c>
      <c r="C29" s="100">
        <v>2684506</v>
      </c>
      <c r="D29" s="104">
        <v>4207736</v>
      </c>
      <c r="E29" s="103">
        <v>6892242</v>
      </c>
      <c r="F29" s="99">
        <v>0</v>
      </c>
      <c r="G29" s="104">
        <v>27964244</v>
      </c>
      <c r="H29" s="104">
        <v>28301009</v>
      </c>
      <c r="I29" s="104">
        <v>22151003</v>
      </c>
      <c r="J29" s="104">
        <v>28203888</v>
      </c>
      <c r="K29" s="104">
        <v>21407224</v>
      </c>
      <c r="L29" s="156">
        <v>128027368</v>
      </c>
      <c r="M29" s="106">
        <v>134919610</v>
      </c>
      <c r="N29" s="100">
        <v>510352</v>
      </c>
      <c r="O29" s="104">
        <v>986328</v>
      </c>
      <c r="P29" s="103">
        <v>1496680</v>
      </c>
      <c r="Q29" s="100">
        <v>0</v>
      </c>
      <c r="R29" s="104">
        <v>6177188</v>
      </c>
      <c r="S29" s="104">
        <v>8071582</v>
      </c>
      <c r="T29" s="104">
        <v>7184651</v>
      </c>
      <c r="U29" s="104">
        <v>10159281</v>
      </c>
      <c r="V29" s="104">
        <v>8948761</v>
      </c>
      <c r="W29" s="103">
        <v>40541463</v>
      </c>
      <c r="X29" s="106">
        <v>42038143</v>
      </c>
      <c r="Y29" s="100">
        <v>0</v>
      </c>
      <c r="Z29" s="104">
        <v>0</v>
      </c>
      <c r="AA29" s="103">
        <v>0</v>
      </c>
      <c r="AB29" s="100">
        <v>0</v>
      </c>
      <c r="AC29" s="104">
        <v>2146697</v>
      </c>
      <c r="AD29" s="104">
        <v>3374595</v>
      </c>
      <c r="AE29" s="104">
        <v>4210012</v>
      </c>
      <c r="AF29" s="104">
        <v>5926990</v>
      </c>
      <c r="AG29" s="104">
        <v>4440426</v>
      </c>
      <c r="AH29" s="103">
        <v>20098720</v>
      </c>
      <c r="AI29" s="106">
        <v>20098720</v>
      </c>
      <c r="AJ29" s="100">
        <v>0</v>
      </c>
      <c r="AK29" s="104">
        <v>0</v>
      </c>
      <c r="AL29" s="103">
        <v>0</v>
      </c>
      <c r="AM29" s="100">
        <v>0</v>
      </c>
      <c r="AN29" s="104">
        <v>42256</v>
      </c>
      <c r="AO29" s="104">
        <v>202376</v>
      </c>
      <c r="AP29" s="104">
        <v>145047</v>
      </c>
      <c r="AQ29" s="104">
        <v>497331</v>
      </c>
      <c r="AR29" s="104">
        <v>1513136</v>
      </c>
      <c r="AS29" s="103">
        <v>2400146</v>
      </c>
      <c r="AT29" s="106">
        <v>2400146</v>
      </c>
      <c r="AU29" s="100">
        <v>318312</v>
      </c>
      <c r="AV29" s="104">
        <v>746210</v>
      </c>
      <c r="AW29" s="103">
        <v>1064522</v>
      </c>
      <c r="AX29" s="100">
        <v>0</v>
      </c>
      <c r="AY29" s="104">
        <v>2680597</v>
      </c>
      <c r="AZ29" s="104">
        <v>3242822</v>
      </c>
      <c r="BA29" s="104">
        <v>1672231</v>
      </c>
      <c r="BB29" s="104">
        <v>2380472</v>
      </c>
      <c r="BC29" s="104">
        <v>2020783</v>
      </c>
      <c r="BD29" s="103">
        <v>11996905</v>
      </c>
      <c r="BE29" s="106">
        <v>13061427</v>
      </c>
      <c r="BF29" s="100">
        <v>0</v>
      </c>
      <c r="BG29" s="104">
        <v>23395</v>
      </c>
      <c r="BH29" s="102">
        <v>23395</v>
      </c>
      <c r="BI29" s="101">
        <v>0</v>
      </c>
      <c r="BJ29" s="104">
        <v>111152</v>
      </c>
      <c r="BK29" s="104">
        <v>194126</v>
      </c>
      <c r="BL29" s="104">
        <v>149083</v>
      </c>
      <c r="BM29" s="104">
        <v>103650</v>
      </c>
      <c r="BN29" s="104">
        <v>119907</v>
      </c>
      <c r="BO29" s="103">
        <v>677918</v>
      </c>
      <c r="BP29" s="106">
        <v>701313</v>
      </c>
      <c r="BQ29" s="100">
        <v>192040</v>
      </c>
      <c r="BR29" s="104">
        <v>216723</v>
      </c>
      <c r="BS29" s="103">
        <v>408763</v>
      </c>
      <c r="BT29" s="100">
        <v>0</v>
      </c>
      <c r="BU29" s="104">
        <v>1196486</v>
      </c>
      <c r="BV29" s="104">
        <v>1057663</v>
      </c>
      <c r="BW29" s="104">
        <v>1008278</v>
      </c>
      <c r="BX29" s="104">
        <v>1250838</v>
      </c>
      <c r="BY29" s="104">
        <v>854509</v>
      </c>
      <c r="BZ29" s="103">
        <v>5367774</v>
      </c>
      <c r="CA29" s="106">
        <v>5776537</v>
      </c>
      <c r="CB29" s="100">
        <v>284429</v>
      </c>
      <c r="CC29" s="104">
        <v>546398</v>
      </c>
      <c r="CD29" s="103">
        <v>830827</v>
      </c>
      <c r="CE29" s="100">
        <v>0</v>
      </c>
      <c r="CF29" s="104">
        <v>8211247</v>
      </c>
      <c r="CG29" s="104">
        <v>7981885</v>
      </c>
      <c r="CH29" s="104">
        <v>5040818</v>
      </c>
      <c r="CI29" s="104">
        <v>3191627</v>
      </c>
      <c r="CJ29" s="104">
        <v>2931546</v>
      </c>
      <c r="CK29" s="103">
        <v>27357123</v>
      </c>
      <c r="CL29" s="106">
        <v>28187950</v>
      </c>
      <c r="CM29" s="100">
        <v>0</v>
      </c>
      <c r="CN29" s="104">
        <v>0</v>
      </c>
      <c r="CO29" s="103">
        <v>0</v>
      </c>
      <c r="CP29" s="101">
        <v>0</v>
      </c>
      <c r="CQ29" s="104">
        <v>5859904</v>
      </c>
      <c r="CR29" s="104">
        <v>5995215</v>
      </c>
      <c r="CS29" s="104">
        <v>2948110</v>
      </c>
      <c r="CT29" s="104">
        <v>1957341</v>
      </c>
      <c r="CU29" s="104">
        <v>1683070</v>
      </c>
      <c r="CV29" s="103">
        <v>18443640</v>
      </c>
      <c r="CW29" s="106">
        <v>18443640</v>
      </c>
      <c r="CX29" s="100">
        <v>284429</v>
      </c>
      <c r="CY29" s="104">
        <v>546398</v>
      </c>
      <c r="CZ29" s="103">
        <v>830827</v>
      </c>
      <c r="DA29" s="100">
        <v>0</v>
      </c>
      <c r="DB29" s="104">
        <v>2351343</v>
      </c>
      <c r="DC29" s="104">
        <v>1986670</v>
      </c>
      <c r="DD29" s="104">
        <v>2092708</v>
      </c>
      <c r="DE29" s="104">
        <v>1234286</v>
      </c>
      <c r="DF29" s="104">
        <v>1248476</v>
      </c>
      <c r="DG29" s="103">
        <v>8913483</v>
      </c>
      <c r="DH29" s="106">
        <v>9744310</v>
      </c>
      <c r="DI29" s="100">
        <v>63875</v>
      </c>
      <c r="DJ29" s="104">
        <v>25616</v>
      </c>
      <c r="DK29" s="102">
        <v>89491</v>
      </c>
      <c r="DL29" s="101">
        <v>0</v>
      </c>
      <c r="DM29" s="104">
        <v>1164324</v>
      </c>
      <c r="DN29" s="104">
        <v>1407159</v>
      </c>
      <c r="DO29" s="104">
        <v>2053534</v>
      </c>
      <c r="DP29" s="104">
        <v>3298311</v>
      </c>
      <c r="DQ29" s="104">
        <v>1952751</v>
      </c>
      <c r="DR29" s="103">
        <v>9876079</v>
      </c>
      <c r="DS29" s="106">
        <v>9965570</v>
      </c>
      <c r="DT29" s="100">
        <v>63875</v>
      </c>
      <c r="DU29" s="104">
        <v>25616</v>
      </c>
      <c r="DV29" s="103">
        <v>89491</v>
      </c>
      <c r="DW29" s="100">
        <v>0</v>
      </c>
      <c r="DX29" s="104">
        <v>1128961</v>
      </c>
      <c r="DY29" s="104">
        <v>1407159</v>
      </c>
      <c r="DZ29" s="104">
        <v>1936676</v>
      </c>
      <c r="EA29" s="104">
        <v>3233232</v>
      </c>
      <c r="EB29" s="104">
        <v>1674244</v>
      </c>
      <c r="EC29" s="103">
        <v>9380272</v>
      </c>
      <c r="ED29" s="106">
        <v>9469763</v>
      </c>
      <c r="EE29" s="100">
        <v>0</v>
      </c>
      <c r="EF29" s="102">
        <v>0</v>
      </c>
      <c r="EG29" s="103">
        <v>0</v>
      </c>
      <c r="EH29" s="100">
        <v>0</v>
      </c>
      <c r="EI29" s="104">
        <v>35363</v>
      </c>
      <c r="EJ29" s="104">
        <v>0</v>
      </c>
      <c r="EK29" s="104">
        <v>116858</v>
      </c>
      <c r="EL29" s="104">
        <v>65079</v>
      </c>
      <c r="EM29" s="104">
        <v>278507</v>
      </c>
      <c r="EN29" s="102">
        <v>495807</v>
      </c>
      <c r="EO29" s="106">
        <v>495807</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06">
        <v>0</v>
      </c>
      <c r="FE29" s="104">
        <v>0</v>
      </c>
      <c r="FF29" s="104">
        <v>0</v>
      </c>
      <c r="FG29" s="104">
        <v>0</v>
      </c>
      <c r="FH29" s="104">
        <v>0</v>
      </c>
      <c r="FI29" s="104">
        <v>0</v>
      </c>
      <c r="FJ29" s="103">
        <v>0</v>
      </c>
      <c r="FK29" s="106">
        <v>0</v>
      </c>
      <c r="FL29" s="100">
        <v>769405</v>
      </c>
      <c r="FM29" s="104">
        <v>1039682</v>
      </c>
      <c r="FN29" s="103">
        <v>1809087</v>
      </c>
      <c r="FO29" s="100">
        <v>0</v>
      </c>
      <c r="FP29" s="104">
        <v>1496774</v>
      </c>
      <c r="FQ29" s="104">
        <v>2207684</v>
      </c>
      <c r="FR29" s="104">
        <v>1246956</v>
      </c>
      <c r="FS29" s="104">
        <v>1337648</v>
      </c>
      <c r="FT29" s="104">
        <v>1153639</v>
      </c>
      <c r="FU29" s="103">
        <v>7442701</v>
      </c>
      <c r="FV29" s="106">
        <v>9251788</v>
      </c>
      <c r="FW29" s="105">
        <v>253685</v>
      </c>
      <c r="FX29" s="104">
        <v>423122</v>
      </c>
      <c r="FY29" s="102">
        <v>676807</v>
      </c>
      <c r="FZ29" s="101">
        <v>0</v>
      </c>
      <c r="GA29" s="104">
        <v>817685</v>
      </c>
      <c r="GB29" s="104">
        <v>1840993</v>
      </c>
      <c r="GC29" s="104">
        <v>1165524</v>
      </c>
      <c r="GD29" s="104">
        <v>1313888</v>
      </c>
      <c r="GE29" s="104">
        <v>1088695</v>
      </c>
      <c r="GF29" s="103">
        <v>6226785</v>
      </c>
      <c r="GG29" s="290">
        <v>6903592</v>
      </c>
      <c r="GH29" s="105">
        <v>77220</v>
      </c>
      <c r="GI29" s="104">
        <v>53460</v>
      </c>
      <c r="GJ29" s="102">
        <v>130680</v>
      </c>
      <c r="GK29" s="101">
        <v>0</v>
      </c>
      <c r="GL29" s="104">
        <v>37719</v>
      </c>
      <c r="GM29" s="104">
        <v>78881</v>
      </c>
      <c r="GN29" s="104">
        <v>66132</v>
      </c>
      <c r="GO29" s="104">
        <v>23760</v>
      </c>
      <c r="GP29" s="104">
        <v>64944</v>
      </c>
      <c r="GQ29" s="103">
        <v>271436</v>
      </c>
      <c r="GR29" s="106">
        <v>402116</v>
      </c>
      <c r="GS29" s="100">
        <v>438500</v>
      </c>
      <c r="GT29" s="104">
        <v>563100</v>
      </c>
      <c r="GU29" s="103">
        <v>1001600</v>
      </c>
      <c r="GV29" s="100">
        <v>0</v>
      </c>
      <c r="GW29" s="104">
        <v>641370</v>
      </c>
      <c r="GX29" s="104">
        <v>287810</v>
      </c>
      <c r="GY29" s="104">
        <v>15300</v>
      </c>
      <c r="GZ29" s="104">
        <v>0</v>
      </c>
      <c r="HA29" s="104">
        <v>0</v>
      </c>
      <c r="HB29" s="102">
        <v>944480</v>
      </c>
      <c r="HC29" s="106">
        <v>1946080</v>
      </c>
      <c r="HD29" s="100">
        <v>613834</v>
      </c>
      <c r="HE29" s="104">
        <v>1050286</v>
      </c>
      <c r="HF29" s="102">
        <v>1664120</v>
      </c>
      <c r="HG29" s="101">
        <v>0</v>
      </c>
      <c r="HH29" s="104">
        <v>7051231</v>
      </c>
      <c r="HI29" s="104">
        <v>5685994</v>
      </c>
      <c r="HJ29" s="104">
        <v>4474570</v>
      </c>
      <c r="HK29" s="104">
        <v>8727963</v>
      </c>
      <c r="HL29" s="104">
        <v>5421337</v>
      </c>
      <c r="HM29" s="103">
        <v>31361095</v>
      </c>
      <c r="HN29" s="99">
        <v>33025215</v>
      </c>
      <c r="HO29" s="105">
        <v>442611</v>
      </c>
      <c r="HP29" s="104">
        <v>559426</v>
      </c>
      <c r="HQ29" s="103">
        <v>1002037</v>
      </c>
      <c r="HR29" s="100">
        <v>0</v>
      </c>
      <c r="HS29" s="104">
        <v>3863480</v>
      </c>
      <c r="HT29" s="104">
        <v>2946705</v>
      </c>
      <c r="HU29" s="104">
        <v>2150474</v>
      </c>
      <c r="HV29" s="104">
        <v>1489058</v>
      </c>
      <c r="HW29" s="104">
        <v>999190</v>
      </c>
      <c r="HX29" s="102">
        <v>11448907</v>
      </c>
      <c r="HY29" s="106">
        <v>12450944</v>
      </c>
      <c r="HZ29" s="118">
        <v>87014</v>
      </c>
      <c r="IA29" s="119">
        <v>241190</v>
      </c>
      <c r="IB29" s="120">
        <v>328204</v>
      </c>
      <c r="IC29" s="131">
        <v>0</v>
      </c>
      <c r="ID29" s="119">
        <v>3801203</v>
      </c>
      <c r="IE29" s="132">
        <v>4858839</v>
      </c>
      <c r="IF29" s="120">
        <v>4978007</v>
      </c>
      <c r="IG29" s="119">
        <v>4237805</v>
      </c>
      <c r="IH29" s="120">
        <v>1221545</v>
      </c>
      <c r="II29" s="133">
        <v>19097399</v>
      </c>
      <c r="IJ29" s="126">
        <v>19425603</v>
      </c>
      <c r="IK29" s="215">
        <v>0</v>
      </c>
      <c r="IL29" s="219">
        <v>0</v>
      </c>
      <c r="IM29" s="220">
        <v>0</v>
      </c>
      <c r="IN29" s="127">
        <v>0</v>
      </c>
      <c r="IO29" s="109">
        <v>168932</v>
      </c>
      <c r="IP29" s="109">
        <v>65418</v>
      </c>
      <c r="IQ29" s="109">
        <v>558678</v>
      </c>
      <c r="IR29" s="109">
        <v>1082215</v>
      </c>
      <c r="IS29" s="109">
        <v>0</v>
      </c>
      <c r="IT29" s="128">
        <v>1875243</v>
      </c>
      <c r="IU29" s="292">
        <v>1875243</v>
      </c>
      <c r="IV29" s="129">
        <v>0</v>
      </c>
      <c r="IW29" s="109">
        <v>0</v>
      </c>
      <c r="IX29" s="110">
        <v>0</v>
      </c>
      <c r="IY29" s="443">
        <v>0</v>
      </c>
      <c r="IZ29" s="109">
        <v>0</v>
      </c>
      <c r="JA29" s="109">
        <v>0</v>
      </c>
      <c r="JB29" s="109">
        <v>0</v>
      </c>
      <c r="JC29" s="109">
        <v>0</v>
      </c>
      <c r="JD29" s="109">
        <v>0</v>
      </c>
      <c r="JE29" s="110">
        <v>0</v>
      </c>
      <c r="JF29" s="111">
        <v>0</v>
      </c>
      <c r="JG29" s="129">
        <v>0</v>
      </c>
      <c r="JH29" s="109">
        <v>0</v>
      </c>
      <c r="JI29" s="128">
        <v>0</v>
      </c>
      <c r="JJ29" s="108">
        <v>0</v>
      </c>
      <c r="JK29" s="109">
        <v>1521759</v>
      </c>
      <c r="JL29" s="109">
        <v>1264728</v>
      </c>
      <c r="JM29" s="109">
        <v>1034912</v>
      </c>
      <c r="JN29" s="109">
        <v>574314</v>
      </c>
      <c r="JO29" s="109">
        <v>54644</v>
      </c>
      <c r="JP29" s="110">
        <v>4450357</v>
      </c>
      <c r="JQ29" s="292">
        <v>4450357</v>
      </c>
      <c r="JR29" s="129">
        <v>0</v>
      </c>
      <c r="JS29" s="109">
        <v>0</v>
      </c>
      <c r="JT29" s="128">
        <v>0</v>
      </c>
      <c r="JU29" s="108">
        <v>0</v>
      </c>
      <c r="JV29" s="109">
        <v>396996</v>
      </c>
      <c r="JW29" s="109">
        <v>626239</v>
      </c>
      <c r="JX29" s="109">
        <v>351112</v>
      </c>
      <c r="JY29" s="109">
        <v>384240</v>
      </c>
      <c r="JZ29" s="109">
        <v>74305</v>
      </c>
      <c r="KA29" s="110">
        <v>1832892</v>
      </c>
      <c r="KB29" s="292">
        <v>1832892</v>
      </c>
      <c r="KC29" s="217">
        <v>87014</v>
      </c>
      <c r="KD29" s="213">
        <v>241190</v>
      </c>
      <c r="KE29" s="110">
        <v>328204</v>
      </c>
      <c r="KF29" s="108">
        <v>0</v>
      </c>
      <c r="KG29" s="109">
        <v>1454776</v>
      </c>
      <c r="KH29" s="109">
        <v>1878852</v>
      </c>
      <c r="KI29" s="109">
        <v>1461815</v>
      </c>
      <c r="KJ29" s="109">
        <v>1087140</v>
      </c>
      <c r="KK29" s="109">
        <v>620741</v>
      </c>
      <c r="KL29" s="110">
        <v>6503324</v>
      </c>
      <c r="KM29" s="130">
        <v>6831528</v>
      </c>
      <c r="KN29" s="215">
        <v>0</v>
      </c>
      <c r="KO29" s="219">
        <v>0</v>
      </c>
      <c r="KP29" s="220">
        <v>0</v>
      </c>
      <c r="KQ29" s="443">
        <v>0</v>
      </c>
      <c r="KR29" s="109">
        <v>258740</v>
      </c>
      <c r="KS29" s="109">
        <v>1023602</v>
      </c>
      <c r="KT29" s="109">
        <v>1571490</v>
      </c>
      <c r="KU29" s="109">
        <v>1109896</v>
      </c>
      <c r="KV29" s="109">
        <v>471855</v>
      </c>
      <c r="KW29" s="110">
        <v>4435583</v>
      </c>
      <c r="KX29" s="292">
        <v>4435583</v>
      </c>
      <c r="KY29" s="129">
        <v>0</v>
      </c>
      <c r="KZ29" s="109">
        <v>0</v>
      </c>
      <c r="LA29" s="110">
        <v>0</v>
      </c>
      <c r="LB29" s="443">
        <v>0</v>
      </c>
      <c r="LC29" s="109">
        <v>0</v>
      </c>
      <c r="LD29" s="109">
        <v>0</v>
      </c>
      <c r="LE29" s="109">
        <v>0</v>
      </c>
      <c r="LF29" s="109">
        <v>0</v>
      </c>
      <c r="LG29" s="109">
        <v>0</v>
      </c>
      <c r="LH29" s="110">
        <v>0</v>
      </c>
      <c r="LI29" s="111">
        <v>0</v>
      </c>
      <c r="LJ29" s="129">
        <v>0</v>
      </c>
      <c r="LK29" s="109">
        <v>0</v>
      </c>
      <c r="LL29" s="110">
        <v>0</v>
      </c>
      <c r="LM29" s="443">
        <v>0</v>
      </c>
      <c r="LN29" s="109">
        <v>0</v>
      </c>
      <c r="LO29" s="109">
        <v>0</v>
      </c>
      <c r="LP29" s="109">
        <v>0</v>
      </c>
      <c r="LQ29" s="109">
        <v>0</v>
      </c>
      <c r="LR29" s="109">
        <v>0</v>
      </c>
      <c r="LS29" s="110">
        <v>0</v>
      </c>
      <c r="LT29" s="292">
        <v>0</v>
      </c>
      <c r="LU29" s="129">
        <v>0</v>
      </c>
      <c r="LV29" s="109">
        <v>0</v>
      </c>
      <c r="LW29" s="110">
        <v>0</v>
      </c>
      <c r="LX29" s="443">
        <v>0</v>
      </c>
      <c r="LY29" s="109">
        <v>0</v>
      </c>
      <c r="LZ29" s="109">
        <v>0</v>
      </c>
      <c r="MA29" s="109">
        <v>0</v>
      </c>
      <c r="MB29" s="109">
        <v>0</v>
      </c>
      <c r="MC29" s="109">
        <v>0</v>
      </c>
      <c r="MD29" s="110">
        <v>0</v>
      </c>
      <c r="ME29" s="111">
        <v>0</v>
      </c>
      <c r="MF29" s="129">
        <v>0</v>
      </c>
      <c r="MG29" s="109">
        <v>0</v>
      </c>
      <c r="MH29" s="110">
        <v>0</v>
      </c>
      <c r="MI29" s="443">
        <v>0</v>
      </c>
      <c r="MJ29" s="109">
        <v>4067199</v>
      </c>
      <c r="MK29" s="109">
        <v>2523202</v>
      </c>
      <c r="ML29" s="109">
        <v>13533373</v>
      </c>
      <c r="MM29" s="109">
        <v>33520643</v>
      </c>
      <c r="MN29" s="109">
        <v>19006604</v>
      </c>
      <c r="MO29" s="110">
        <v>72651021</v>
      </c>
      <c r="MP29" s="130">
        <v>72651021</v>
      </c>
      <c r="MQ29" s="129">
        <v>0</v>
      </c>
      <c r="MR29" s="109">
        <v>0</v>
      </c>
      <c r="MS29" s="110">
        <v>0</v>
      </c>
      <c r="MT29" s="443">
        <v>0</v>
      </c>
      <c r="MU29" s="109">
        <v>0</v>
      </c>
      <c r="MV29" s="109">
        <v>0</v>
      </c>
      <c r="MW29" s="109">
        <v>7316184</v>
      </c>
      <c r="MX29" s="109">
        <v>24488871</v>
      </c>
      <c r="MY29" s="109">
        <v>15375939</v>
      </c>
      <c r="MZ29" s="110">
        <v>47180994</v>
      </c>
      <c r="NA29" s="130">
        <v>47180994</v>
      </c>
      <c r="NB29" s="129">
        <v>0</v>
      </c>
      <c r="NC29" s="109">
        <v>0</v>
      </c>
      <c r="ND29" s="110">
        <v>0</v>
      </c>
      <c r="NE29" s="443">
        <v>0</v>
      </c>
      <c r="NF29" s="109">
        <v>4067199</v>
      </c>
      <c r="NG29" s="109">
        <v>2523202</v>
      </c>
      <c r="NH29" s="109">
        <v>6217189</v>
      </c>
      <c r="NI29" s="109">
        <v>9031772</v>
      </c>
      <c r="NJ29" s="109">
        <v>3630665</v>
      </c>
      <c r="NK29" s="110">
        <v>25470027</v>
      </c>
      <c r="NL29" s="292">
        <v>25470027</v>
      </c>
      <c r="NM29" s="129">
        <v>0</v>
      </c>
      <c r="NN29" s="109">
        <v>0</v>
      </c>
      <c r="NO29" s="110">
        <v>0</v>
      </c>
      <c r="NP29" s="443">
        <v>0</v>
      </c>
      <c r="NQ29" s="109">
        <v>0</v>
      </c>
      <c r="NR29" s="109">
        <v>0</v>
      </c>
      <c r="NS29" s="109">
        <v>0</v>
      </c>
      <c r="NT29" s="109">
        <v>0</v>
      </c>
      <c r="NU29" s="109">
        <v>0</v>
      </c>
      <c r="NV29" s="110">
        <v>0</v>
      </c>
      <c r="NW29" s="111">
        <v>0</v>
      </c>
      <c r="NX29" s="129">
        <v>0</v>
      </c>
      <c r="NY29" s="109">
        <v>0</v>
      </c>
      <c r="NZ29" s="110">
        <v>0</v>
      </c>
      <c r="OA29" s="443">
        <v>0</v>
      </c>
      <c r="OB29" s="109">
        <v>0</v>
      </c>
      <c r="OC29" s="109">
        <v>0</v>
      </c>
      <c r="OD29" s="109">
        <v>0</v>
      </c>
      <c r="OE29" s="109">
        <v>0</v>
      </c>
      <c r="OF29" s="109">
        <v>0</v>
      </c>
      <c r="OG29" s="110">
        <v>0</v>
      </c>
      <c r="OH29" s="111">
        <v>0</v>
      </c>
      <c r="OI29" s="129">
        <v>2771520</v>
      </c>
      <c r="OJ29" s="109">
        <v>4448926</v>
      </c>
      <c r="OK29" s="128">
        <v>7220446</v>
      </c>
      <c r="OL29" s="108">
        <v>0</v>
      </c>
      <c r="OM29" s="109">
        <v>35832646</v>
      </c>
      <c r="ON29" s="109">
        <v>35683050</v>
      </c>
      <c r="OO29" s="109">
        <v>40662383</v>
      </c>
      <c r="OP29" s="109">
        <v>65962336</v>
      </c>
      <c r="OQ29" s="109">
        <v>41635373</v>
      </c>
      <c r="OR29" s="110">
        <v>219775788</v>
      </c>
      <c r="OS29" s="130">
        <v>226996234</v>
      </c>
    </row>
    <row r="30" spans="2:409" ht="21" customHeight="1" x14ac:dyDescent="0.2">
      <c r="B30" s="437" t="s">
        <v>25</v>
      </c>
      <c r="C30" s="100">
        <v>2542539</v>
      </c>
      <c r="D30" s="104">
        <v>4323966</v>
      </c>
      <c r="E30" s="103">
        <v>6866505</v>
      </c>
      <c r="F30" s="99">
        <v>0</v>
      </c>
      <c r="G30" s="104">
        <v>29667970</v>
      </c>
      <c r="H30" s="104">
        <v>31574438</v>
      </c>
      <c r="I30" s="104">
        <v>26546499</v>
      </c>
      <c r="J30" s="104">
        <v>25906291</v>
      </c>
      <c r="K30" s="104">
        <v>19271781</v>
      </c>
      <c r="L30" s="156">
        <v>132966979</v>
      </c>
      <c r="M30" s="106">
        <v>139833484</v>
      </c>
      <c r="N30" s="100">
        <v>559748</v>
      </c>
      <c r="O30" s="104">
        <v>1525531</v>
      </c>
      <c r="P30" s="103">
        <v>2085279</v>
      </c>
      <c r="Q30" s="100">
        <v>0</v>
      </c>
      <c r="R30" s="104">
        <v>8663261</v>
      </c>
      <c r="S30" s="104">
        <v>9739177</v>
      </c>
      <c r="T30" s="104">
        <v>7983445</v>
      </c>
      <c r="U30" s="104">
        <v>9599390</v>
      </c>
      <c r="V30" s="104">
        <v>10007753</v>
      </c>
      <c r="W30" s="103">
        <v>45993026</v>
      </c>
      <c r="X30" s="106">
        <v>48078305</v>
      </c>
      <c r="Y30" s="100">
        <v>0</v>
      </c>
      <c r="Z30" s="104">
        <v>0</v>
      </c>
      <c r="AA30" s="103">
        <v>0</v>
      </c>
      <c r="AB30" s="100">
        <v>0</v>
      </c>
      <c r="AC30" s="104">
        <v>4172392</v>
      </c>
      <c r="AD30" s="104">
        <v>4831917</v>
      </c>
      <c r="AE30" s="104">
        <v>4388847</v>
      </c>
      <c r="AF30" s="104">
        <v>5773437</v>
      </c>
      <c r="AG30" s="104">
        <v>6558767</v>
      </c>
      <c r="AH30" s="103">
        <v>25725360</v>
      </c>
      <c r="AI30" s="106">
        <v>25725360</v>
      </c>
      <c r="AJ30" s="100">
        <v>0</v>
      </c>
      <c r="AK30" s="104">
        <v>0</v>
      </c>
      <c r="AL30" s="103">
        <v>0</v>
      </c>
      <c r="AM30" s="100">
        <v>0</v>
      </c>
      <c r="AN30" s="104">
        <v>145368</v>
      </c>
      <c r="AO30" s="104">
        <v>360496</v>
      </c>
      <c r="AP30" s="104">
        <v>738854</v>
      </c>
      <c r="AQ30" s="104">
        <v>966846</v>
      </c>
      <c r="AR30" s="104">
        <v>1108481</v>
      </c>
      <c r="AS30" s="103">
        <v>3320045</v>
      </c>
      <c r="AT30" s="106">
        <v>3320045</v>
      </c>
      <c r="AU30" s="100">
        <v>395650</v>
      </c>
      <c r="AV30" s="104">
        <v>1283920</v>
      </c>
      <c r="AW30" s="103">
        <v>1679570</v>
      </c>
      <c r="AX30" s="100">
        <v>0</v>
      </c>
      <c r="AY30" s="104">
        <v>3277709</v>
      </c>
      <c r="AZ30" s="104">
        <v>3258304</v>
      </c>
      <c r="BA30" s="104">
        <v>1932290</v>
      </c>
      <c r="BB30" s="104">
        <v>1643403</v>
      </c>
      <c r="BC30" s="104">
        <v>1309282</v>
      </c>
      <c r="BD30" s="103">
        <v>11420988</v>
      </c>
      <c r="BE30" s="106">
        <v>13100558</v>
      </c>
      <c r="BF30" s="100">
        <v>23775</v>
      </c>
      <c r="BG30" s="104">
        <v>139208</v>
      </c>
      <c r="BH30" s="102">
        <v>162983</v>
      </c>
      <c r="BI30" s="101">
        <v>0</v>
      </c>
      <c r="BJ30" s="104">
        <v>36630</v>
      </c>
      <c r="BK30" s="104">
        <v>524275</v>
      </c>
      <c r="BL30" s="104">
        <v>125563</v>
      </c>
      <c r="BM30" s="104">
        <v>199712</v>
      </c>
      <c r="BN30" s="104">
        <v>173895</v>
      </c>
      <c r="BO30" s="103">
        <v>1060075</v>
      </c>
      <c r="BP30" s="106">
        <v>1223058</v>
      </c>
      <c r="BQ30" s="100">
        <v>140323</v>
      </c>
      <c r="BR30" s="104">
        <v>102403</v>
      </c>
      <c r="BS30" s="103">
        <v>242726</v>
      </c>
      <c r="BT30" s="100">
        <v>0</v>
      </c>
      <c r="BU30" s="104">
        <v>1031162</v>
      </c>
      <c r="BV30" s="104">
        <v>764185</v>
      </c>
      <c r="BW30" s="104">
        <v>797891</v>
      </c>
      <c r="BX30" s="104">
        <v>1015992</v>
      </c>
      <c r="BY30" s="104">
        <v>857328</v>
      </c>
      <c r="BZ30" s="103">
        <v>4466558</v>
      </c>
      <c r="CA30" s="106">
        <v>4709284</v>
      </c>
      <c r="CB30" s="100">
        <v>300548</v>
      </c>
      <c r="CC30" s="104">
        <v>451156</v>
      </c>
      <c r="CD30" s="103">
        <v>751704</v>
      </c>
      <c r="CE30" s="100">
        <v>0</v>
      </c>
      <c r="CF30" s="104">
        <v>10382608</v>
      </c>
      <c r="CG30" s="104">
        <v>11163939</v>
      </c>
      <c r="CH30" s="104">
        <v>8122477</v>
      </c>
      <c r="CI30" s="104">
        <v>6165469</v>
      </c>
      <c r="CJ30" s="104">
        <v>1893561</v>
      </c>
      <c r="CK30" s="103">
        <v>37728054</v>
      </c>
      <c r="CL30" s="106">
        <v>38479758</v>
      </c>
      <c r="CM30" s="100">
        <v>0</v>
      </c>
      <c r="CN30" s="104">
        <v>0</v>
      </c>
      <c r="CO30" s="103">
        <v>0</v>
      </c>
      <c r="CP30" s="101">
        <v>0</v>
      </c>
      <c r="CQ30" s="104">
        <v>8599519</v>
      </c>
      <c r="CR30" s="104">
        <v>7598784</v>
      </c>
      <c r="CS30" s="104">
        <v>5976330</v>
      </c>
      <c r="CT30" s="104">
        <v>4665632</v>
      </c>
      <c r="CU30" s="104">
        <v>1642275</v>
      </c>
      <c r="CV30" s="103">
        <v>28482540</v>
      </c>
      <c r="CW30" s="106">
        <v>28482540</v>
      </c>
      <c r="CX30" s="100">
        <v>300548</v>
      </c>
      <c r="CY30" s="104">
        <v>451156</v>
      </c>
      <c r="CZ30" s="103">
        <v>751704</v>
      </c>
      <c r="DA30" s="100">
        <v>0</v>
      </c>
      <c r="DB30" s="104">
        <v>1783089</v>
      </c>
      <c r="DC30" s="104">
        <v>3565155</v>
      </c>
      <c r="DD30" s="104">
        <v>2146147</v>
      </c>
      <c r="DE30" s="104">
        <v>1499837</v>
      </c>
      <c r="DF30" s="104">
        <v>251286</v>
      </c>
      <c r="DG30" s="103">
        <v>9245514</v>
      </c>
      <c r="DH30" s="106">
        <v>9997218</v>
      </c>
      <c r="DI30" s="100">
        <v>0</v>
      </c>
      <c r="DJ30" s="104">
        <v>143563</v>
      </c>
      <c r="DK30" s="102">
        <v>143563</v>
      </c>
      <c r="DL30" s="101">
        <v>0</v>
      </c>
      <c r="DM30" s="104">
        <v>1190268</v>
      </c>
      <c r="DN30" s="104">
        <v>1623545</v>
      </c>
      <c r="DO30" s="104">
        <v>3146582</v>
      </c>
      <c r="DP30" s="104">
        <v>1913391</v>
      </c>
      <c r="DQ30" s="104">
        <v>950885</v>
      </c>
      <c r="DR30" s="103">
        <v>8824671</v>
      </c>
      <c r="DS30" s="106">
        <v>8968234</v>
      </c>
      <c r="DT30" s="100">
        <v>0</v>
      </c>
      <c r="DU30" s="104">
        <v>143563</v>
      </c>
      <c r="DV30" s="103">
        <v>143563</v>
      </c>
      <c r="DW30" s="100">
        <v>0</v>
      </c>
      <c r="DX30" s="104">
        <v>1131226</v>
      </c>
      <c r="DY30" s="104">
        <v>1349523</v>
      </c>
      <c r="DZ30" s="104">
        <v>2481179</v>
      </c>
      <c r="EA30" s="104">
        <v>1518148</v>
      </c>
      <c r="EB30" s="104">
        <v>766162</v>
      </c>
      <c r="EC30" s="103">
        <v>7246238</v>
      </c>
      <c r="ED30" s="106">
        <v>7389801</v>
      </c>
      <c r="EE30" s="100">
        <v>0</v>
      </c>
      <c r="EF30" s="102">
        <v>0</v>
      </c>
      <c r="EG30" s="103">
        <v>0</v>
      </c>
      <c r="EH30" s="100">
        <v>0</v>
      </c>
      <c r="EI30" s="104">
        <v>59042</v>
      </c>
      <c r="EJ30" s="104">
        <v>274022</v>
      </c>
      <c r="EK30" s="104">
        <v>665403</v>
      </c>
      <c r="EL30" s="104">
        <v>395243</v>
      </c>
      <c r="EM30" s="104">
        <v>184723</v>
      </c>
      <c r="EN30" s="102">
        <v>1578433</v>
      </c>
      <c r="EO30" s="106">
        <v>1578433</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06">
        <v>0</v>
      </c>
      <c r="FE30" s="104">
        <v>0</v>
      </c>
      <c r="FF30" s="104">
        <v>0</v>
      </c>
      <c r="FG30" s="104">
        <v>0</v>
      </c>
      <c r="FH30" s="104">
        <v>0</v>
      </c>
      <c r="FI30" s="104">
        <v>0</v>
      </c>
      <c r="FJ30" s="103">
        <v>0</v>
      </c>
      <c r="FK30" s="106">
        <v>0</v>
      </c>
      <c r="FL30" s="100">
        <v>726056</v>
      </c>
      <c r="FM30" s="104">
        <v>1179652</v>
      </c>
      <c r="FN30" s="103">
        <v>1905708</v>
      </c>
      <c r="FO30" s="100">
        <v>0</v>
      </c>
      <c r="FP30" s="104">
        <v>1615054</v>
      </c>
      <c r="FQ30" s="104">
        <v>3393247</v>
      </c>
      <c r="FR30" s="104">
        <v>2121932</v>
      </c>
      <c r="FS30" s="104">
        <v>2022576</v>
      </c>
      <c r="FT30" s="104">
        <v>1150941</v>
      </c>
      <c r="FU30" s="103">
        <v>10303750</v>
      </c>
      <c r="FV30" s="106">
        <v>12209458</v>
      </c>
      <c r="FW30" s="105">
        <v>434031</v>
      </c>
      <c r="FX30" s="104">
        <v>996052</v>
      </c>
      <c r="FY30" s="102">
        <v>1430083</v>
      </c>
      <c r="FZ30" s="101">
        <v>0</v>
      </c>
      <c r="GA30" s="104">
        <v>1080569</v>
      </c>
      <c r="GB30" s="104">
        <v>3328080</v>
      </c>
      <c r="GC30" s="104">
        <v>2094932</v>
      </c>
      <c r="GD30" s="104">
        <v>1945446</v>
      </c>
      <c r="GE30" s="104">
        <v>1124805</v>
      </c>
      <c r="GF30" s="103">
        <v>9573832</v>
      </c>
      <c r="GG30" s="290">
        <v>11003915</v>
      </c>
      <c r="GH30" s="105">
        <v>86625</v>
      </c>
      <c r="GI30" s="104">
        <v>16200</v>
      </c>
      <c r="GJ30" s="102">
        <v>102825</v>
      </c>
      <c r="GK30" s="101">
        <v>0</v>
      </c>
      <c r="GL30" s="104">
        <v>130104</v>
      </c>
      <c r="GM30" s="104">
        <v>65167</v>
      </c>
      <c r="GN30" s="104">
        <v>27000</v>
      </c>
      <c r="GO30" s="104">
        <v>77130</v>
      </c>
      <c r="GP30" s="104">
        <v>26136</v>
      </c>
      <c r="GQ30" s="103">
        <v>325537</v>
      </c>
      <c r="GR30" s="106">
        <v>428362</v>
      </c>
      <c r="GS30" s="100">
        <v>205400</v>
      </c>
      <c r="GT30" s="104">
        <v>167400</v>
      </c>
      <c r="GU30" s="103">
        <v>372800</v>
      </c>
      <c r="GV30" s="100">
        <v>0</v>
      </c>
      <c r="GW30" s="104">
        <v>404381</v>
      </c>
      <c r="GX30" s="104">
        <v>0</v>
      </c>
      <c r="GY30" s="104">
        <v>0</v>
      </c>
      <c r="GZ30" s="104">
        <v>0</v>
      </c>
      <c r="HA30" s="104">
        <v>0</v>
      </c>
      <c r="HB30" s="102">
        <v>404381</v>
      </c>
      <c r="HC30" s="106">
        <v>777181</v>
      </c>
      <c r="HD30" s="100">
        <v>435525</v>
      </c>
      <c r="HE30" s="104">
        <v>195676</v>
      </c>
      <c r="HF30" s="102">
        <v>631201</v>
      </c>
      <c r="HG30" s="101">
        <v>0</v>
      </c>
      <c r="HH30" s="104">
        <v>2918968</v>
      </c>
      <c r="HI30" s="104">
        <v>1758501</v>
      </c>
      <c r="HJ30" s="104">
        <v>2617617</v>
      </c>
      <c r="HK30" s="104">
        <v>4439840</v>
      </c>
      <c r="HL30" s="104">
        <v>4347682</v>
      </c>
      <c r="HM30" s="103">
        <v>16082608</v>
      </c>
      <c r="HN30" s="99">
        <v>16713809</v>
      </c>
      <c r="HO30" s="105">
        <v>520662</v>
      </c>
      <c r="HP30" s="104">
        <v>828388</v>
      </c>
      <c r="HQ30" s="103">
        <v>1349050</v>
      </c>
      <c r="HR30" s="100">
        <v>0</v>
      </c>
      <c r="HS30" s="104">
        <v>4897811</v>
      </c>
      <c r="HT30" s="104">
        <v>3896029</v>
      </c>
      <c r="HU30" s="104">
        <v>2554446</v>
      </c>
      <c r="HV30" s="104">
        <v>1765625</v>
      </c>
      <c r="HW30" s="104">
        <v>920959</v>
      </c>
      <c r="HX30" s="102">
        <v>14034870</v>
      </c>
      <c r="HY30" s="106">
        <v>15383920</v>
      </c>
      <c r="HZ30" s="135">
        <v>87720</v>
      </c>
      <c r="IA30" s="122">
        <v>166332</v>
      </c>
      <c r="IB30" s="135">
        <v>254052</v>
      </c>
      <c r="IC30" s="121">
        <v>0</v>
      </c>
      <c r="ID30" s="122">
        <v>7318079</v>
      </c>
      <c r="IE30" s="123">
        <v>3843308</v>
      </c>
      <c r="IF30" s="124">
        <v>4592827</v>
      </c>
      <c r="IG30" s="122">
        <v>2778119</v>
      </c>
      <c r="IH30" s="124">
        <v>886878</v>
      </c>
      <c r="II30" s="125">
        <v>19419211</v>
      </c>
      <c r="IJ30" s="135">
        <v>19673263</v>
      </c>
      <c r="IK30" s="215">
        <v>0</v>
      </c>
      <c r="IL30" s="219">
        <v>0</v>
      </c>
      <c r="IM30" s="220">
        <v>0</v>
      </c>
      <c r="IN30" s="127">
        <v>0</v>
      </c>
      <c r="IO30" s="109">
        <v>0</v>
      </c>
      <c r="IP30" s="109">
        <v>0</v>
      </c>
      <c r="IQ30" s="109">
        <v>0</v>
      </c>
      <c r="IR30" s="109">
        <v>0</v>
      </c>
      <c r="IS30" s="109">
        <v>0</v>
      </c>
      <c r="IT30" s="128">
        <v>0</v>
      </c>
      <c r="IU30" s="292">
        <v>0</v>
      </c>
      <c r="IV30" s="129">
        <v>0</v>
      </c>
      <c r="IW30" s="109">
        <v>0</v>
      </c>
      <c r="IX30" s="110">
        <v>0</v>
      </c>
      <c r="IY30" s="443">
        <v>0</v>
      </c>
      <c r="IZ30" s="109">
        <v>0</v>
      </c>
      <c r="JA30" s="109">
        <v>0</v>
      </c>
      <c r="JB30" s="109">
        <v>0</v>
      </c>
      <c r="JC30" s="109">
        <v>0</v>
      </c>
      <c r="JD30" s="109">
        <v>0</v>
      </c>
      <c r="JE30" s="110">
        <v>0</v>
      </c>
      <c r="JF30" s="111">
        <v>0</v>
      </c>
      <c r="JG30" s="129">
        <v>0</v>
      </c>
      <c r="JH30" s="109">
        <v>0</v>
      </c>
      <c r="JI30" s="128">
        <v>0</v>
      </c>
      <c r="JJ30" s="108">
        <v>0</v>
      </c>
      <c r="JK30" s="109">
        <v>4123605</v>
      </c>
      <c r="JL30" s="109">
        <v>1654052</v>
      </c>
      <c r="JM30" s="109">
        <v>1336666</v>
      </c>
      <c r="JN30" s="109">
        <v>563627</v>
      </c>
      <c r="JO30" s="109">
        <v>0</v>
      </c>
      <c r="JP30" s="110">
        <v>7677950</v>
      </c>
      <c r="JQ30" s="292">
        <v>7677950</v>
      </c>
      <c r="JR30" s="129">
        <v>0</v>
      </c>
      <c r="JS30" s="109">
        <v>0</v>
      </c>
      <c r="JT30" s="128">
        <v>0</v>
      </c>
      <c r="JU30" s="108">
        <v>0</v>
      </c>
      <c r="JV30" s="109">
        <v>0</v>
      </c>
      <c r="JW30" s="109">
        <v>0</v>
      </c>
      <c r="JX30" s="109">
        <v>0</v>
      </c>
      <c r="JY30" s="109">
        <v>0</v>
      </c>
      <c r="JZ30" s="109">
        <v>0</v>
      </c>
      <c r="KA30" s="110">
        <v>0</v>
      </c>
      <c r="KB30" s="292">
        <v>0</v>
      </c>
      <c r="KC30" s="217">
        <v>87720</v>
      </c>
      <c r="KD30" s="213">
        <v>166332</v>
      </c>
      <c r="KE30" s="110">
        <v>254052</v>
      </c>
      <c r="KF30" s="108">
        <v>0</v>
      </c>
      <c r="KG30" s="109">
        <v>478088</v>
      </c>
      <c r="KH30" s="109">
        <v>828454</v>
      </c>
      <c r="KI30" s="109">
        <v>730863</v>
      </c>
      <c r="KJ30" s="109">
        <v>481318</v>
      </c>
      <c r="KK30" s="109">
        <v>302576</v>
      </c>
      <c r="KL30" s="110">
        <v>2821299</v>
      </c>
      <c r="KM30" s="130">
        <v>3075351</v>
      </c>
      <c r="KN30" s="215">
        <v>0</v>
      </c>
      <c r="KO30" s="219">
        <v>0</v>
      </c>
      <c r="KP30" s="220">
        <v>0</v>
      </c>
      <c r="KQ30" s="443">
        <v>0</v>
      </c>
      <c r="KR30" s="109">
        <v>2716386</v>
      </c>
      <c r="KS30" s="109">
        <v>1360802</v>
      </c>
      <c r="KT30" s="109">
        <v>2525298</v>
      </c>
      <c r="KU30" s="109">
        <v>1733174</v>
      </c>
      <c r="KV30" s="109">
        <v>584302</v>
      </c>
      <c r="KW30" s="110">
        <v>8919962</v>
      </c>
      <c r="KX30" s="292">
        <v>8919962</v>
      </c>
      <c r="KY30" s="129">
        <v>0</v>
      </c>
      <c r="KZ30" s="109">
        <v>0</v>
      </c>
      <c r="LA30" s="110">
        <v>0</v>
      </c>
      <c r="LB30" s="443">
        <v>0</v>
      </c>
      <c r="LC30" s="109">
        <v>0</v>
      </c>
      <c r="LD30" s="109">
        <v>0</v>
      </c>
      <c r="LE30" s="109">
        <v>0</v>
      </c>
      <c r="LF30" s="109">
        <v>0</v>
      </c>
      <c r="LG30" s="109">
        <v>0</v>
      </c>
      <c r="LH30" s="110">
        <v>0</v>
      </c>
      <c r="LI30" s="111">
        <v>0</v>
      </c>
      <c r="LJ30" s="129">
        <v>0</v>
      </c>
      <c r="LK30" s="109">
        <v>0</v>
      </c>
      <c r="LL30" s="110">
        <v>0</v>
      </c>
      <c r="LM30" s="443">
        <v>0</v>
      </c>
      <c r="LN30" s="109">
        <v>0</v>
      </c>
      <c r="LO30" s="109">
        <v>0</v>
      </c>
      <c r="LP30" s="109">
        <v>0</v>
      </c>
      <c r="LQ30" s="109">
        <v>0</v>
      </c>
      <c r="LR30" s="109">
        <v>0</v>
      </c>
      <c r="LS30" s="110">
        <v>0</v>
      </c>
      <c r="LT30" s="292">
        <v>0</v>
      </c>
      <c r="LU30" s="129">
        <v>0</v>
      </c>
      <c r="LV30" s="109">
        <v>0</v>
      </c>
      <c r="LW30" s="110">
        <v>0</v>
      </c>
      <c r="LX30" s="443">
        <v>0</v>
      </c>
      <c r="LY30" s="109">
        <v>0</v>
      </c>
      <c r="LZ30" s="109">
        <v>0</v>
      </c>
      <c r="MA30" s="109">
        <v>0</v>
      </c>
      <c r="MB30" s="109">
        <v>0</v>
      </c>
      <c r="MC30" s="109">
        <v>0</v>
      </c>
      <c r="MD30" s="110">
        <v>0</v>
      </c>
      <c r="ME30" s="111">
        <v>0</v>
      </c>
      <c r="MF30" s="129">
        <v>0</v>
      </c>
      <c r="MG30" s="109">
        <v>0</v>
      </c>
      <c r="MH30" s="110">
        <v>0</v>
      </c>
      <c r="MI30" s="443">
        <v>0</v>
      </c>
      <c r="MJ30" s="109">
        <v>3134342</v>
      </c>
      <c r="MK30" s="109">
        <v>7665417</v>
      </c>
      <c r="ML30" s="109">
        <v>18748811</v>
      </c>
      <c r="MM30" s="109">
        <v>38893773</v>
      </c>
      <c r="MN30" s="109">
        <v>21320613</v>
      </c>
      <c r="MO30" s="110">
        <v>89762956</v>
      </c>
      <c r="MP30" s="130">
        <v>89762956</v>
      </c>
      <c r="MQ30" s="129">
        <v>0</v>
      </c>
      <c r="MR30" s="109">
        <v>0</v>
      </c>
      <c r="MS30" s="110">
        <v>0</v>
      </c>
      <c r="MT30" s="443">
        <v>0</v>
      </c>
      <c r="MU30" s="109">
        <v>0</v>
      </c>
      <c r="MV30" s="109">
        <v>910630</v>
      </c>
      <c r="MW30" s="109">
        <v>14072335</v>
      </c>
      <c r="MX30" s="109">
        <v>23290278</v>
      </c>
      <c r="MY30" s="109">
        <v>14162455</v>
      </c>
      <c r="MZ30" s="110">
        <v>52435698</v>
      </c>
      <c r="NA30" s="130">
        <v>52435698</v>
      </c>
      <c r="NB30" s="129">
        <v>0</v>
      </c>
      <c r="NC30" s="109">
        <v>0</v>
      </c>
      <c r="ND30" s="110">
        <v>0</v>
      </c>
      <c r="NE30" s="443">
        <v>0</v>
      </c>
      <c r="NF30" s="109">
        <v>3134342</v>
      </c>
      <c r="NG30" s="109">
        <v>6754787</v>
      </c>
      <c r="NH30" s="109">
        <v>4676476</v>
      </c>
      <c r="NI30" s="109">
        <v>15603495</v>
      </c>
      <c r="NJ30" s="109">
        <v>5995817</v>
      </c>
      <c r="NK30" s="110">
        <v>36164917</v>
      </c>
      <c r="NL30" s="292">
        <v>36164917</v>
      </c>
      <c r="NM30" s="129">
        <v>0</v>
      </c>
      <c r="NN30" s="109">
        <v>0</v>
      </c>
      <c r="NO30" s="110">
        <v>0</v>
      </c>
      <c r="NP30" s="443">
        <v>0</v>
      </c>
      <c r="NQ30" s="109">
        <v>0</v>
      </c>
      <c r="NR30" s="109">
        <v>0</v>
      </c>
      <c r="NS30" s="109">
        <v>0</v>
      </c>
      <c r="NT30" s="109">
        <v>0</v>
      </c>
      <c r="NU30" s="109">
        <v>0</v>
      </c>
      <c r="NV30" s="110">
        <v>0</v>
      </c>
      <c r="NW30" s="111">
        <v>0</v>
      </c>
      <c r="NX30" s="129">
        <v>0</v>
      </c>
      <c r="NY30" s="109">
        <v>0</v>
      </c>
      <c r="NZ30" s="110">
        <v>0</v>
      </c>
      <c r="OA30" s="443">
        <v>0</v>
      </c>
      <c r="OB30" s="109">
        <v>0</v>
      </c>
      <c r="OC30" s="109">
        <v>0</v>
      </c>
      <c r="OD30" s="109">
        <v>0</v>
      </c>
      <c r="OE30" s="109">
        <v>0</v>
      </c>
      <c r="OF30" s="109">
        <v>1162341</v>
      </c>
      <c r="OG30" s="110">
        <v>1162341</v>
      </c>
      <c r="OH30" s="111">
        <v>1162341</v>
      </c>
      <c r="OI30" s="129">
        <v>2630259</v>
      </c>
      <c r="OJ30" s="109">
        <v>4490298</v>
      </c>
      <c r="OK30" s="128">
        <v>7120557</v>
      </c>
      <c r="OL30" s="108">
        <v>0</v>
      </c>
      <c r="OM30" s="109">
        <v>40120391</v>
      </c>
      <c r="ON30" s="109">
        <v>43083163</v>
      </c>
      <c r="OO30" s="109">
        <v>49888137</v>
      </c>
      <c r="OP30" s="109">
        <v>67578183</v>
      </c>
      <c r="OQ30" s="109">
        <v>41479272</v>
      </c>
      <c r="OR30" s="110">
        <v>242149146</v>
      </c>
      <c r="OS30" s="130">
        <v>249269703</v>
      </c>
    </row>
    <row r="31" spans="2:409" ht="21" customHeight="1" x14ac:dyDescent="0.2">
      <c r="B31" s="437" t="s">
        <v>26</v>
      </c>
      <c r="C31" s="100">
        <v>2315632</v>
      </c>
      <c r="D31" s="104">
        <v>2683506</v>
      </c>
      <c r="E31" s="103">
        <v>4999138</v>
      </c>
      <c r="F31" s="99">
        <v>0</v>
      </c>
      <c r="G31" s="104">
        <v>24243079</v>
      </c>
      <c r="H31" s="104">
        <v>27805443</v>
      </c>
      <c r="I31" s="104">
        <v>25823493</v>
      </c>
      <c r="J31" s="104">
        <v>20440469</v>
      </c>
      <c r="K31" s="104">
        <v>22947967</v>
      </c>
      <c r="L31" s="156">
        <v>121260451</v>
      </c>
      <c r="M31" s="106">
        <v>126259589</v>
      </c>
      <c r="N31" s="100">
        <v>483783</v>
      </c>
      <c r="O31" s="104">
        <v>500599</v>
      </c>
      <c r="P31" s="103">
        <v>984382</v>
      </c>
      <c r="Q31" s="100">
        <v>0</v>
      </c>
      <c r="R31" s="104">
        <v>6261709</v>
      </c>
      <c r="S31" s="104">
        <v>8007150</v>
      </c>
      <c r="T31" s="104">
        <v>7878632</v>
      </c>
      <c r="U31" s="104">
        <v>7219208</v>
      </c>
      <c r="V31" s="104">
        <v>13497538</v>
      </c>
      <c r="W31" s="103">
        <v>42864237</v>
      </c>
      <c r="X31" s="106">
        <v>43848619</v>
      </c>
      <c r="Y31" s="100">
        <v>0</v>
      </c>
      <c r="Z31" s="104">
        <v>0</v>
      </c>
      <c r="AA31" s="103">
        <v>0</v>
      </c>
      <c r="AB31" s="100">
        <v>0</v>
      </c>
      <c r="AC31" s="104">
        <v>3033560</v>
      </c>
      <c r="AD31" s="104">
        <v>4611690</v>
      </c>
      <c r="AE31" s="104">
        <v>4533170</v>
      </c>
      <c r="AF31" s="104">
        <v>3975059</v>
      </c>
      <c r="AG31" s="104">
        <v>8574863</v>
      </c>
      <c r="AH31" s="103">
        <v>24728342</v>
      </c>
      <c r="AI31" s="106">
        <v>24728342</v>
      </c>
      <c r="AJ31" s="100">
        <v>0</v>
      </c>
      <c r="AK31" s="104">
        <v>0</v>
      </c>
      <c r="AL31" s="103">
        <v>0</v>
      </c>
      <c r="AM31" s="100">
        <v>0</v>
      </c>
      <c r="AN31" s="104">
        <v>0</v>
      </c>
      <c r="AO31" s="104">
        <v>54756</v>
      </c>
      <c r="AP31" s="104">
        <v>222268</v>
      </c>
      <c r="AQ31" s="104">
        <v>614963</v>
      </c>
      <c r="AR31" s="104">
        <v>1084515</v>
      </c>
      <c r="AS31" s="103">
        <v>1976502</v>
      </c>
      <c r="AT31" s="106">
        <v>1976502</v>
      </c>
      <c r="AU31" s="100">
        <v>334280</v>
      </c>
      <c r="AV31" s="104">
        <v>398257</v>
      </c>
      <c r="AW31" s="103">
        <v>732537</v>
      </c>
      <c r="AX31" s="100">
        <v>0</v>
      </c>
      <c r="AY31" s="104">
        <v>2429506</v>
      </c>
      <c r="AZ31" s="104">
        <v>2336483</v>
      </c>
      <c r="BA31" s="104">
        <v>1679438</v>
      </c>
      <c r="BB31" s="104">
        <v>1772105</v>
      </c>
      <c r="BC31" s="104">
        <v>2976635</v>
      </c>
      <c r="BD31" s="103">
        <v>11194167</v>
      </c>
      <c r="BE31" s="106">
        <v>11926704</v>
      </c>
      <c r="BF31" s="100">
        <v>0</v>
      </c>
      <c r="BG31" s="104">
        <v>54318</v>
      </c>
      <c r="BH31" s="102">
        <v>54318</v>
      </c>
      <c r="BI31" s="101">
        <v>0</v>
      </c>
      <c r="BJ31" s="104">
        <v>0</v>
      </c>
      <c r="BK31" s="104">
        <v>96715</v>
      </c>
      <c r="BL31" s="104">
        <v>258060</v>
      </c>
      <c r="BM31" s="104">
        <v>50470</v>
      </c>
      <c r="BN31" s="104">
        <v>150184</v>
      </c>
      <c r="BO31" s="103">
        <v>555429</v>
      </c>
      <c r="BP31" s="106">
        <v>609747</v>
      </c>
      <c r="BQ31" s="100">
        <v>149503</v>
      </c>
      <c r="BR31" s="104">
        <v>48024</v>
      </c>
      <c r="BS31" s="103">
        <v>197527</v>
      </c>
      <c r="BT31" s="100">
        <v>0</v>
      </c>
      <c r="BU31" s="104">
        <v>798643</v>
      </c>
      <c r="BV31" s="104">
        <v>907506</v>
      </c>
      <c r="BW31" s="104">
        <v>1185696</v>
      </c>
      <c r="BX31" s="104">
        <v>806611</v>
      </c>
      <c r="BY31" s="104">
        <v>711341</v>
      </c>
      <c r="BZ31" s="103">
        <v>4409797</v>
      </c>
      <c r="CA31" s="106">
        <v>4607324</v>
      </c>
      <c r="CB31" s="100">
        <v>180819</v>
      </c>
      <c r="CC31" s="104">
        <v>300421</v>
      </c>
      <c r="CD31" s="103">
        <v>481240</v>
      </c>
      <c r="CE31" s="100">
        <v>0</v>
      </c>
      <c r="CF31" s="104">
        <v>6478740</v>
      </c>
      <c r="CG31" s="104">
        <v>7705833</v>
      </c>
      <c r="CH31" s="104">
        <v>5134491</v>
      </c>
      <c r="CI31" s="104">
        <v>3868038</v>
      </c>
      <c r="CJ31" s="104">
        <v>2516584</v>
      </c>
      <c r="CK31" s="103">
        <v>25703686</v>
      </c>
      <c r="CL31" s="106">
        <v>26184926</v>
      </c>
      <c r="CM31" s="100">
        <v>0</v>
      </c>
      <c r="CN31" s="104">
        <v>0</v>
      </c>
      <c r="CO31" s="103">
        <v>0</v>
      </c>
      <c r="CP31" s="101">
        <v>0</v>
      </c>
      <c r="CQ31" s="104">
        <v>5430076</v>
      </c>
      <c r="CR31" s="104">
        <v>6377390</v>
      </c>
      <c r="CS31" s="104">
        <v>3896501</v>
      </c>
      <c r="CT31" s="104">
        <v>2792745</v>
      </c>
      <c r="CU31" s="104">
        <v>2117290</v>
      </c>
      <c r="CV31" s="103">
        <v>20614002</v>
      </c>
      <c r="CW31" s="106">
        <v>20614002</v>
      </c>
      <c r="CX31" s="100">
        <v>180819</v>
      </c>
      <c r="CY31" s="104">
        <v>300421</v>
      </c>
      <c r="CZ31" s="103">
        <v>481240</v>
      </c>
      <c r="DA31" s="100">
        <v>0</v>
      </c>
      <c r="DB31" s="104">
        <v>1048664</v>
      </c>
      <c r="DC31" s="104">
        <v>1328443</v>
      </c>
      <c r="DD31" s="104">
        <v>1237990</v>
      </c>
      <c r="DE31" s="104">
        <v>1075293</v>
      </c>
      <c r="DF31" s="104">
        <v>399294</v>
      </c>
      <c r="DG31" s="103">
        <v>5089684</v>
      </c>
      <c r="DH31" s="106">
        <v>5570924</v>
      </c>
      <c r="DI31" s="100">
        <v>20211</v>
      </c>
      <c r="DJ31" s="104">
        <v>0</v>
      </c>
      <c r="DK31" s="102">
        <v>20211</v>
      </c>
      <c r="DL31" s="101">
        <v>0</v>
      </c>
      <c r="DM31" s="104">
        <v>1162043</v>
      </c>
      <c r="DN31" s="104">
        <v>1568420</v>
      </c>
      <c r="DO31" s="104">
        <v>3313858</v>
      </c>
      <c r="DP31" s="104">
        <v>1656918</v>
      </c>
      <c r="DQ31" s="104">
        <v>1758015</v>
      </c>
      <c r="DR31" s="103">
        <v>9459254</v>
      </c>
      <c r="DS31" s="106">
        <v>9479465</v>
      </c>
      <c r="DT31" s="100">
        <v>20211</v>
      </c>
      <c r="DU31" s="104">
        <v>0</v>
      </c>
      <c r="DV31" s="103">
        <v>20211</v>
      </c>
      <c r="DW31" s="100">
        <v>0</v>
      </c>
      <c r="DX31" s="104">
        <v>1055435</v>
      </c>
      <c r="DY31" s="104">
        <v>1460244</v>
      </c>
      <c r="DZ31" s="104">
        <v>2987389</v>
      </c>
      <c r="EA31" s="104">
        <v>1331282</v>
      </c>
      <c r="EB31" s="104">
        <v>1694410</v>
      </c>
      <c r="EC31" s="103">
        <v>8528760</v>
      </c>
      <c r="ED31" s="106">
        <v>8548971</v>
      </c>
      <c r="EE31" s="100">
        <v>0</v>
      </c>
      <c r="EF31" s="102">
        <v>0</v>
      </c>
      <c r="EG31" s="103">
        <v>0</v>
      </c>
      <c r="EH31" s="100">
        <v>0</v>
      </c>
      <c r="EI31" s="104">
        <v>106608</v>
      </c>
      <c r="EJ31" s="104">
        <v>108176</v>
      </c>
      <c r="EK31" s="104">
        <v>326469</v>
      </c>
      <c r="EL31" s="104">
        <v>325636</v>
      </c>
      <c r="EM31" s="104">
        <v>63605</v>
      </c>
      <c r="EN31" s="102">
        <v>930494</v>
      </c>
      <c r="EO31" s="106">
        <v>930494</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06">
        <v>0</v>
      </c>
      <c r="FE31" s="104">
        <v>0</v>
      </c>
      <c r="FF31" s="104">
        <v>0</v>
      </c>
      <c r="FG31" s="104">
        <v>0</v>
      </c>
      <c r="FH31" s="104">
        <v>0</v>
      </c>
      <c r="FI31" s="104">
        <v>0</v>
      </c>
      <c r="FJ31" s="103">
        <v>0</v>
      </c>
      <c r="FK31" s="106">
        <v>0</v>
      </c>
      <c r="FL31" s="100">
        <v>777373</v>
      </c>
      <c r="FM31" s="104">
        <v>772426</v>
      </c>
      <c r="FN31" s="103">
        <v>1549799</v>
      </c>
      <c r="FO31" s="100">
        <v>0</v>
      </c>
      <c r="FP31" s="104">
        <v>1392331</v>
      </c>
      <c r="FQ31" s="104">
        <v>2329412</v>
      </c>
      <c r="FR31" s="104">
        <v>1800031</v>
      </c>
      <c r="FS31" s="104">
        <v>1794057</v>
      </c>
      <c r="FT31" s="104">
        <v>1737895</v>
      </c>
      <c r="FU31" s="103">
        <v>9053726</v>
      </c>
      <c r="FV31" s="106">
        <v>10603525</v>
      </c>
      <c r="FW31" s="105">
        <v>417373</v>
      </c>
      <c r="FX31" s="104">
        <v>598753</v>
      </c>
      <c r="FY31" s="102">
        <v>1016126</v>
      </c>
      <c r="FZ31" s="101">
        <v>0</v>
      </c>
      <c r="GA31" s="104">
        <v>1126723</v>
      </c>
      <c r="GB31" s="104">
        <v>2206886</v>
      </c>
      <c r="GC31" s="104">
        <v>1691551</v>
      </c>
      <c r="GD31" s="104">
        <v>1684524</v>
      </c>
      <c r="GE31" s="104">
        <v>1712947</v>
      </c>
      <c r="GF31" s="103">
        <v>8422631</v>
      </c>
      <c r="GG31" s="290">
        <v>9438757</v>
      </c>
      <c r="GH31" s="105">
        <v>0</v>
      </c>
      <c r="GI31" s="104">
        <v>41886</v>
      </c>
      <c r="GJ31" s="102">
        <v>41886</v>
      </c>
      <c r="GK31" s="101">
        <v>0</v>
      </c>
      <c r="GL31" s="104">
        <v>51264</v>
      </c>
      <c r="GM31" s="104">
        <v>97416</v>
      </c>
      <c r="GN31" s="104">
        <v>86205</v>
      </c>
      <c r="GO31" s="104">
        <v>60033</v>
      </c>
      <c r="GP31" s="104">
        <v>24948</v>
      </c>
      <c r="GQ31" s="103">
        <v>319866</v>
      </c>
      <c r="GR31" s="106">
        <v>361752</v>
      </c>
      <c r="GS31" s="100">
        <v>360000</v>
      </c>
      <c r="GT31" s="104">
        <v>131787</v>
      </c>
      <c r="GU31" s="103">
        <v>491787</v>
      </c>
      <c r="GV31" s="100">
        <v>0</v>
      </c>
      <c r="GW31" s="104">
        <v>214344</v>
      </c>
      <c r="GX31" s="104">
        <v>25110</v>
      </c>
      <c r="GY31" s="104">
        <v>22275</v>
      </c>
      <c r="GZ31" s="104">
        <v>49500</v>
      </c>
      <c r="HA31" s="104">
        <v>0</v>
      </c>
      <c r="HB31" s="102">
        <v>311229</v>
      </c>
      <c r="HC31" s="106">
        <v>803016</v>
      </c>
      <c r="HD31" s="100">
        <v>465339</v>
      </c>
      <c r="HE31" s="104">
        <v>503775</v>
      </c>
      <c r="HF31" s="102">
        <v>969114</v>
      </c>
      <c r="HG31" s="101">
        <v>0</v>
      </c>
      <c r="HH31" s="104">
        <v>4753738</v>
      </c>
      <c r="HI31" s="104">
        <v>4516060</v>
      </c>
      <c r="HJ31" s="104">
        <v>5009197</v>
      </c>
      <c r="HK31" s="104">
        <v>4310014</v>
      </c>
      <c r="HL31" s="104">
        <v>2062626</v>
      </c>
      <c r="HM31" s="103">
        <v>20651635</v>
      </c>
      <c r="HN31" s="99">
        <v>21620749</v>
      </c>
      <c r="HO31" s="105">
        <v>388107</v>
      </c>
      <c r="HP31" s="104">
        <v>606285</v>
      </c>
      <c r="HQ31" s="103">
        <v>994392</v>
      </c>
      <c r="HR31" s="100">
        <v>0</v>
      </c>
      <c r="HS31" s="104">
        <v>4194518</v>
      </c>
      <c r="HT31" s="104">
        <v>3678568</v>
      </c>
      <c r="HU31" s="104">
        <v>2687284</v>
      </c>
      <c r="HV31" s="104">
        <v>1592234</v>
      </c>
      <c r="HW31" s="104">
        <v>1375309</v>
      </c>
      <c r="HX31" s="102">
        <v>13527913</v>
      </c>
      <c r="HY31" s="106">
        <v>14522305</v>
      </c>
      <c r="HZ31" s="118">
        <v>0</v>
      </c>
      <c r="IA31" s="119">
        <v>0</v>
      </c>
      <c r="IB31" s="120">
        <v>0</v>
      </c>
      <c r="IC31" s="131">
        <v>0</v>
      </c>
      <c r="ID31" s="119">
        <v>4229199</v>
      </c>
      <c r="IE31" s="132">
        <v>7461694</v>
      </c>
      <c r="IF31" s="120">
        <v>10729556</v>
      </c>
      <c r="IG31" s="119">
        <v>3889237</v>
      </c>
      <c r="IH31" s="120">
        <v>2146224</v>
      </c>
      <c r="II31" s="133">
        <v>28455910</v>
      </c>
      <c r="IJ31" s="126">
        <v>28455910</v>
      </c>
      <c r="IK31" s="215">
        <v>0</v>
      </c>
      <c r="IL31" s="219">
        <v>0</v>
      </c>
      <c r="IM31" s="220">
        <v>0</v>
      </c>
      <c r="IN31" s="127">
        <v>0</v>
      </c>
      <c r="IO31" s="109">
        <v>0</v>
      </c>
      <c r="IP31" s="109">
        <v>0</v>
      </c>
      <c r="IQ31" s="109">
        <v>0</v>
      </c>
      <c r="IR31" s="109">
        <v>0</v>
      </c>
      <c r="IS31" s="109">
        <v>0</v>
      </c>
      <c r="IT31" s="128">
        <v>0</v>
      </c>
      <c r="IU31" s="292">
        <v>0</v>
      </c>
      <c r="IV31" s="129">
        <v>0</v>
      </c>
      <c r="IW31" s="109">
        <v>0</v>
      </c>
      <c r="IX31" s="110">
        <v>0</v>
      </c>
      <c r="IY31" s="443">
        <v>0</v>
      </c>
      <c r="IZ31" s="109">
        <v>0</v>
      </c>
      <c r="JA31" s="109">
        <v>0</v>
      </c>
      <c r="JB31" s="109">
        <v>0</v>
      </c>
      <c r="JC31" s="109">
        <v>0</v>
      </c>
      <c r="JD31" s="109">
        <v>0</v>
      </c>
      <c r="JE31" s="110">
        <v>0</v>
      </c>
      <c r="JF31" s="111">
        <v>0</v>
      </c>
      <c r="JG31" s="129">
        <v>0</v>
      </c>
      <c r="JH31" s="109">
        <v>0</v>
      </c>
      <c r="JI31" s="128">
        <v>0</v>
      </c>
      <c r="JJ31" s="108">
        <v>0</v>
      </c>
      <c r="JK31" s="109">
        <v>2068847</v>
      </c>
      <c r="JL31" s="109">
        <v>2132885</v>
      </c>
      <c r="JM31" s="109">
        <v>2540550</v>
      </c>
      <c r="JN31" s="109">
        <v>997384</v>
      </c>
      <c r="JO31" s="109">
        <v>732427</v>
      </c>
      <c r="JP31" s="110">
        <v>8472093</v>
      </c>
      <c r="JQ31" s="292">
        <v>8472093</v>
      </c>
      <c r="JR31" s="129">
        <v>0</v>
      </c>
      <c r="JS31" s="109">
        <v>0</v>
      </c>
      <c r="JT31" s="128">
        <v>0</v>
      </c>
      <c r="JU31" s="108">
        <v>0</v>
      </c>
      <c r="JV31" s="109">
        <v>0</v>
      </c>
      <c r="JW31" s="109">
        <v>291346</v>
      </c>
      <c r="JX31" s="109">
        <v>310858</v>
      </c>
      <c r="JY31" s="109">
        <v>87753</v>
      </c>
      <c r="JZ31" s="109">
        <v>595552</v>
      </c>
      <c r="KA31" s="110">
        <v>1285509</v>
      </c>
      <c r="KB31" s="292">
        <v>1285509</v>
      </c>
      <c r="KC31" s="217">
        <v>0</v>
      </c>
      <c r="KD31" s="213">
        <v>0</v>
      </c>
      <c r="KE31" s="110">
        <v>0</v>
      </c>
      <c r="KF31" s="108">
        <v>0</v>
      </c>
      <c r="KG31" s="109">
        <v>687089</v>
      </c>
      <c r="KH31" s="109">
        <v>1058664</v>
      </c>
      <c r="KI31" s="109">
        <v>1510634</v>
      </c>
      <c r="KJ31" s="109">
        <v>306196</v>
      </c>
      <c r="KK31" s="109">
        <v>517488</v>
      </c>
      <c r="KL31" s="110">
        <v>4080071</v>
      </c>
      <c r="KM31" s="130">
        <v>4080071</v>
      </c>
      <c r="KN31" s="215">
        <v>0</v>
      </c>
      <c r="KO31" s="219">
        <v>0</v>
      </c>
      <c r="KP31" s="220">
        <v>0</v>
      </c>
      <c r="KQ31" s="443">
        <v>0</v>
      </c>
      <c r="KR31" s="109">
        <v>1473263</v>
      </c>
      <c r="KS31" s="109">
        <v>3978799</v>
      </c>
      <c r="KT31" s="109">
        <v>6367514</v>
      </c>
      <c r="KU31" s="109">
        <v>2497904</v>
      </c>
      <c r="KV31" s="109">
        <v>300757</v>
      </c>
      <c r="KW31" s="110">
        <v>14618237</v>
      </c>
      <c r="KX31" s="292">
        <v>14618237</v>
      </c>
      <c r="KY31" s="129">
        <v>0</v>
      </c>
      <c r="KZ31" s="109">
        <v>0</v>
      </c>
      <c r="LA31" s="110">
        <v>0</v>
      </c>
      <c r="LB31" s="443">
        <v>0</v>
      </c>
      <c r="LC31" s="109">
        <v>0</v>
      </c>
      <c r="LD31" s="109">
        <v>0</v>
      </c>
      <c r="LE31" s="109">
        <v>0</v>
      </c>
      <c r="LF31" s="109">
        <v>0</v>
      </c>
      <c r="LG31" s="109">
        <v>0</v>
      </c>
      <c r="LH31" s="110">
        <v>0</v>
      </c>
      <c r="LI31" s="111">
        <v>0</v>
      </c>
      <c r="LJ31" s="129">
        <v>0</v>
      </c>
      <c r="LK31" s="109">
        <v>0</v>
      </c>
      <c r="LL31" s="110">
        <v>0</v>
      </c>
      <c r="LM31" s="443">
        <v>0</v>
      </c>
      <c r="LN31" s="109">
        <v>0</v>
      </c>
      <c r="LO31" s="109">
        <v>0</v>
      </c>
      <c r="LP31" s="109">
        <v>0</v>
      </c>
      <c r="LQ31" s="109">
        <v>0</v>
      </c>
      <c r="LR31" s="109">
        <v>0</v>
      </c>
      <c r="LS31" s="110">
        <v>0</v>
      </c>
      <c r="LT31" s="292">
        <v>0</v>
      </c>
      <c r="LU31" s="129">
        <v>0</v>
      </c>
      <c r="LV31" s="109">
        <v>0</v>
      </c>
      <c r="LW31" s="110">
        <v>0</v>
      </c>
      <c r="LX31" s="443">
        <v>0</v>
      </c>
      <c r="LY31" s="109">
        <v>0</v>
      </c>
      <c r="LZ31" s="109">
        <v>0</v>
      </c>
      <c r="MA31" s="109">
        <v>0</v>
      </c>
      <c r="MB31" s="109">
        <v>0</v>
      </c>
      <c r="MC31" s="109">
        <v>0</v>
      </c>
      <c r="MD31" s="110">
        <v>0</v>
      </c>
      <c r="ME31" s="111">
        <v>0</v>
      </c>
      <c r="MF31" s="129">
        <v>0</v>
      </c>
      <c r="MG31" s="109">
        <v>0</v>
      </c>
      <c r="MH31" s="110">
        <v>0</v>
      </c>
      <c r="MI31" s="443">
        <v>0</v>
      </c>
      <c r="MJ31" s="109">
        <v>1777925</v>
      </c>
      <c r="MK31" s="109">
        <v>6264987</v>
      </c>
      <c r="ML31" s="109">
        <v>16910716</v>
      </c>
      <c r="MM31" s="109">
        <v>24519931</v>
      </c>
      <c r="MN31" s="109">
        <v>20022823</v>
      </c>
      <c r="MO31" s="110">
        <v>69496382</v>
      </c>
      <c r="MP31" s="130">
        <v>69496382</v>
      </c>
      <c r="MQ31" s="129">
        <v>0</v>
      </c>
      <c r="MR31" s="109">
        <v>0</v>
      </c>
      <c r="MS31" s="110">
        <v>0</v>
      </c>
      <c r="MT31" s="443">
        <v>0</v>
      </c>
      <c r="MU31" s="109">
        <v>497824</v>
      </c>
      <c r="MV31" s="109">
        <v>1268190</v>
      </c>
      <c r="MW31" s="109">
        <v>8860829</v>
      </c>
      <c r="MX31" s="109">
        <v>19206651</v>
      </c>
      <c r="MY31" s="109">
        <v>14738423</v>
      </c>
      <c r="MZ31" s="110">
        <v>44571917</v>
      </c>
      <c r="NA31" s="130">
        <v>44571917</v>
      </c>
      <c r="NB31" s="129">
        <v>0</v>
      </c>
      <c r="NC31" s="109">
        <v>0</v>
      </c>
      <c r="ND31" s="110">
        <v>0</v>
      </c>
      <c r="NE31" s="443">
        <v>0</v>
      </c>
      <c r="NF31" s="109">
        <v>1280101</v>
      </c>
      <c r="NG31" s="109">
        <v>4996797</v>
      </c>
      <c r="NH31" s="109">
        <v>7678580</v>
      </c>
      <c r="NI31" s="109">
        <v>5064487</v>
      </c>
      <c r="NJ31" s="109">
        <v>4419165</v>
      </c>
      <c r="NK31" s="110">
        <v>23439130</v>
      </c>
      <c r="NL31" s="292">
        <v>23439130</v>
      </c>
      <c r="NM31" s="129">
        <v>0</v>
      </c>
      <c r="NN31" s="109">
        <v>0</v>
      </c>
      <c r="NO31" s="110">
        <v>0</v>
      </c>
      <c r="NP31" s="443">
        <v>0</v>
      </c>
      <c r="NQ31" s="109">
        <v>0</v>
      </c>
      <c r="NR31" s="109">
        <v>0</v>
      </c>
      <c r="NS31" s="109">
        <v>0</v>
      </c>
      <c r="NT31" s="109">
        <v>0</v>
      </c>
      <c r="NU31" s="109">
        <v>0</v>
      </c>
      <c r="NV31" s="110">
        <v>0</v>
      </c>
      <c r="NW31" s="111">
        <v>0</v>
      </c>
      <c r="NX31" s="129">
        <v>0</v>
      </c>
      <c r="NY31" s="109">
        <v>0</v>
      </c>
      <c r="NZ31" s="110">
        <v>0</v>
      </c>
      <c r="OA31" s="443">
        <v>0</v>
      </c>
      <c r="OB31" s="109">
        <v>0</v>
      </c>
      <c r="OC31" s="109">
        <v>0</v>
      </c>
      <c r="OD31" s="109">
        <v>371307</v>
      </c>
      <c r="OE31" s="109">
        <v>248793</v>
      </c>
      <c r="OF31" s="109">
        <v>865235</v>
      </c>
      <c r="OG31" s="110">
        <v>1485335</v>
      </c>
      <c r="OH31" s="111">
        <v>1485335</v>
      </c>
      <c r="OI31" s="129">
        <v>2315632</v>
      </c>
      <c r="OJ31" s="109">
        <v>2683506</v>
      </c>
      <c r="OK31" s="128">
        <v>4999138</v>
      </c>
      <c r="OL31" s="108">
        <v>0</v>
      </c>
      <c r="OM31" s="109">
        <v>30250203</v>
      </c>
      <c r="ON31" s="109">
        <v>41532124</v>
      </c>
      <c r="OO31" s="109">
        <v>53463765</v>
      </c>
      <c r="OP31" s="109">
        <v>48849637</v>
      </c>
      <c r="OQ31" s="109">
        <v>45117014</v>
      </c>
      <c r="OR31" s="110">
        <v>219212743</v>
      </c>
      <c r="OS31" s="130">
        <v>224211881</v>
      </c>
    </row>
    <row r="32" spans="2:409" ht="21" customHeight="1" x14ac:dyDescent="0.2">
      <c r="B32" s="437" t="s">
        <v>27</v>
      </c>
      <c r="C32" s="100">
        <v>3030189</v>
      </c>
      <c r="D32" s="104">
        <v>6135810</v>
      </c>
      <c r="E32" s="103">
        <v>9165999</v>
      </c>
      <c r="F32" s="99">
        <v>0</v>
      </c>
      <c r="G32" s="104">
        <v>23901423</v>
      </c>
      <c r="H32" s="104">
        <v>22282424</v>
      </c>
      <c r="I32" s="104">
        <v>20345138</v>
      </c>
      <c r="J32" s="104">
        <v>20529724</v>
      </c>
      <c r="K32" s="104">
        <v>17101123</v>
      </c>
      <c r="L32" s="156">
        <v>104159832</v>
      </c>
      <c r="M32" s="106">
        <v>113325831</v>
      </c>
      <c r="N32" s="100">
        <v>559234</v>
      </c>
      <c r="O32" s="104">
        <v>1268533</v>
      </c>
      <c r="P32" s="103">
        <v>1827767</v>
      </c>
      <c r="Q32" s="100">
        <v>0</v>
      </c>
      <c r="R32" s="104">
        <v>4182129</v>
      </c>
      <c r="S32" s="104">
        <v>6462478</v>
      </c>
      <c r="T32" s="104">
        <v>5608619</v>
      </c>
      <c r="U32" s="104">
        <v>5136684</v>
      </c>
      <c r="V32" s="104">
        <v>7705805</v>
      </c>
      <c r="W32" s="103">
        <v>29095715</v>
      </c>
      <c r="X32" s="106">
        <v>30923482</v>
      </c>
      <c r="Y32" s="100">
        <v>0</v>
      </c>
      <c r="Z32" s="104">
        <v>0</v>
      </c>
      <c r="AA32" s="103">
        <v>0</v>
      </c>
      <c r="AB32" s="100">
        <v>0</v>
      </c>
      <c r="AC32" s="104">
        <v>1962689</v>
      </c>
      <c r="AD32" s="104">
        <v>3436095</v>
      </c>
      <c r="AE32" s="104">
        <v>3069616</v>
      </c>
      <c r="AF32" s="104">
        <v>2399143</v>
      </c>
      <c r="AG32" s="104">
        <v>3859831</v>
      </c>
      <c r="AH32" s="103">
        <v>14727374</v>
      </c>
      <c r="AI32" s="106">
        <v>14727374</v>
      </c>
      <c r="AJ32" s="100">
        <v>0</v>
      </c>
      <c r="AK32" s="104">
        <v>0</v>
      </c>
      <c r="AL32" s="103">
        <v>0</v>
      </c>
      <c r="AM32" s="100">
        <v>0</v>
      </c>
      <c r="AN32" s="104">
        <v>77496</v>
      </c>
      <c r="AO32" s="104">
        <v>333011</v>
      </c>
      <c r="AP32" s="104">
        <v>245561</v>
      </c>
      <c r="AQ32" s="104">
        <v>591840</v>
      </c>
      <c r="AR32" s="104">
        <v>1164770</v>
      </c>
      <c r="AS32" s="103">
        <v>2412678</v>
      </c>
      <c r="AT32" s="106">
        <v>2412678</v>
      </c>
      <c r="AU32" s="100">
        <v>461036</v>
      </c>
      <c r="AV32" s="104">
        <v>1032521</v>
      </c>
      <c r="AW32" s="103">
        <v>1493557</v>
      </c>
      <c r="AX32" s="100">
        <v>0</v>
      </c>
      <c r="AY32" s="104">
        <v>1253899</v>
      </c>
      <c r="AZ32" s="104">
        <v>1873313</v>
      </c>
      <c r="BA32" s="104">
        <v>1357679</v>
      </c>
      <c r="BB32" s="104">
        <v>1261312</v>
      </c>
      <c r="BC32" s="104">
        <v>1957544</v>
      </c>
      <c r="BD32" s="103">
        <v>7703747</v>
      </c>
      <c r="BE32" s="106">
        <v>9197304</v>
      </c>
      <c r="BF32" s="100">
        <v>0</v>
      </c>
      <c r="BG32" s="104">
        <v>46608</v>
      </c>
      <c r="BH32" s="102">
        <v>46608</v>
      </c>
      <c r="BI32" s="101">
        <v>0</v>
      </c>
      <c r="BJ32" s="104">
        <v>71102</v>
      </c>
      <c r="BK32" s="104">
        <v>49375</v>
      </c>
      <c r="BL32" s="104">
        <v>26663</v>
      </c>
      <c r="BM32" s="104">
        <v>0</v>
      </c>
      <c r="BN32" s="104">
        <v>45018</v>
      </c>
      <c r="BO32" s="103">
        <v>192158</v>
      </c>
      <c r="BP32" s="106">
        <v>238766</v>
      </c>
      <c r="BQ32" s="100">
        <v>98198</v>
      </c>
      <c r="BR32" s="104">
        <v>189404</v>
      </c>
      <c r="BS32" s="103">
        <v>287602</v>
      </c>
      <c r="BT32" s="100">
        <v>0</v>
      </c>
      <c r="BU32" s="104">
        <v>816943</v>
      </c>
      <c r="BV32" s="104">
        <v>770684</v>
      </c>
      <c r="BW32" s="104">
        <v>909100</v>
      </c>
      <c r="BX32" s="104">
        <v>884389</v>
      </c>
      <c r="BY32" s="104">
        <v>678642</v>
      </c>
      <c r="BZ32" s="103">
        <v>4059758</v>
      </c>
      <c r="CA32" s="106">
        <v>4347360</v>
      </c>
      <c r="CB32" s="100">
        <v>298625</v>
      </c>
      <c r="CC32" s="104">
        <v>1164544</v>
      </c>
      <c r="CD32" s="103">
        <v>1463169</v>
      </c>
      <c r="CE32" s="100">
        <v>0</v>
      </c>
      <c r="CF32" s="104">
        <v>7521284</v>
      </c>
      <c r="CG32" s="104">
        <v>5127074</v>
      </c>
      <c r="CH32" s="104">
        <v>4206522</v>
      </c>
      <c r="CI32" s="104">
        <v>3163161</v>
      </c>
      <c r="CJ32" s="104">
        <v>2045577</v>
      </c>
      <c r="CK32" s="103">
        <v>22063618</v>
      </c>
      <c r="CL32" s="106">
        <v>23526787</v>
      </c>
      <c r="CM32" s="100">
        <v>0</v>
      </c>
      <c r="CN32" s="104">
        <v>0</v>
      </c>
      <c r="CO32" s="103">
        <v>0</v>
      </c>
      <c r="CP32" s="101">
        <v>0</v>
      </c>
      <c r="CQ32" s="104">
        <v>6538290</v>
      </c>
      <c r="CR32" s="104">
        <v>3514262</v>
      </c>
      <c r="CS32" s="104">
        <v>3073277</v>
      </c>
      <c r="CT32" s="104">
        <v>2951742</v>
      </c>
      <c r="CU32" s="104">
        <v>1491754</v>
      </c>
      <c r="CV32" s="103">
        <v>17569325</v>
      </c>
      <c r="CW32" s="106">
        <v>17569325</v>
      </c>
      <c r="CX32" s="100">
        <v>298625</v>
      </c>
      <c r="CY32" s="104">
        <v>1164544</v>
      </c>
      <c r="CZ32" s="103">
        <v>1463169</v>
      </c>
      <c r="DA32" s="100">
        <v>0</v>
      </c>
      <c r="DB32" s="104">
        <v>982994</v>
      </c>
      <c r="DC32" s="104">
        <v>1612812</v>
      </c>
      <c r="DD32" s="104">
        <v>1133245</v>
      </c>
      <c r="DE32" s="104">
        <v>211419</v>
      </c>
      <c r="DF32" s="104">
        <v>553823</v>
      </c>
      <c r="DG32" s="103">
        <v>4494293</v>
      </c>
      <c r="DH32" s="106">
        <v>5957462</v>
      </c>
      <c r="DI32" s="100">
        <v>15795</v>
      </c>
      <c r="DJ32" s="104">
        <v>0</v>
      </c>
      <c r="DK32" s="102">
        <v>15795</v>
      </c>
      <c r="DL32" s="101">
        <v>0</v>
      </c>
      <c r="DM32" s="104">
        <v>582302</v>
      </c>
      <c r="DN32" s="104">
        <v>708466</v>
      </c>
      <c r="DO32" s="104">
        <v>980369</v>
      </c>
      <c r="DP32" s="104">
        <v>1047365</v>
      </c>
      <c r="DQ32" s="104">
        <v>612967</v>
      </c>
      <c r="DR32" s="103">
        <v>3931469</v>
      </c>
      <c r="DS32" s="106">
        <v>3947264</v>
      </c>
      <c r="DT32" s="100">
        <v>0</v>
      </c>
      <c r="DU32" s="104">
        <v>0</v>
      </c>
      <c r="DV32" s="103">
        <v>0</v>
      </c>
      <c r="DW32" s="100">
        <v>0</v>
      </c>
      <c r="DX32" s="104">
        <v>582302</v>
      </c>
      <c r="DY32" s="104">
        <v>708466</v>
      </c>
      <c r="DZ32" s="104">
        <v>980369</v>
      </c>
      <c r="EA32" s="104">
        <v>913315</v>
      </c>
      <c r="EB32" s="104">
        <v>612967</v>
      </c>
      <c r="EC32" s="103">
        <v>3797419</v>
      </c>
      <c r="ED32" s="106">
        <v>3797419</v>
      </c>
      <c r="EE32" s="100">
        <v>15795</v>
      </c>
      <c r="EF32" s="102">
        <v>0</v>
      </c>
      <c r="EG32" s="103">
        <v>15795</v>
      </c>
      <c r="EH32" s="100">
        <v>0</v>
      </c>
      <c r="EI32" s="104">
        <v>0</v>
      </c>
      <c r="EJ32" s="104">
        <v>0</v>
      </c>
      <c r="EK32" s="104">
        <v>0</v>
      </c>
      <c r="EL32" s="104">
        <v>134050</v>
      </c>
      <c r="EM32" s="104">
        <v>0</v>
      </c>
      <c r="EN32" s="102">
        <v>134050</v>
      </c>
      <c r="EO32" s="106">
        <v>149845</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06">
        <v>0</v>
      </c>
      <c r="FE32" s="104">
        <v>0</v>
      </c>
      <c r="FF32" s="104">
        <v>0</v>
      </c>
      <c r="FG32" s="104">
        <v>0</v>
      </c>
      <c r="FH32" s="104">
        <v>0</v>
      </c>
      <c r="FI32" s="104">
        <v>0</v>
      </c>
      <c r="FJ32" s="103">
        <v>0</v>
      </c>
      <c r="FK32" s="106">
        <v>0</v>
      </c>
      <c r="FL32" s="100">
        <v>890440</v>
      </c>
      <c r="FM32" s="104">
        <v>1620729</v>
      </c>
      <c r="FN32" s="103">
        <v>2511169</v>
      </c>
      <c r="FO32" s="100">
        <v>0</v>
      </c>
      <c r="FP32" s="104">
        <v>911949</v>
      </c>
      <c r="FQ32" s="104">
        <v>1963847</v>
      </c>
      <c r="FR32" s="104">
        <v>1716076</v>
      </c>
      <c r="FS32" s="104">
        <v>1209590</v>
      </c>
      <c r="FT32" s="104">
        <v>1203340</v>
      </c>
      <c r="FU32" s="103">
        <v>7004802</v>
      </c>
      <c r="FV32" s="106">
        <v>9515971</v>
      </c>
      <c r="FW32" s="105">
        <v>458620</v>
      </c>
      <c r="FX32" s="104">
        <v>1105379</v>
      </c>
      <c r="FY32" s="102">
        <v>1563999</v>
      </c>
      <c r="FZ32" s="101">
        <v>0</v>
      </c>
      <c r="GA32" s="104">
        <v>652488</v>
      </c>
      <c r="GB32" s="104">
        <v>1823447</v>
      </c>
      <c r="GC32" s="104">
        <v>1566802</v>
      </c>
      <c r="GD32" s="104">
        <v>1209590</v>
      </c>
      <c r="GE32" s="104">
        <v>1149484</v>
      </c>
      <c r="GF32" s="103">
        <v>6401811</v>
      </c>
      <c r="GG32" s="290">
        <v>7965810</v>
      </c>
      <c r="GH32" s="105">
        <v>0</v>
      </c>
      <c r="GI32" s="104">
        <v>187300</v>
      </c>
      <c r="GJ32" s="102">
        <v>187300</v>
      </c>
      <c r="GK32" s="101">
        <v>0</v>
      </c>
      <c r="GL32" s="104">
        <v>27720</v>
      </c>
      <c r="GM32" s="104">
        <v>0</v>
      </c>
      <c r="GN32" s="104">
        <v>33624</v>
      </c>
      <c r="GO32" s="104">
        <v>0</v>
      </c>
      <c r="GP32" s="104">
        <v>53856</v>
      </c>
      <c r="GQ32" s="103">
        <v>115200</v>
      </c>
      <c r="GR32" s="106">
        <v>302500</v>
      </c>
      <c r="GS32" s="100">
        <v>431820</v>
      </c>
      <c r="GT32" s="104">
        <v>328050</v>
      </c>
      <c r="GU32" s="103">
        <v>759870</v>
      </c>
      <c r="GV32" s="100">
        <v>0</v>
      </c>
      <c r="GW32" s="104">
        <v>231741</v>
      </c>
      <c r="GX32" s="104">
        <v>140400</v>
      </c>
      <c r="GY32" s="104">
        <v>115650</v>
      </c>
      <c r="GZ32" s="104">
        <v>0</v>
      </c>
      <c r="HA32" s="104">
        <v>0</v>
      </c>
      <c r="HB32" s="102">
        <v>487791</v>
      </c>
      <c r="HC32" s="106">
        <v>1247661</v>
      </c>
      <c r="HD32" s="100">
        <v>663275</v>
      </c>
      <c r="HE32" s="104">
        <v>1268076</v>
      </c>
      <c r="HF32" s="102">
        <v>1931351</v>
      </c>
      <c r="HG32" s="101">
        <v>0</v>
      </c>
      <c r="HH32" s="104">
        <v>7355736</v>
      </c>
      <c r="HI32" s="104">
        <v>5701001</v>
      </c>
      <c r="HJ32" s="104">
        <v>6114685</v>
      </c>
      <c r="HK32" s="104">
        <v>8895373</v>
      </c>
      <c r="HL32" s="104">
        <v>4693834</v>
      </c>
      <c r="HM32" s="103">
        <v>32760629</v>
      </c>
      <c r="HN32" s="99">
        <v>34691980</v>
      </c>
      <c r="HO32" s="105">
        <v>602820</v>
      </c>
      <c r="HP32" s="104">
        <v>813928</v>
      </c>
      <c r="HQ32" s="103">
        <v>1416748</v>
      </c>
      <c r="HR32" s="100">
        <v>0</v>
      </c>
      <c r="HS32" s="104">
        <v>3348023</v>
      </c>
      <c r="HT32" s="104">
        <v>2319558</v>
      </c>
      <c r="HU32" s="104">
        <v>1718867</v>
      </c>
      <c r="HV32" s="104">
        <v>1077551</v>
      </c>
      <c r="HW32" s="104">
        <v>839600</v>
      </c>
      <c r="HX32" s="102">
        <v>9303599</v>
      </c>
      <c r="HY32" s="106">
        <v>10720347</v>
      </c>
      <c r="HZ32" s="135">
        <v>0</v>
      </c>
      <c r="IA32" s="122">
        <v>0</v>
      </c>
      <c r="IB32" s="135">
        <v>0</v>
      </c>
      <c r="IC32" s="121">
        <v>0</v>
      </c>
      <c r="ID32" s="122">
        <v>4049714</v>
      </c>
      <c r="IE32" s="123">
        <v>2495401</v>
      </c>
      <c r="IF32" s="124">
        <v>6672115</v>
      </c>
      <c r="IG32" s="122">
        <v>6177782</v>
      </c>
      <c r="IH32" s="124">
        <v>4103837</v>
      </c>
      <c r="II32" s="125">
        <v>23498849</v>
      </c>
      <c r="IJ32" s="135">
        <v>23498849</v>
      </c>
      <c r="IK32" s="215">
        <v>0</v>
      </c>
      <c r="IL32" s="219">
        <v>0</v>
      </c>
      <c r="IM32" s="220">
        <v>0</v>
      </c>
      <c r="IN32" s="127">
        <v>0</v>
      </c>
      <c r="IO32" s="109">
        <v>0</v>
      </c>
      <c r="IP32" s="109">
        <v>0</v>
      </c>
      <c r="IQ32" s="109">
        <v>175496</v>
      </c>
      <c r="IR32" s="109">
        <v>0</v>
      </c>
      <c r="IS32" s="109">
        <v>0</v>
      </c>
      <c r="IT32" s="128">
        <v>175496</v>
      </c>
      <c r="IU32" s="292">
        <v>175496</v>
      </c>
      <c r="IV32" s="129">
        <v>0</v>
      </c>
      <c r="IW32" s="109">
        <v>0</v>
      </c>
      <c r="IX32" s="110">
        <v>0</v>
      </c>
      <c r="IY32" s="443">
        <v>0</v>
      </c>
      <c r="IZ32" s="109">
        <v>0</v>
      </c>
      <c r="JA32" s="109">
        <v>0</v>
      </c>
      <c r="JB32" s="109">
        <v>0</v>
      </c>
      <c r="JC32" s="109">
        <v>0</v>
      </c>
      <c r="JD32" s="109">
        <v>0</v>
      </c>
      <c r="JE32" s="110">
        <v>0</v>
      </c>
      <c r="JF32" s="111">
        <v>0</v>
      </c>
      <c r="JG32" s="129">
        <v>0</v>
      </c>
      <c r="JH32" s="109">
        <v>0</v>
      </c>
      <c r="JI32" s="128">
        <v>0</v>
      </c>
      <c r="JJ32" s="108">
        <v>0</v>
      </c>
      <c r="JK32" s="109">
        <v>1645582</v>
      </c>
      <c r="JL32" s="109">
        <v>807931</v>
      </c>
      <c r="JM32" s="109">
        <v>543634</v>
      </c>
      <c r="JN32" s="109">
        <v>264625</v>
      </c>
      <c r="JO32" s="109">
        <v>0</v>
      </c>
      <c r="JP32" s="110">
        <v>3261772</v>
      </c>
      <c r="JQ32" s="292">
        <v>3261772</v>
      </c>
      <c r="JR32" s="129">
        <v>0</v>
      </c>
      <c r="JS32" s="109">
        <v>0</v>
      </c>
      <c r="JT32" s="128">
        <v>0</v>
      </c>
      <c r="JU32" s="108">
        <v>0</v>
      </c>
      <c r="JV32" s="109">
        <v>54918</v>
      </c>
      <c r="JW32" s="109">
        <v>28259</v>
      </c>
      <c r="JX32" s="109">
        <v>214725</v>
      </c>
      <c r="JY32" s="109">
        <v>251008</v>
      </c>
      <c r="JZ32" s="109">
        <v>354402</v>
      </c>
      <c r="KA32" s="110">
        <v>903312</v>
      </c>
      <c r="KB32" s="292">
        <v>903312</v>
      </c>
      <c r="KC32" s="217">
        <v>0</v>
      </c>
      <c r="KD32" s="213">
        <v>0</v>
      </c>
      <c r="KE32" s="110">
        <v>0</v>
      </c>
      <c r="KF32" s="108">
        <v>0</v>
      </c>
      <c r="KG32" s="109">
        <v>972663</v>
      </c>
      <c r="KH32" s="109">
        <v>778135</v>
      </c>
      <c r="KI32" s="109">
        <v>1162557</v>
      </c>
      <c r="KJ32" s="109">
        <v>490750</v>
      </c>
      <c r="KK32" s="109">
        <v>268840</v>
      </c>
      <c r="KL32" s="110">
        <v>3672945</v>
      </c>
      <c r="KM32" s="130">
        <v>3672945</v>
      </c>
      <c r="KN32" s="215">
        <v>0</v>
      </c>
      <c r="KO32" s="219">
        <v>0</v>
      </c>
      <c r="KP32" s="220">
        <v>0</v>
      </c>
      <c r="KQ32" s="443">
        <v>0</v>
      </c>
      <c r="KR32" s="109">
        <v>1376551</v>
      </c>
      <c r="KS32" s="109">
        <v>881076</v>
      </c>
      <c r="KT32" s="109">
        <v>3052183</v>
      </c>
      <c r="KU32" s="109">
        <v>1425376</v>
      </c>
      <c r="KV32" s="109">
        <v>2061338</v>
      </c>
      <c r="KW32" s="110">
        <v>8796524</v>
      </c>
      <c r="KX32" s="292">
        <v>8796524</v>
      </c>
      <c r="KY32" s="129">
        <v>0</v>
      </c>
      <c r="KZ32" s="109">
        <v>0</v>
      </c>
      <c r="LA32" s="110">
        <v>0</v>
      </c>
      <c r="LB32" s="443">
        <v>0</v>
      </c>
      <c r="LC32" s="109">
        <v>0</v>
      </c>
      <c r="LD32" s="109">
        <v>0</v>
      </c>
      <c r="LE32" s="109">
        <v>0</v>
      </c>
      <c r="LF32" s="109">
        <v>0</v>
      </c>
      <c r="LG32" s="109">
        <v>0</v>
      </c>
      <c r="LH32" s="110">
        <v>0</v>
      </c>
      <c r="LI32" s="111">
        <v>0</v>
      </c>
      <c r="LJ32" s="129">
        <v>0</v>
      </c>
      <c r="LK32" s="109">
        <v>0</v>
      </c>
      <c r="LL32" s="110">
        <v>0</v>
      </c>
      <c r="LM32" s="443">
        <v>0</v>
      </c>
      <c r="LN32" s="109">
        <v>0</v>
      </c>
      <c r="LO32" s="109">
        <v>0</v>
      </c>
      <c r="LP32" s="109">
        <v>1523520</v>
      </c>
      <c r="LQ32" s="109">
        <v>3429163</v>
      </c>
      <c r="LR32" s="109">
        <v>1419257</v>
      </c>
      <c r="LS32" s="110">
        <v>6371940</v>
      </c>
      <c r="LT32" s="292">
        <v>6371940</v>
      </c>
      <c r="LU32" s="129">
        <v>0</v>
      </c>
      <c r="LV32" s="109">
        <v>0</v>
      </c>
      <c r="LW32" s="110">
        <v>0</v>
      </c>
      <c r="LX32" s="443">
        <v>0</v>
      </c>
      <c r="LY32" s="109">
        <v>0</v>
      </c>
      <c r="LZ32" s="109">
        <v>0</v>
      </c>
      <c r="MA32" s="109">
        <v>0</v>
      </c>
      <c r="MB32" s="109">
        <v>316860</v>
      </c>
      <c r="MC32" s="109">
        <v>0</v>
      </c>
      <c r="MD32" s="110">
        <v>316860</v>
      </c>
      <c r="ME32" s="111">
        <v>316860</v>
      </c>
      <c r="MF32" s="129">
        <v>0</v>
      </c>
      <c r="MG32" s="109">
        <v>0</v>
      </c>
      <c r="MH32" s="110">
        <v>0</v>
      </c>
      <c r="MI32" s="443">
        <v>0</v>
      </c>
      <c r="MJ32" s="109">
        <v>3308409</v>
      </c>
      <c r="MK32" s="109">
        <v>5219850</v>
      </c>
      <c r="ML32" s="109">
        <v>13016023</v>
      </c>
      <c r="MM32" s="109">
        <v>21879734</v>
      </c>
      <c r="MN32" s="109">
        <v>18457384</v>
      </c>
      <c r="MO32" s="110">
        <v>61881400</v>
      </c>
      <c r="MP32" s="130">
        <v>61881400</v>
      </c>
      <c r="MQ32" s="129">
        <v>0</v>
      </c>
      <c r="MR32" s="109">
        <v>0</v>
      </c>
      <c r="MS32" s="110">
        <v>0</v>
      </c>
      <c r="MT32" s="443">
        <v>0</v>
      </c>
      <c r="MU32" s="109">
        <v>694610</v>
      </c>
      <c r="MV32" s="109">
        <v>466936</v>
      </c>
      <c r="MW32" s="109">
        <v>8208520</v>
      </c>
      <c r="MX32" s="109">
        <v>15738038</v>
      </c>
      <c r="MY32" s="109">
        <v>12639892</v>
      </c>
      <c r="MZ32" s="110">
        <v>37747996</v>
      </c>
      <c r="NA32" s="130">
        <v>37747996</v>
      </c>
      <c r="NB32" s="129">
        <v>0</v>
      </c>
      <c r="NC32" s="109">
        <v>0</v>
      </c>
      <c r="ND32" s="110">
        <v>0</v>
      </c>
      <c r="NE32" s="443">
        <v>0</v>
      </c>
      <c r="NF32" s="109">
        <v>2613799</v>
      </c>
      <c r="NG32" s="109">
        <v>4752914</v>
      </c>
      <c r="NH32" s="109">
        <v>4807503</v>
      </c>
      <c r="NI32" s="109">
        <v>5326542</v>
      </c>
      <c r="NJ32" s="109">
        <v>5003271</v>
      </c>
      <c r="NK32" s="110">
        <v>22504029</v>
      </c>
      <c r="NL32" s="292">
        <v>22504029</v>
      </c>
      <c r="NM32" s="129">
        <v>0</v>
      </c>
      <c r="NN32" s="109">
        <v>0</v>
      </c>
      <c r="NO32" s="110">
        <v>0</v>
      </c>
      <c r="NP32" s="443">
        <v>0</v>
      </c>
      <c r="NQ32" s="109">
        <v>0</v>
      </c>
      <c r="NR32" s="109">
        <v>0</v>
      </c>
      <c r="NS32" s="109">
        <v>0</v>
      </c>
      <c r="NT32" s="109">
        <v>0</v>
      </c>
      <c r="NU32" s="109">
        <v>0</v>
      </c>
      <c r="NV32" s="110">
        <v>0</v>
      </c>
      <c r="NW32" s="111">
        <v>0</v>
      </c>
      <c r="NX32" s="129">
        <v>0</v>
      </c>
      <c r="NY32" s="109">
        <v>0</v>
      </c>
      <c r="NZ32" s="110">
        <v>0</v>
      </c>
      <c r="OA32" s="443">
        <v>0</v>
      </c>
      <c r="OB32" s="109">
        <v>0</v>
      </c>
      <c r="OC32" s="109">
        <v>0</v>
      </c>
      <c r="OD32" s="109">
        <v>0</v>
      </c>
      <c r="OE32" s="109">
        <v>815154</v>
      </c>
      <c r="OF32" s="109">
        <v>814221</v>
      </c>
      <c r="OG32" s="110">
        <v>1629375</v>
      </c>
      <c r="OH32" s="111">
        <v>1629375</v>
      </c>
      <c r="OI32" s="129">
        <v>3030189</v>
      </c>
      <c r="OJ32" s="109">
        <v>6135810</v>
      </c>
      <c r="OK32" s="128">
        <v>9165999</v>
      </c>
      <c r="OL32" s="108">
        <v>0</v>
      </c>
      <c r="OM32" s="109">
        <v>31259546</v>
      </c>
      <c r="ON32" s="109">
        <v>29997675</v>
      </c>
      <c r="OO32" s="109">
        <v>40033276</v>
      </c>
      <c r="OP32" s="109">
        <v>48587240</v>
      </c>
      <c r="OQ32" s="109">
        <v>39662344</v>
      </c>
      <c r="OR32" s="110">
        <v>189540081</v>
      </c>
      <c r="OS32" s="130">
        <v>198706080</v>
      </c>
    </row>
    <row r="33" spans="2:409" ht="21" customHeight="1" x14ac:dyDescent="0.2">
      <c r="B33" s="437" t="s">
        <v>28</v>
      </c>
      <c r="C33" s="100">
        <v>150911</v>
      </c>
      <c r="D33" s="104">
        <v>533684</v>
      </c>
      <c r="E33" s="103">
        <v>684595</v>
      </c>
      <c r="F33" s="99">
        <v>0</v>
      </c>
      <c r="G33" s="104">
        <v>5238226</v>
      </c>
      <c r="H33" s="104">
        <v>9113610</v>
      </c>
      <c r="I33" s="104">
        <v>6747217</v>
      </c>
      <c r="J33" s="104">
        <v>6534866</v>
      </c>
      <c r="K33" s="104">
        <v>4205323</v>
      </c>
      <c r="L33" s="156">
        <v>31839242</v>
      </c>
      <c r="M33" s="106">
        <v>32523837</v>
      </c>
      <c r="N33" s="100">
        <v>26235</v>
      </c>
      <c r="O33" s="104">
        <v>92178</v>
      </c>
      <c r="P33" s="103">
        <v>118413</v>
      </c>
      <c r="Q33" s="100">
        <v>0</v>
      </c>
      <c r="R33" s="104">
        <v>882967</v>
      </c>
      <c r="S33" s="104">
        <v>1627202</v>
      </c>
      <c r="T33" s="104">
        <v>1175946</v>
      </c>
      <c r="U33" s="104">
        <v>1824763</v>
      </c>
      <c r="V33" s="104">
        <v>1571316</v>
      </c>
      <c r="W33" s="103">
        <v>7082194</v>
      </c>
      <c r="X33" s="106">
        <v>7200607</v>
      </c>
      <c r="Y33" s="100">
        <v>0</v>
      </c>
      <c r="Z33" s="104">
        <v>0</v>
      </c>
      <c r="AA33" s="103">
        <v>0</v>
      </c>
      <c r="AB33" s="100">
        <v>0</v>
      </c>
      <c r="AC33" s="104">
        <v>335447</v>
      </c>
      <c r="AD33" s="104">
        <v>889062</v>
      </c>
      <c r="AE33" s="104">
        <v>628942</v>
      </c>
      <c r="AF33" s="104">
        <v>880480</v>
      </c>
      <c r="AG33" s="104">
        <v>711980</v>
      </c>
      <c r="AH33" s="103">
        <v>3445911</v>
      </c>
      <c r="AI33" s="106">
        <v>3445911</v>
      </c>
      <c r="AJ33" s="100">
        <v>0</v>
      </c>
      <c r="AK33" s="104">
        <v>0</v>
      </c>
      <c r="AL33" s="103">
        <v>0</v>
      </c>
      <c r="AM33" s="100">
        <v>0</v>
      </c>
      <c r="AN33" s="104">
        <v>0</v>
      </c>
      <c r="AO33" s="104">
        <v>0</v>
      </c>
      <c r="AP33" s="104">
        <v>110568</v>
      </c>
      <c r="AQ33" s="104">
        <v>168547</v>
      </c>
      <c r="AR33" s="104">
        <v>217688</v>
      </c>
      <c r="AS33" s="103">
        <v>496803</v>
      </c>
      <c r="AT33" s="106">
        <v>496803</v>
      </c>
      <c r="AU33" s="100">
        <v>21582</v>
      </c>
      <c r="AV33" s="104">
        <v>86814</v>
      </c>
      <c r="AW33" s="103">
        <v>108396</v>
      </c>
      <c r="AX33" s="100">
        <v>0</v>
      </c>
      <c r="AY33" s="104">
        <v>364466</v>
      </c>
      <c r="AZ33" s="104">
        <v>402447</v>
      </c>
      <c r="BA33" s="104">
        <v>256291</v>
      </c>
      <c r="BB33" s="104">
        <v>525004</v>
      </c>
      <c r="BC33" s="104">
        <v>376721</v>
      </c>
      <c r="BD33" s="103">
        <v>1924929</v>
      </c>
      <c r="BE33" s="106">
        <v>2033325</v>
      </c>
      <c r="BF33" s="100">
        <v>0</v>
      </c>
      <c r="BG33" s="104">
        <v>0</v>
      </c>
      <c r="BH33" s="102">
        <v>0</v>
      </c>
      <c r="BI33" s="101">
        <v>0</v>
      </c>
      <c r="BJ33" s="104">
        <v>22536</v>
      </c>
      <c r="BK33" s="104">
        <v>0</v>
      </c>
      <c r="BL33" s="104">
        <v>0</v>
      </c>
      <c r="BM33" s="104">
        <v>35550</v>
      </c>
      <c r="BN33" s="104">
        <v>40311</v>
      </c>
      <c r="BO33" s="103">
        <v>98397</v>
      </c>
      <c r="BP33" s="106">
        <v>98397</v>
      </c>
      <c r="BQ33" s="100">
        <v>4653</v>
      </c>
      <c r="BR33" s="104">
        <v>5364</v>
      </c>
      <c r="BS33" s="103">
        <v>10017</v>
      </c>
      <c r="BT33" s="100">
        <v>0</v>
      </c>
      <c r="BU33" s="104">
        <v>160518</v>
      </c>
      <c r="BV33" s="104">
        <v>335693</v>
      </c>
      <c r="BW33" s="104">
        <v>180145</v>
      </c>
      <c r="BX33" s="104">
        <v>215182</v>
      </c>
      <c r="BY33" s="104">
        <v>224616</v>
      </c>
      <c r="BZ33" s="103">
        <v>1116154</v>
      </c>
      <c r="CA33" s="106">
        <v>1126171</v>
      </c>
      <c r="CB33" s="100">
        <v>24896</v>
      </c>
      <c r="CC33" s="104">
        <v>180228</v>
      </c>
      <c r="CD33" s="103">
        <v>205124</v>
      </c>
      <c r="CE33" s="100">
        <v>0</v>
      </c>
      <c r="CF33" s="104">
        <v>1820020</v>
      </c>
      <c r="CG33" s="104">
        <v>3236596</v>
      </c>
      <c r="CH33" s="104">
        <v>2241054</v>
      </c>
      <c r="CI33" s="104">
        <v>2196145</v>
      </c>
      <c r="CJ33" s="104">
        <v>961649</v>
      </c>
      <c r="CK33" s="103">
        <v>10455464</v>
      </c>
      <c r="CL33" s="106">
        <v>10660588</v>
      </c>
      <c r="CM33" s="100">
        <v>0</v>
      </c>
      <c r="CN33" s="104">
        <v>0</v>
      </c>
      <c r="CO33" s="103">
        <v>0</v>
      </c>
      <c r="CP33" s="101">
        <v>0</v>
      </c>
      <c r="CQ33" s="104">
        <v>1341617</v>
      </c>
      <c r="CR33" s="104">
        <v>2402238</v>
      </c>
      <c r="CS33" s="104">
        <v>1818096</v>
      </c>
      <c r="CT33" s="104">
        <v>1588811</v>
      </c>
      <c r="CU33" s="104">
        <v>629087</v>
      </c>
      <c r="CV33" s="103">
        <v>7779849</v>
      </c>
      <c r="CW33" s="106">
        <v>7779849</v>
      </c>
      <c r="CX33" s="100">
        <v>24896</v>
      </c>
      <c r="CY33" s="104">
        <v>180228</v>
      </c>
      <c r="CZ33" s="103">
        <v>205124</v>
      </c>
      <c r="DA33" s="100">
        <v>0</v>
      </c>
      <c r="DB33" s="104">
        <v>478403</v>
      </c>
      <c r="DC33" s="104">
        <v>834358</v>
      </c>
      <c r="DD33" s="104">
        <v>422958</v>
      </c>
      <c r="DE33" s="104">
        <v>607334</v>
      </c>
      <c r="DF33" s="104">
        <v>332562</v>
      </c>
      <c r="DG33" s="103">
        <v>2675615</v>
      </c>
      <c r="DH33" s="106">
        <v>2880739</v>
      </c>
      <c r="DI33" s="100">
        <v>0</v>
      </c>
      <c r="DJ33" s="104">
        <v>29982</v>
      </c>
      <c r="DK33" s="102">
        <v>29982</v>
      </c>
      <c r="DL33" s="101">
        <v>0</v>
      </c>
      <c r="DM33" s="104">
        <v>200830</v>
      </c>
      <c r="DN33" s="104">
        <v>386200</v>
      </c>
      <c r="DO33" s="104">
        <v>1234166</v>
      </c>
      <c r="DP33" s="104">
        <v>387983</v>
      </c>
      <c r="DQ33" s="104">
        <v>427403</v>
      </c>
      <c r="DR33" s="103">
        <v>2636582</v>
      </c>
      <c r="DS33" s="106">
        <v>2666564</v>
      </c>
      <c r="DT33" s="100">
        <v>0</v>
      </c>
      <c r="DU33" s="104">
        <v>29982</v>
      </c>
      <c r="DV33" s="103">
        <v>29982</v>
      </c>
      <c r="DW33" s="100">
        <v>0</v>
      </c>
      <c r="DX33" s="104">
        <v>26058</v>
      </c>
      <c r="DY33" s="104">
        <v>326954</v>
      </c>
      <c r="DZ33" s="104">
        <v>336312</v>
      </c>
      <c r="EA33" s="104">
        <v>387983</v>
      </c>
      <c r="EB33" s="104">
        <v>404156</v>
      </c>
      <c r="EC33" s="103">
        <v>1481463</v>
      </c>
      <c r="ED33" s="106">
        <v>1511445</v>
      </c>
      <c r="EE33" s="100">
        <v>0</v>
      </c>
      <c r="EF33" s="102">
        <v>0</v>
      </c>
      <c r="EG33" s="103">
        <v>0</v>
      </c>
      <c r="EH33" s="100">
        <v>0</v>
      </c>
      <c r="EI33" s="104">
        <v>174772</v>
      </c>
      <c r="EJ33" s="104">
        <v>59246</v>
      </c>
      <c r="EK33" s="104">
        <v>897854</v>
      </c>
      <c r="EL33" s="104">
        <v>0</v>
      </c>
      <c r="EM33" s="104">
        <v>23247</v>
      </c>
      <c r="EN33" s="102">
        <v>1155119</v>
      </c>
      <c r="EO33" s="106">
        <v>1155119</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06">
        <v>0</v>
      </c>
      <c r="FE33" s="104">
        <v>0</v>
      </c>
      <c r="FF33" s="104">
        <v>0</v>
      </c>
      <c r="FG33" s="104">
        <v>0</v>
      </c>
      <c r="FH33" s="104">
        <v>0</v>
      </c>
      <c r="FI33" s="104">
        <v>0</v>
      </c>
      <c r="FJ33" s="103">
        <v>0</v>
      </c>
      <c r="FK33" s="106">
        <v>0</v>
      </c>
      <c r="FL33" s="100">
        <v>46980</v>
      </c>
      <c r="FM33" s="104">
        <v>130316</v>
      </c>
      <c r="FN33" s="103">
        <v>177296</v>
      </c>
      <c r="FO33" s="100">
        <v>0</v>
      </c>
      <c r="FP33" s="104">
        <v>423677</v>
      </c>
      <c r="FQ33" s="104">
        <v>1177635</v>
      </c>
      <c r="FR33" s="104">
        <v>539239</v>
      </c>
      <c r="FS33" s="104">
        <v>598153</v>
      </c>
      <c r="FT33" s="104">
        <v>383445</v>
      </c>
      <c r="FU33" s="103">
        <v>3122149</v>
      </c>
      <c r="FV33" s="106">
        <v>3299445</v>
      </c>
      <c r="FW33" s="105">
        <v>46980</v>
      </c>
      <c r="FX33" s="104">
        <v>130316</v>
      </c>
      <c r="FY33" s="102">
        <v>177296</v>
      </c>
      <c r="FZ33" s="101">
        <v>0</v>
      </c>
      <c r="GA33" s="104">
        <v>311966</v>
      </c>
      <c r="GB33" s="104">
        <v>948988</v>
      </c>
      <c r="GC33" s="104">
        <v>539239</v>
      </c>
      <c r="GD33" s="104">
        <v>509618</v>
      </c>
      <c r="GE33" s="104">
        <v>383445</v>
      </c>
      <c r="GF33" s="103">
        <v>2693256</v>
      </c>
      <c r="GG33" s="290">
        <v>2870552</v>
      </c>
      <c r="GH33" s="105">
        <v>0</v>
      </c>
      <c r="GI33" s="104">
        <v>0</v>
      </c>
      <c r="GJ33" s="102">
        <v>0</v>
      </c>
      <c r="GK33" s="101">
        <v>0</v>
      </c>
      <c r="GL33" s="104">
        <v>22017</v>
      </c>
      <c r="GM33" s="104">
        <v>39557</v>
      </c>
      <c r="GN33" s="104">
        <v>0</v>
      </c>
      <c r="GO33" s="104">
        <v>0</v>
      </c>
      <c r="GP33" s="104">
        <v>0</v>
      </c>
      <c r="GQ33" s="103">
        <v>61574</v>
      </c>
      <c r="GR33" s="106">
        <v>61574</v>
      </c>
      <c r="GS33" s="100">
        <v>0</v>
      </c>
      <c r="GT33" s="104">
        <v>0</v>
      </c>
      <c r="GU33" s="103">
        <v>0</v>
      </c>
      <c r="GV33" s="100">
        <v>0</v>
      </c>
      <c r="GW33" s="104">
        <v>89694</v>
      </c>
      <c r="GX33" s="104">
        <v>189090</v>
      </c>
      <c r="GY33" s="104">
        <v>0</v>
      </c>
      <c r="GZ33" s="104">
        <v>88535</v>
      </c>
      <c r="HA33" s="104">
        <v>0</v>
      </c>
      <c r="HB33" s="102">
        <v>367319</v>
      </c>
      <c r="HC33" s="106">
        <v>367319</v>
      </c>
      <c r="HD33" s="100">
        <v>0</v>
      </c>
      <c r="HE33" s="104">
        <v>0</v>
      </c>
      <c r="HF33" s="102">
        <v>0</v>
      </c>
      <c r="HG33" s="101">
        <v>0</v>
      </c>
      <c r="HH33" s="104">
        <v>829708</v>
      </c>
      <c r="HI33" s="104">
        <v>1511376</v>
      </c>
      <c r="HJ33" s="104">
        <v>667746</v>
      </c>
      <c r="HK33" s="104">
        <v>910598</v>
      </c>
      <c r="HL33" s="104">
        <v>456547</v>
      </c>
      <c r="HM33" s="103">
        <v>4375975</v>
      </c>
      <c r="HN33" s="99">
        <v>4375975</v>
      </c>
      <c r="HO33" s="105">
        <v>52800</v>
      </c>
      <c r="HP33" s="104">
        <v>100980</v>
      </c>
      <c r="HQ33" s="103">
        <v>153780</v>
      </c>
      <c r="HR33" s="100">
        <v>0</v>
      </c>
      <c r="HS33" s="104">
        <v>1081024</v>
      </c>
      <c r="HT33" s="104">
        <v>1174601</v>
      </c>
      <c r="HU33" s="104">
        <v>889066</v>
      </c>
      <c r="HV33" s="104">
        <v>617224</v>
      </c>
      <c r="HW33" s="104">
        <v>404963</v>
      </c>
      <c r="HX33" s="102">
        <v>4166878</v>
      </c>
      <c r="HY33" s="106">
        <v>4320658</v>
      </c>
      <c r="HZ33" s="118">
        <v>0</v>
      </c>
      <c r="IA33" s="119">
        <v>0</v>
      </c>
      <c r="IB33" s="120">
        <v>0</v>
      </c>
      <c r="IC33" s="131">
        <v>0</v>
      </c>
      <c r="ID33" s="119">
        <v>1191582</v>
      </c>
      <c r="IE33" s="132">
        <v>1937837</v>
      </c>
      <c r="IF33" s="120">
        <v>829558</v>
      </c>
      <c r="IG33" s="119">
        <v>1641231</v>
      </c>
      <c r="IH33" s="120">
        <v>686614</v>
      </c>
      <c r="II33" s="133">
        <v>6286822</v>
      </c>
      <c r="IJ33" s="126">
        <v>6286822</v>
      </c>
      <c r="IK33" s="215">
        <v>0</v>
      </c>
      <c r="IL33" s="219">
        <v>0</v>
      </c>
      <c r="IM33" s="220">
        <v>0</v>
      </c>
      <c r="IN33" s="127">
        <v>0</v>
      </c>
      <c r="IO33" s="109">
        <v>0</v>
      </c>
      <c r="IP33" s="109">
        <v>0</v>
      </c>
      <c r="IQ33" s="109">
        <v>0</v>
      </c>
      <c r="IR33" s="109">
        <v>0</v>
      </c>
      <c r="IS33" s="109">
        <v>0</v>
      </c>
      <c r="IT33" s="128">
        <v>0</v>
      </c>
      <c r="IU33" s="292">
        <v>0</v>
      </c>
      <c r="IV33" s="129">
        <v>0</v>
      </c>
      <c r="IW33" s="109">
        <v>0</v>
      </c>
      <c r="IX33" s="110">
        <v>0</v>
      </c>
      <c r="IY33" s="443">
        <v>0</v>
      </c>
      <c r="IZ33" s="109">
        <v>0</v>
      </c>
      <c r="JA33" s="109">
        <v>0</v>
      </c>
      <c r="JB33" s="109">
        <v>0</v>
      </c>
      <c r="JC33" s="109">
        <v>0</v>
      </c>
      <c r="JD33" s="109">
        <v>0</v>
      </c>
      <c r="JE33" s="110">
        <v>0</v>
      </c>
      <c r="JF33" s="111">
        <v>0</v>
      </c>
      <c r="JG33" s="129">
        <v>0</v>
      </c>
      <c r="JH33" s="109">
        <v>0</v>
      </c>
      <c r="JI33" s="128">
        <v>0</v>
      </c>
      <c r="JJ33" s="108">
        <v>0</v>
      </c>
      <c r="JK33" s="109">
        <v>754902</v>
      </c>
      <c r="JL33" s="109">
        <v>437319</v>
      </c>
      <c r="JM33" s="109">
        <v>232047</v>
      </c>
      <c r="JN33" s="109">
        <v>152721</v>
      </c>
      <c r="JO33" s="109">
        <v>19656</v>
      </c>
      <c r="JP33" s="110">
        <v>1596645</v>
      </c>
      <c r="JQ33" s="292">
        <v>1596645</v>
      </c>
      <c r="JR33" s="129">
        <v>0</v>
      </c>
      <c r="JS33" s="109">
        <v>0</v>
      </c>
      <c r="JT33" s="128">
        <v>0</v>
      </c>
      <c r="JU33" s="108">
        <v>0</v>
      </c>
      <c r="JV33" s="109">
        <v>172422</v>
      </c>
      <c r="JW33" s="109">
        <v>192177</v>
      </c>
      <c r="JX33" s="109">
        <v>105894</v>
      </c>
      <c r="JY33" s="109">
        <v>324063</v>
      </c>
      <c r="JZ33" s="109">
        <v>0</v>
      </c>
      <c r="KA33" s="110">
        <v>794556</v>
      </c>
      <c r="KB33" s="292">
        <v>794556</v>
      </c>
      <c r="KC33" s="217">
        <v>0</v>
      </c>
      <c r="KD33" s="213">
        <v>0</v>
      </c>
      <c r="KE33" s="110">
        <v>0</v>
      </c>
      <c r="KF33" s="108">
        <v>0</v>
      </c>
      <c r="KG33" s="109">
        <v>0</v>
      </c>
      <c r="KH33" s="109">
        <v>0</v>
      </c>
      <c r="KI33" s="109">
        <v>0</v>
      </c>
      <c r="KJ33" s="109">
        <v>0</v>
      </c>
      <c r="KK33" s="109">
        <v>0</v>
      </c>
      <c r="KL33" s="110">
        <v>0</v>
      </c>
      <c r="KM33" s="130">
        <v>0</v>
      </c>
      <c r="KN33" s="215">
        <v>0</v>
      </c>
      <c r="KO33" s="219">
        <v>0</v>
      </c>
      <c r="KP33" s="220">
        <v>0</v>
      </c>
      <c r="KQ33" s="443">
        <v>0</v>
      </c>
      <c r="KR33" s="109">
        <v>264258</v>
      </c>
      <c r="KS33" s="109">
        <v>1308341</v>
      </c>
      <c r="KT33" s="109">
        <v>491617</v>
      </c>
      <c r="KU33" s="109">
        <v>1154520</v>
      </c>
      <c r="KV33" s="109">
        <v>666958</v>
      </c>
      <c r="KW33" s="110">
        <v>3885694</v>
      </c>
      <c r="KX33" s="292">
        <v>3885694</v>
      </c>
      <c r="KY33" s="129">
        <v>0</v>
      </c>
      <c r="KZ33" s="109">
        <v>0</v>
      </c>
      <c r="LA33" s="110">
        <v>0</v>
      </c>
      <c r="LB33" s="443">
        <v>0</v>
      </c>
      <c r="LC33" s="109">
        <v>0</v>
      </c>
      <c r="LD33" s="109">
        <v>0</v>
      </c>
      <c r="LE33" s="109">
        <v>0</v>
      </c>
      <c r="LF33" s="109">
        <v>0</v>
      </c>
      <c r="LG33" s="109">
        <v>0</v>
      </c>
      <c r="LH33" s="110">
        <v>0</v>
      </c>
      <c r="LI33" s="111">
        <v>0</v>
      </c>
      <c r="LJ33" s="129">
        <v>0</v>
      </c>
      <c r="LK33" s="109">
        <v>0</v>
      </c>
      <c r="LL33" s="110">
        <v>0</v>
      </c>
      <c r="LM33" s="443">
        <v>0</v>
      </c>
      <c r="LN33" s="109">
        <v>0</v>
      </c>
      <c r="LO33" s="109">
        <v>0</v>
      </c>
      <c r="LP33" s="109">
        <v>0</v>
      </c>
      <c r="LQ33" s="109">
        <v>9927</v>
      </c>
      <c r="LR33" s="109">
        <v>0</v>
      </c>
      <c r="LS33" s="110">
        <v>9927</v>
      </c>
      <c r="LT33" s="292">
        <v>9927</v>
      </c>
      <c r="LU33" s="129">
        <v>0</v>
      </c>
      <c r="LV33" s="109">
        <v>0</v>
      </c>
      <c r="LW33" s="110">
        <v>0</v>
      </c>
      <c r="LX33" s="443">
        <v>0</v>
      </c>
      <c r="LY33" s="109">
        <v>0</v>
      </c>
      <c r="LZ33" s="109">
        <v>0</v>
      </c>
      <c r="MA33" s="109">
        <v>0</v>
      </c>
      <c r="MB33" s="109">
        <v>0</v>
      </c>
      <c r="MC33" s="109">
        <v>0</v>
      </c>
      <c r="MD33" s="110">
        <v>0</v>
      </c>
      <c r="ME33" s="111">
        <v>0</v>
      </c>
      <c r="MF33" s="129">
        <v>0</v>
      </c>
      <c r="MG33" s="109">
        <v>0</v>
      </c>
      <c r="MH33" s="110">
        <v>0</v>
      </c>
      <c r="MI33" s="443">
        <v>0</v>
      </c>
      <c r="MJ33" s="109">
        <v>745345</v>
      </c>
      <c r="MK33" s="109">
        <v>1918837</v>
      </c>
      <c r="ML33" s="109">
        <v>6339313</v>
      </c>
      <c r="MM33" s="109">
        <v>6247174</v>
      </c>
      <c r="MN33" s="109">
        <v>5770944</v>
      </c>
      <c r="MO33" s="110">
        <v>21021613</v>
      </c>
      <c r="MP33" s="130">
        <v>21021613</v>
      </c>
      <c r="MQ33" s="129">
        <v>0</v>
      </c>
      <c r="MR33" s="109">
        <v>0</v>
      </c>
      <c r="MS33" s="110">
        <v>0</v>
      </c>
      <c r="MT33" s="443">
        <v>0</v>
      </c>
      <c r="MU33" s="109">
        <v>0</v>
      </c>
      <c r="MV33" s="109">
        <v>262358</v>
      </c>
      <c r="MW33" s="109">
        <v>3132019</v>
      </c>
      <c r="MX33" s="109">
        <v>4159399</v>
      </c>
      <c r="MY33" s="109">
        <v>5123157</v>
      </c>
      <c r="MZ33" s="110">
        <v>12676933</v>
      </c>
      <c r="NA33" s="130">
        <v>12676933</v>
      </c>
      <c r="NB33" s="129">
        <v>0</v>
      </c>
      <c r="NC33" s="109">
        <v>0</v>
      </c>
      <c r="ND33" s="110">
        <v>0</v>
      </c>
      <c r="NE33" s="443">
        <v>0</v>
      </c>
      <c r="NF33" s="109">
        <v>745345</v>
      </c>
      <c r="NG33" s="109">
        <v>1656479</v>
      </c>
      <c r="NH33" s="109">
        <v>3207294</v>
      </c>
      <c r="NI33" s="109">
        <v>2087775</v>
      </c>
      <c r="NJ33" s="109">
        <v>647787</v>
      </c>
      <c r="NK33" s="110">
        <v>8344680</v>
      </c>
      <c r="NL33" s="292">
        <v>8344680</v>
      </c>
      <c r="NM33" s="129">
        <v>0</v>
      </c>
      <c r="NN33" s="109">
        <v>0</v>
      </c>
      <c r="NO33" s="110">
        <v>0</v>
      </c>
      <c r="NP33" s="443">
        <v>0</v>
      </c>
      <c r="NQ33" s="109">
        <v>0</v>
      </c>
      <c r="NR33" s="109">
        <v>0</v>
      </c>
      <c r="NS33" s="109">
        <v>0</v>
      </c>
      <c r="NT33" s="109">
        <v>0</v>
      </c>
      <c r="NU33" s="109">
        <v>0</v>
      </c>
      <c r="NV33" s="110">
        <v>0</v>
      </c>
      <c r="NW33" s="111">
        <v>0</v>
      </c>
      <c r="NX33" s="129">
        <v>0</v>
      </c>
      <c r="NY33" s="109">
        <v>0</v>
      </c>
      <c r="NZ33" s="110">
        <v>0</v>
      </c>
      <c r="OA33" s="443">
        <v>0</v>
      </c>
      <c r="OB33" s="109">
        <v>0</v>
      </c>
      <c r="OC33" s="109">
        <v>0</v>
      </c>
      <c r="OD33" s="109">
        <v>0</v>
      </c>
      <c r="OE33" s="109">
        <v>0</v>
      </c>
      <c r="OF33" s="109">
        <v>0</v>
      </c>
      <c r="OG33" s="110">
        <v>0</v>
      </c>
      <c r="OH33" s="111">
        <v>0</v>
      </c>
      <c r="OI33" s="129">
        <v>150911</v>
      </c>
      <c r="OJ33" s="109">
        <v>533684</v>
      </c>
      <c r="OK33" s="128">
        <v>684595</v>
      </c>
      <c r="OL33" s="108">
        <v>0</v>
      </c>
      <c r="OM33" s="109">
        <v>7175153</v>
      </c>
      <c r="ON33" s="109">
        <v>12970284</v>
      </c>
      <c r="OO33" s="109">
        <v>13916088</v>
      </c>
      <c r="OP33" s="109">
        <v>14423271</v>
      </c>
      <c r="OQ33" s="109">
        <v>10662881</v>
      </c>
      <c r="OR33" s="110">
        <v>59147677</v>
      </c>
      <c r="OS33" s="130">
        <v>59832272</v>
      </c>
    </row>
    <row r="34" spans="2:409" ht="21" customHeight="1" x14ac:dyDescent="0.2">
      <c r="B34" s="437" t="s">
        <v>29</v>
      </c>
      <c r="C34" s="100">
        <v>627863</v>
      </c>
      <c r="D34" s="104">
        <v>830766</v>
      </c>
      <c r="E34" s="103">
        <v>1458629</v>
      </c>
      <c r="F34" s="99">
        <v>0</v>
      </c>
      <c r="G34" s="104">
        <v>7381202</v>
      </c>
      <c r="H34" s="104">
        <v>9471232</v>
      </c>
      <c r="I34" s="104">
        <v>10007751</v>
      </c>
      <c r="J34" s="104">
        <v>7887945</v>
      </c>
      <c r="K34" s="104">
        <v>7617352</v>
      </c>
      <c r="L34" s="156">
        <v>42365482</v>
      </c>
      <c r="M34" s="106">
        <v>43824111</v>
      </c>
      <c r="N34" s="100">
        <v>43799</v>
      </c>
      <c r="O34" s="104">
        <v>132679</v>
      </c>
      <c r="P34" s="103">
        <v>176478</v>
      </c>
      <c r="Q34" s="100">
        <v>0</v>
      </c>
      <c r="R34" s="104">
        <v>2051534</v>
      </c>
      <c r="S34" s="104">
        <v>2131386</v>
      </c>
      <c r="T34" s="104">
        <v>2493402</v>
      </c>
      <c r="U34" s="104">
        <v>2490336</v>
      </c>
      <c r="V34" s="104">
        <v>3802504</v>
      </c>
      <c r="W34" s="103">
        <v>12969162</v>
      </c>
      <c r="X34" s="106">
        <v>13145640</v>
      </c>
      <c r="Y34" s="100">
        <v>0</v>
      </c>
      <c r="Z34" s="104">
        <v>0</v>
      </c>
      <c r="AA34" s="103">
        <v>0</v>
      </c>
      <c r="AB34" s="100">
        <v>0</v>
      </c>
      <c r="AC34" s="104">
        <v>893671</v>
      </c>
      <c r="AD34" s="104">
        <v>1064431</v>
      </c>
      <c r="AE34" s="104">
        <v>1575149</v>
      </c>
      <c r="AF34" s="104">
        <v>1765182</v>
      </c>
      <c r="AG34" s="104">
        <v>2457070</v>
      </c>
      <c r="AH34" s="103">
        <v>7755503</v>
      </c>
      <c r="AI34" s="106">
        <v>7755503</v>
      </c>
      <c r="AJ34" s="100">
        <v>0</v>
      </c>
      <c r="AK34" s="104">
        <v>0</v>
      </c>
      <c r="AL34" s="103">
        <v>0</v>
      </c>
      <c r="AM34" s="100">
        <v>0</v>
      </c>
      <c r="AN34" s="104">
        <v>0</v>
      </c>
      <c r="AO34" s="104">
        <v>0</v>
      </c>
      <c r="AP34" s="104">
        <v>12809</v>
      </c>
      <c r="AQ34" s="104">
        <v>136773</v>
      </c>
      <c r="AR34" s="104">
        <v>535721</v>
      </c>
      <c r="AS34" s="103">
        <v>685303</v>
      </c>
      <c r="AT34" s="106">
        <v>685303</v>
      </c>
      <c r="AU34" s="100">
        <v>19728</v>
      </c>
      <c r="AV34" s="104">
        <v>82792</v>
      </c>
      <c r="AW34" s="103">
        <v>102520</v>
      </c>
      <c r="AX34" s="100">
        <v>0</v>
      </c>
      <c r="AY34" s="104">
        <v>824768</v>
      </c>
      <c r="AZ34" s="104">
        <v>668710</v>
      </c>
      <c r="BA34" s="104">
        <v>579169</v>
      </c>
      <c r="BB34" s="104">
        <v>281801</v>
      </c>
      <c r="BC34" s="104">
        <v>615750</v>
      </c>
      <c r="BD34" s="103">
        <v>2970198</v>
      </c>
      <c r="BE34" s="106">
        <v>3072718</v>
      </c>
      <c r="BF34" s="100">
        <v>0</v>
      </c>
      <c r="BG34" s="104">
        <v>33264</v>
      </c>
      <c r="BH34" s="102">
        <v>33264</v>
      </c>
      <c r="BI34" s="101">
        <v>0</v>
      </c>
      <c r="BJ34" s="104">
        <v>104204</v>
      </c>
      <c r="BK34" s="104">
        <v>30592</v>
      </c>
      <c r="BL34" s="104">
        <v>72567</v>
      </c>
      <c r="BM34" s="104">
        <v>54815</v>
      </c>
      <c r="BN34" s="104">
        <v>0</v>
      </c>
      <c r="BO34" s="103">
        <v>262178</v>
      </c>
      <c r="BP34" s="106">
        <v>295442</v>
      </c>
      <c r="BQ34" s="100">
        <v>24071</v>
      </c>
      <c r="BR34" s="104">
        <v>16623</v>
      </c>
      <c r="BS34" s="103">
        <v>40694</v>
      </c>
      <c r="BT34" s="100">
        <v>0</v>
      </c>
      <c r="BU34" s="104">
        <v>228891</v>
      </c>
      <c r="BV34" s="104">
        <v>367653</v>
      </c>
      <c r="BW34" s="104">
        <v>253708</v>
      </c>
      <c r="BX34" s="104">
        <v>251765</v>
      </c>
      <c r="BY34" s="104">
        <v>193963</v>
      </c>
      <c r="BZ34" s="103">
        <v>1295980</v>
      </c>
      <c r="CA34" s="106">
        <v>1336674</v>
      </c>
      <c r="CB34" s="100">
        <v>61458</v>
      </c>
      <c r="CC34" s="104">
        <v>164855</v>
      </c>
      <c r="CD34" s="103">
        <v>226313</v>
      </c>
      <c r="CE34" s="100">
        <v>0</v>
      </c>
      <c r="CF34" s="104">
        <v>2008681</v>
      </c>
      <c r="CG34" s="104">
        <v>3078318</v>
      </c>
      <c r="CH34" s="104">
        <v>3287722</v>
      </c>
      <c r="CI34" s="104">
        <v>1409577</v>
      </c>
      <c r="CJ34" s="104">
        <v>941877</v>
      </c>
      <c r="CK34" s="103">
        <v>10726175</v>
      </c>
      <c r="CL34" s="106">
        <v>10952488</v>
      </c>
      <c r="CM34" s="100">
        <v>0</v>
      </c>
      <c r="CN34" s="104">
        <v>0</v>
      </c>
      <c r="CO34" s="103">
        <v>0</v>
      </c>
      <c r="CP34" s="101">
        <v>0</v>
      </c>
      <c r="CQ34" s="104">
        <v>1576830</v>
      </c>
      <c r="CR34" s="104">
        <v>2497736</v>
      </c>
      <c r="CS34" s="104">
        <v>2425217</v>
      </c>
      <c r="CT34" s="104">
        <v>1188367</v>
      </c>
      <c r="CU34" s="104">
        <v>798489</v>
      </c>
      <c r="CV34" s="103">
        <v>8486639</v>
      </c>
      <c r="CW34" s="106">
        <v>8486639</v>
      </c>
      <c r="CX34" s="100">
        <v>61458</v>
      </c>
      <c r="CY34" s="104">
        <v>164855</v>
      </c>
      <c r="CZ34" s="103">
        <v>226313</v>
      </c>
      <c r="DA34" s="100">
        <v>0</v>
      </c>
      <c r="DB34" s="104">
        <v>431851</v>
      </c>
      <c r="DC34" s="104">
        <v>580582</v>
      </c>
      <c r="DD34" s="104">
        <v>862505</v>
      </c>
      <c r="DE34" s="104">
        <v>221210</v>
      </c>
      <c r="DF34" s="104">
        <v>143388</v>
      </c>
      <c r="DG34" s="103">
        <v>2239536</v>
      </c>
      <c r="DH34" s="106">
        <v>2465849</v>
      </c>
      <c r="DI34" s="100">
        <v>0</v>
      </c>
      <c r="DJ34" s="104">
        <v>0</v>
      </c>
      <c r="DK34" s="102">
        <v>0</v>
      </c>
      <c r="DL34" s="101">
        <v>0</v>
      </c>
      <c r="DM34" s="104">
        <v>324567</v>
      </c>
      <c r="DN34" s="104">
        <v>658395</v>
      </c>
      <c r="DO34" s="104">
        <v>1526692</v>
      </c>
      <c r="DP34" s="104">
        <v>888866</v>
      </c>
      <c r="DQ34" s="104">
        <v>561599</v>
      </c>
      <c r="DR34" s="103">
        <v>3960119</v>
      </c>
      <c r="DS34" s="106">
        <v>3960119</v>
      </c>
      <c r="DT34" s="100">
        <v>0</v>
      </c>
      <c r="DU34" s="104">
        <v>0</v>
      </c>
      <c r="DV34" s="103">
        <v>0</v>
      </c>
      <c r="DW34" s="100">
        <v>0</v>
      </c>
      <c r="DX34" s="104">
        <v>263546</v>
      </c>
      <c r="DY34" s="104">
        <v>611964</v>
      </c>
      <c r="DZ34" s="104">
        <v>1487200</v>
      </c>
      <c r="EA34" s="104">
        <v>850504</v>
      </c>
      <c r="EB34" s="104">
        <v>561599</v>
      </c>
      <c r="EC34" s="103">
        <v>3774813</v>
      </c>
      <c r="ED34" s="106">
        <v>3774813</v>
      </c>
      <c r="EE34" s="100">
        <v>0</v>
      </c>
      <c r="EF34" s="102">
        <v>0</v>
      </c>
      <c r="EG34" s="103">
        <v>0</v>
      </c>
      <c r="EH34" s="100">
        <v>0</v>
      </c>
      <c r="EI34" s="104">
        <v>61021</v>
      </c>
      <c r="EJ34" s="104">
        <v>46431</v>
      </c>
      <c r="EK34" s="104">
        <v>39492</v>
      </c>
      <c r="EL34" s="104">
        <v>38362</v>
      </c>
      <c r="EM34" s="104">
        <v>0</v>
      </c>
      <c r="EN34" s="102">
        <v>185306</v>
      </c>
      <c r="EO34" s="106">
        <v>185306</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06">
        <v>0</v>
      </c>
      <c r="FE34" s="104">
        <v>0</v>
      </c>
      <c r="FF34" s="104">
        <v>0</v>
      </c>
      <c r="FG34" s="104">
        <v>0</v>
      </c>
      <c r="FH34" s="104">
        <v>0</v>
      </c>
      <c r="FI34" s="104">
        <v>0</v>
      </c>
      <c r="FJ34" s="103">
        <v>0</v>
      </c>
      <c r="FK34" s="106">
        <v>0</v>
      </c>
      <c r="FL34" s="100">
        <v>206034</v>
      </c>
      <c r="FM34" s="104">
        <v>319437</v>
      </c>
      <c r="FN34" s="103">
        <v>525471</v>
      </c>
      <c r="FO34" s="100">
        <v>0</v>
      </c>
      <c r="FP34" s="104">
        <v>415815</v>
      </c>
      <c r="FQ34" s="104">
        <v>957198</v>
      </c>
      <c r="FR34" s="104">
        <v>892876</v>
      </c>
      <c r="FS34" s="104">
        <v>694864</v>
      </c>
      <c r="FT34" s="104">
        <v>696845</v>
      </c>
      <c r="FU34" s="103">
        <v>3657598</v>
      </c>
      <c r="FV34" s="106">
        <v>4183069</v>
      </c>
      <c r="FW34" s="105">
        <v>170934</v>
      </c>
      <c r="FX34" s="104">
        <v>217161</v>
      </c>
      <c r="FY34" s="102">
        <v>388095</v>
      </c>
      <c r="FZ34" s="101">
        <v>0</v>
      </c>
      <c r="GA34" s="104">
        <v>392055</v>
      </c>
      <c r="GB34" s="104">
        <v>887250</v>
      </c>
      <c r="GC34" s="104">
        <v>734136</v>
      </c>
      <c r="GD34" s="104">
        <v>694864</v>
      </c>
      <c r="GE34" s="104">
        <v>636455</v>
      </c>
      <c r="GF34" s="103">
        <v>3344760</v>
      </c>
      <c r="GG34" s="290">
        <v>3732855</v>
      </c>
      <c r="GH34" s="105">
        <v>35100</v>
      </c>
      <c r="GI34" s="104">
        <v>102276</v>
      </c>
      <c r="GJ34" s="102">
        <v>137376</v>
      </c>
      <c r="GK34" s="101">
        <v>0</v>
      </c>
      <c r="GL34" s="104">
        <v>23760</v>
      </c>
      <c r="GM34" s="104">
        <v>69948</v>
      </c>
      <c r="GN34" s="104">
        <v>0</v>
      </c>
      <c r="GO34" s="104">
        <v>0</v>
      </c>
      <c r="GP34" s="104">
        <v>0</v>
      </c>
      <c r="GQ34" s="103">
        <v>93708</v>
      </c>
      <c r="GR34" s="106">
        <v>231084</v>
      </c>
      <c r="GS34" s="100">
        <v>0</v>
      </c>
      <c r="GT34" s="104">
        <v>0</v>
      </c>
      <c r="GU34" s="103">
        <v>0</v>
      </c>
      <c r="GV34" s="100">
        <v>0</v>
      </c>
      <c r="GW34" s="104">
        <v>0</v>
      </c>
      <c r="GX34" s="104">
        <v>0</v>
      </c>
      <c r="GY34" s="104">
        <v>158740</v>
      </c>
      <c r="GZ34" s="104">
        <v>0</v>
      </c>
      <c r="HA34" s="104">
        <v>60390</v>
      </c>
      <c r="HB34" s="102">
        <v>219130</v>
      </c>
      <c r="HC34" s="106">
        <v>219130</v>
      </c>
      <c r="HD34" s="100">
        <v>185172</v>
      </c>
      <c r="HE34" s="104">
        <v>35595</v>
      </c>
      <c r="HF34" s="102">
        <v>220767</v>
      </c>
      <c r="HG34" s="101">
        <v>0</v>
      </c>
      <c r="HH34" s="104">
        <v>1377120</v>
      </c>
      <c r="HI34" s="104">
        <v>1520720</v>
      </c>
      <c r="HJ34" s="104">
        <v>695860</v>
      </c>
      <c r="HK34" s="104">
        <v>1872894</v>
      </c>
      <c r="HL34" s="104">
        <v>1177207</v>
      </c>
      <c r="HM34" s="103">
        <v>6643801</v>
      </c>
      <c r="HN34" s="99">
        <v>6864568</v>
      </c>
      <c r="HO34" s="105">
        <v>131400</v>
      </c>
      <c r="HP34" s="104">
        <v>178200</v>
      </c>
      <c r="HQ34" s="103">
        <v>309600</v>
      </c>
      <c r="HR34" s="100">
        <v>0</v>
      </c>
      <c r="HS34" s="104">
        <v>1203485</v>
      </c>
      <c r="HT34" s="104">
        <v>1125215</v>
      </c>
      <c r="HU34" s="104">
        <v>1111199</v>
      </c>
      <c r="HV34" s="104">
        <v>531408</v>
      </c>
      <c r="HW34" s="104">
        <v>437320</v>
      </c>
      <c r="HX34" s="102">
        <v>4408627</v>
      </c>
      <c r="HY34" s="106">
        <v>4718227</v>
      </c>
      <c r="HZ34" s="135">
        <v>0</v>
      </c>
      <c r="IA34" s="122">
        <v>88056</v>
      </c>
      <c r="IB34" s="135">
        <v>88056</v>
      </c>
      <c r="IC34" s="121">
        <v>0</v>
      </c>
      <c r="ID34" s="122">
        <v>2969409</v>
      </c>
      <c r="IE34" s="123">
        <v>3875766</v>
      </c>
      <c r="IF34" s="124">
        <v>7351063</v>
      </c>
      <c r="IG34" s="122">
        <v>4527576</v>
      </c>
      <c r="IH34" s="124">
        <v>3189393</v>
      </c>
      <c r="II34" s="125">
        <v>21913207</v>
      </c>
      <c r="IJ34" s="135">
        <v>22001263</v>
      </c>
      <c r="IK34" s="215">
        <v>0</v>
      </c>
      <c r="IL34" s="219">
        <v>0</v>
      </c>
      <c r="IM34" s="220">
        <v>0</v>
      </c>
      <c r="IN34" s="127">
        <v>0</v>
      </c>
      <c r="IO34" s="109">
        <v>115545</v>
      </c>
      <c r="IP34" s="109">
        <v>0</v>
      </c>
      <c r="IQ34" s="109">
        <v>143072</v>
      </c>
      <c r="IR34" s="109">
        <v>0</v>
      </c>
      <c r="IS34" s="109">
        <v>0</v>
      </c>
      <c r="IT34" s="128">
        <v>258617</v>
      </c>
      <c r="IU34" s="292">
        <v>258617</v>
      </c>
      <c r="IV34" s="129">
        <v>0</v>
      </c>
      <c r="IW34" s="109">
        <v>0</v>
      </c>
      <c r="IX34" s="110">
        <v>0</v>
      </c>
      <c r="IY34" s="443">
        <v>0</v>
      </c>
      <c r="IZ34" s="109">
        <v>0</v>
      </c>
      <c r="JA34" s="109">
        <v>0</v>
      </c>
      <c r="JB34" s="109">
        <v>0</v>
      </c>
      <c r="JC34" s="109">
        <v>0</v>
      </c>
      <c r="JD34" s="109">
        <v>0</v>
      </c>
      <c r="JE34" s="110">
        <v>0</v>
      </c>
      <c r="JF34" s="111">
        <v>0</v>
      </c>
      <c r="JG34" s="129">
        <v>0</v>
      </c>
      <c r="JH34" s="109">
        <v>0</v>
      </c>
      <c r="JI34" s="128">
        <v>0</v>
      </c>
      <c r="JJ34" s="108">
        <v>0</v>
      </c>
      <c r="JK34" s="109">
        <v>692695</v>
      </c>
      <c r="JL34" s="109">
        <v>927044</v>
      </c>
      <c r="JM34" s="109">
        <v>662610</v>
      </c>
      <c r="JN34" s="109">
        <v>222150</v>
      </c>
      <c r="JO34" s="109">
        <v>0</v>
      </c>
      <c r="JP34" s="110">
        <v>2504499</v>
      </c>
      <c r="JQ34" s="292">
        <v>2504499</v>
      </c>
      <c r="JR34" s="129">
        <v>0</v>
      </c>
      <c r="JS34" s="109">
        <v>0</v>
      </c>
      <c r="JT34" s="128">
        <v>0</v>
      </c>
      <c r="JU34" s="108">
        <v>0</v>
      </c>
      <c r="JV34" s="109">
        <v>95094</v>
      </c>
      <c r="JW34" s="109">
        <v>157428</v>
      </c>
      <c r="JX34" s="109">
        <v>0</v>
      </c>
      <c r="JY34" s="109">
        <v>0</v>
      </c>
      <c r="JZ34" s="109">
        <v>0</v>
      </c>
      <c r="KA34" s="110">
        <v>252522</v>
      </c>
      <c r="KB34" s="292">
        <v>252522</v>
      </c>
      <c r="KC34" s="217">
        <v>0</v>
      </c>
      <c r="KD34" s="213">
        <v>88056</v>
      </c>
      <c r="KE34" s="110">
        <v>88056</v>
      </c>
      <c r="KF34" s="108">
        <v>0</v>
      </c>
      <c r="KG34" s="109">
        <v>933695</v>
      </c>
      <c r="KH34" s="109">
        <v>709360</v>
      </c>
      <c r="KI34" s="109">
        <v>1339366</v>
      </c>
      <c r="KJ34" s="109">
        <v>1462194</v>
      </c>
      <c r="KK34" s="109">
        <v>384363</v>
      </c>
      <c r="KL34" s="110">
        <v>4828978</v>
      </c>
      <c r="KM34" s="130">
        <v>4917034</v>
      </c>
      <c r="KN34" s="215">
        <v>0</v>
      </c>
      <c r="KO34" s="219">
        <v>0</v>
      </c>
      <c r="KP34" s="220">
        <v>0</v>
      </c>
      <c r="KQ34" s="443">
        <v>0</v>
      </c>
      <c r="KR34" s="109">
        <v>1132380</v>
      </c>
      <c r="KS34" s="109">
        <v>2081934</v>
      </c>
      <c r="KT34" s="109">
        <v>2297565</v>
      </c>
      <c r="KU34" s="109">
        <v>846585</v>
      </c>
      <c r="KV34" s="109">
        <v>528264</v>
      </c>
      <c r="KW34" s="110">
        <v>6886728</v>
      </c>
      <c r="KX34" s="292">
        <v>6886728</v>
      </c>
      <c r="KY34" s="129">
        <v>0</v>
      </c>
      <c r="KZ34" s="109">
        <v>0</v>
      </c>
      <c r="LA34" s="110">
        <v>0</v>
      </c>
      <c r="LB34" s="443">
        <v>0</v>
      </c>
      <c r="LC34" s="109">
        <v>0</v>
      </c>
      <c r="LD34" s="109">
        <v>0</v>
      </c>
      <c r="LE34" s="109">
        <v>0</v>
      </c>
      <c r="LF34" s="109">
        <v>0</v>
      </c>
      <c r="LG34" s="109">
        <v>0</v>
      </c>
      <c r="LH34" s="110">
        <v>0</v>
      </c>
      <c r="LI34" s="111">
        <v>0</v>
      </c>
      <c r="LJ34" s="129">
        <v>0</v>
      </c>
      <c r="LK34" s="109">
        <v>0</v>
      </c>
      <c r="LL34" s="110">
        <v>0</v>
      </c>
      <c r="LM34" s="443">
        <v>0</v>
      </c>
      <c r="LN34" s="109">
        <v>0</v>
      </c>
      <c r="LO34" s="109">
        <v>0</v>
      </c>
      <c r="LP34" s="109">
        <v>2908450</v>
      </c>
      <c r="LQ34" s="109">
        <v>1996647</v>
      </c>
      <c r="LR34" s="109">
        <v>2276766</v>
      </c>
      <c r="LS34" s="110">
        <v>7181863</v>
      </c>
      <c r="LT34" s="292">
        <v>7181863</v>
      </c>
      <c r="LU34" s="129">
        <v>0</v>
      </c>
      <c r="LV34" s="109">
        <v>0</v>
      </c>
      <c r="LW34" s="110">
        <v>0</v>
      </c>
      <c r="LX34" s="443">
        <v>0</v>
      </c>
      <c r="LY34" s="109">
        <v>0</v>
      </c>
      <c r="LZ34" s="109">
        <v>0</v>
      </c>
      <c r="MA34" s="109">
        <v>0</v>
      </c>
      <c r="MB34" s="109">
        <v>0</v>
      </c>
      <c r="MC34" s="109">
        <v>0</v>
      </c>
      <c r="MD34" s="110">
        <v>0</v>
      </c>
      <c r="ME34" s="111">
        <v>0</v>
      </c>
      <c r="MF34" s="129">
        <v>0</v>
      </c>
      <c r="MG34" s="109">
        <v>0</v>
      </c>
      <c r="MH34" s="110">
        <v>0</v>
      </c>
      <c r="MI34" s="443">
        <v>0</v>
      </c>
      <c r="MJ34" s="109">
        <v>1080679</v>
      </c>
      <c r="MK34" s="109">
        <v>2734952</v>
      </c>
      <c r="ML34" s="109">
        <v>6519198</v>
      </c>
      <c r="MM34" s="109">
        <v>10905844</v>
      </c>
      <c r="MN34" s="109">
        <v>7890589</v>
      </c>
      <c r="MO34" s="110">
        <v>29131262</v>
      </c>
      <c r="MP34" s="130">
        <v>29131262</v>
      </c>
      <c r="MQ34" s="129">
        <v>0</v>
      </c>
      <c r="MR34" s="109">
        <v>0</v>
      </c>
      <c r="MS34" s="110">
        <v>0</v>
      </c>
      <c r="MT34" s="443">
        <v>0</v>
      </c>
      <c r="MU34" s="109">
        <v>0</v>
      </c>
      <c r="MV34" s="109">
        <v>205974</v>
      </c>
      <c r="MW34" s="109">
        <v>3748137</v>
      </c>
      <c r="MX34" s="109">
        <v>6665887</v>
      </c>
      <c r="MY34" s="109">
        <v>5384241</v>
      </c>
      <c r="MZ34" s="110">
        <v>16004239</v>
      </c>
      <c r="NA34" s="130">
        <v>16004239</v>
      </c>
      <c r="NB34" s="129">
        <v>0</v>
      </c>
      <c r="NC34" s="109">
        <v>0</v>
      </c>
      <c r="ND34" s="110">
        <v>0</v>
      </c>
      <c r="NE34" s="443">
        <v>0</v>
      </c>
      <c r="NF34" s="109">
        <v>1080679</v>
      </c>
      <c r="NG34" s="109">
        <v>2528978</v>
      </c>
      <c r="NH34" s="109">
        <v>2771061</v>
      </c>
      <c r="NI34" s="109">
        <v>4239957</v>
      </c>
      <c r="NJ34" s="109">
        <v>2506348</v>
      </c>
      <c r="NK34" s="110">
        <v>13127023</v>
      </c>
      <c r="NL34" s="292">
        <v>13127023</v>
      </c>
      <c r="NM34" s="129">
        <v>0</v>
      </c>
      <c r="NN34" s="109">
        <v>0</v>
      </c>
      <c r="NO34" s="110">
        <v>0</v>
      </c>
      <c r="NP34" s="443">
        <v>0</v>
      </c>
      <c r="NQ34" s="109">
        <v>0</v>
      </c>
      <c r="NR34" s="109">
        <v>0</v>
      </c>
      <c r="NS34" s="109">
        <v>0</v>
      </c>
      <c r="NT34" s="109">
        <v>0</v>
      </c>
      <c r="NU34" s="109">
        <v>0</v>
      </c>
      <c r="NV34" s="110">
        <v>0</v>
      </c>
      <c r="NW34" s="111">
        <v>0</v>
      </c>
      <c r="NX34" s="129">
        <v>0</v>
      </c>
      <c r="NY34" s="109">
        <v>0</v>
      </c>
      <c r="NZ34" s="110">
        <v>0</v>
      </c>
      <c r="OA34" s="443">
        <v>0</v>
      </c>
      <c r="OB34" s="109">
        <v>0</v>
      </c>
      <c r="OC34" s="109">
        <v>0</v>
      </c>
      <c r="OD34" s="109">
        <v>0</v>
      </c>
      <c r="OE34" s="109">
        <v>0</v>
      </c>
      <c r="OF34" s="109">
        <v>0</v>
      </c>
      <c r="OG34" s="110">
        <v>0</v>
      </c>
      <c r="OH34" s="111">
        <v>0</v>
      </c>
      <c r="OI34" s="129">
        <v>627863</v>
      </c>
      <c r="OJ34" s="109">
        <v>918822</v>
      </c>
      <c r="OK34" s="128">
        <v>1546685</v>
      </c>
      <c r="OL34" s="108">
        <v>0</v>
      </c>
      <c r="OM34" s="109">
        <v>11431290</v>
      </c>
      <c r="ON34" s="109">
        <v>16081950</v>
      </c>
      <c r="OO34" s="109">
        <v>23878012</v>
      </c>
      <c r="OP34" s="109">
        <v>23321365</v>
      </c>
      <c r="OQ34" s="109">
        <v>18697334</v>
      </c>
      <c r="OR34" s="110">
        <v>93409951</v>
      </c>
      <c r="OS34" s="130">
        <v>94956636</v>
      </c>
    </row>
    <row r="35" spans="2:409" ht="21" customHeight="1" x14ac:dyDescent="0.2">
      <c r="B35" s="437" t="s">
        <v>30</v>
      </c>
      <c r="C35" s="100">
        <v>409006</v>
      </c>
      <c r="D35" s="104">
        <v>68625</v>
      </c>
      <c r="E35" s="157">
        <v>477631</v>
      </c>
      <c r="F35" s="158">
        <v>0</v>
      </c>
      <c r="G35" s="159">
        <v>6717019</v>
      </c>
      <c r="H35" s="159">
        <v>7410830</v>
      </c>
      <c r="I35" s="159">
        <v>7966218</v>
      </c>
      <c r="J35" s="159">
        <v>7962230</v>
      </c>
      <c r="K35" s="159">
        <v>3157693</v>
      </c>
      <c r="L35" s="160">
        <v>33213990</v>
      </c>
      <c r="M35" s="106">
        <v>33691621</v>
      </c>
      <c r="N35" s="100">
        <v>26174</v>
      </c>
      <c r="O35" s="104">
        <v>36675</v>
      </c>
      <c r="P35" s="103">
        <v>62849</v>
      </c>
      <c r="Q35" s="100">
        <v>0</v>
      </c>
      <c r="R35" s="104">
        <v>2013081</v>
      </c>
      <c r="S35" s="104">
        <v>2077406</v>
      </c>
      <c r="T35" s="104">
        <v>2686509</v>
      </c>
      <c r="U35" s="104">
        <v>4066527</v>
      </c>
      <c r="V35" s="104">
        <v>1791612</v>
      </c>
      <c r="W35" s="103">
        <v>12635135</v>
      </c>
      <c r="X35" s="106">
        <v>12697984</v>
      </c>
      <c r="Y35" s="100">
        <v>0</v>
      </c>
      <c r="Z35" s="104">
        <v>0</v>
      </c>
      <c r="AA35" s="103">
        <v>0</v>
      </c>
      <c r="AB35" s="100">
        <v>0</v>
      </c>
      <c r="AC35" s="104">
        <v>490645</v>
      </c>
      <c r="AD35" s="104">
        <v>1166797</v>
      </c>
      <c r="AE35" s="104">
        <v>1489608</v>
      </c>
      <c r="AF35" s="104">
        <v>2484870</v>
      </c>
      <c r="AG35" s="104">
        <v>1226143</v>
      </c>
      <c r="AH35" s="103">
        <v>6858063</v>
      </c>
      <c r="AI35" s="106">
        <v>6858063</v>
      </c>
      <c r="AJ35" s="100">
        <v>0</v>
      </c>
      <c r="AK35" s="104">
        <v>0</v>
      </c>
      <c r="AL35" s="103">
        <v>0</v>
      </c>
      <c r="AM35" s="100">
        <v>0</v>
      </c>
      <c r="AN35" s="104">
        <v>51174</v>
      </c>
      <c r="AO35" s="104">
        <v>29890</v>
      </c>
      <c r="AP35" s="104">
        <v>169774</v>
      </c>
      <c r="AQ35" s="104">
        <v>419012</v>
      </c>
      <c r="AR35" s="104">
        <v>185400</v>
      </c>
      <c r="AS35" s="103">
        <v>855250</v>
      </c>
      <c r="AT35" s="106">
        <v>855250</v>
      </c>
      <c r="AU35" s="100">
        <v>9236</v>
      </c>
      <c r="AV35" s="104">
        <v>0</v>
      </c>
      <c r="AW35" s="103">
        <v>9236</v>
      </c>
      <c r="AX35" s="100">
        <v>0</v>
      </c>
      <c r="AY35" s="104">
        <v>1048539</v>
      </c>
      <c r="AZ35" s="104">
        <v>631378</v>
      </c>
      <c r="BA35" s="104">
        <v>668484</v>
      </c>
      <c r="BB35" s="104">
        <v>683725</v>
      </c>
      <c r="BC35" s="104">
        <v>267533</v>
      </c>
      <c r="BD35" s="103">
        <v>3299659</v>
      </c>
      <c r="BE35" s="106">
        <v>3308895</v>
      </c>
      <c r="BF35" s="100">
        <v>0</v>
      </c>
      <c r="BG35" s="104">
        <v>0</v>
      </c>
      <c r="BH35" s="102">
        <v>0</v>
      </c>
      <c r="BI35" s="101">
        <v>0</v>
      </c>
      <c r="BJ35" s="104">
        <v>60228</v>
      </c>
      <c r="BK35" s="104">
        <v>66998</v>
      </c>
      <c r="BL35" s="104">
        <v>103248</v>
      </c>
      <c r="BM35" s="104">
        <v>77436</v>
      </c>
      <c r="BN35" s="104">
        <v>0</v>
      </c>
      <c r="BO35" s="103">
        <v>307910</v>
      </c>
      <c r="BP35" s="106">
        <v>307910</v>
      </c>
      <c r="BQ35" s="100">
        <v>16938</v>
      </c>
      <c r="BR35" s="104">
        <v>36675</v>
      </c>
      <c r="BS35" s="103">
        <v>53613</v>
      </c>
      <c r="BT35" s="100">
        <v>0</v>
      </c>
      <c r="BU35" s="104">
        <v>362495</v>
      </c>
      <c r="BV35" s="104">
        <v>182343</v>
      </c>
      <c r="BW35" s="104">
        <v>255395</v>
      </c>
      <c r="BX35" s="104">
        <v>401484</v>
      </c>
      <c r="BY35" s="104">
        <v>112536</v>
      </c>
      <c r="BZ35" s="103">
        <v>1314253</v>
      </c>
      <c r="CA35" s="106">
        <v>1367866</v>
      </c>
      <c r="CB35" s="100">
        <v>0</v>
      </c>
      <c r="CC35" s="104">
        <v>0</v>
      </c>
      <c r="CD35" s="103">
        <v>0</v>
      </c>
      <c r="CE35" s="100">
        <v>0</v>
      </c>
      <c r="CF35" s="104">
        <v>1489478</v>
      </c>
      <c r="CG35" s="104">
        <v>2050887</v>
      </c>
      <c r="CH35" s="104">
        <v>1588274</v>
      </c>
      <c r="CI35" s="104">
        <v>1022350</v>
      </c>
      <c r="CJ35" s="104">
        <v>278974</v>
      </c>
      <c r="CK35" s="103">
        <v>6429963</v>
      </c>
      <c r="CL35" s="106">
        <v>6429963</v>
      </c>
      <c r="CM35" s="100">
        <v>0</v>
      </c>
      <c r="CN35" s="104">
        <v>0</v>
      </c>
      <c r="CO35" s="103">
        <v>0</v>
      </c>
      <c r="CP35" s="101">
        <v>0</v>
      </c>
      <c r="CQ35" s="104">
        <v>1225819</v>
      </c>
      <c r="CR35" s="104">
        <v>1584736</v>
      </c>
      <c r="CS35" s="104">
        <v>1331974</v>
      </c>
      <c r="CT35" s="104">
        <v>764188</v>
      </c>
      <c r="CU35" s="104">
        <v>171558</v>
      </c>
      <c r="CV35" s="103">
        <v>5078275</v>
      </c>
      <c r="CW35" s="106">
        <v>5078275</v>
      </c>
      <c r="CX35" s="100">
        <v>0</v>
      </c>
      <c r="CY35" s="104">
        <v>0</v>
      </c>
      <c r="CZ35" s="103">
        <v>0</v>
      </c>
      <c r="DA35" s="100">
        <v>0</v>
      </c>
      <c r="DB35" s="104">
        <v>263659</v>
      </c>
      <c r="DC35" s="104">
        <v>466151</v>
      </c>
      <c r="DD35" s="104">
        <v>256300</v>
      </c>
      <c r="DE35" s="104">
        <v>258162</v>
      </c>
      <c r="DF35" s="104">
        <v>107416</v>
      </c>
      <c r="DG35" s="103">
        <v>1351688</v>
      </c>
      <c r="DH35" s="106">
        <v>1351688</v>
      </c>
      <c r="DI35" s="100">
        <v>0</v>
      </c>
      <c r="DJ35" s="104">
        <v>0</v>
      </c>
      <c r="DK35" s="102">
        <v>0</v>
      </c>
      <c r="DL35" s="101">
        <v>0</v>
      </c>
      <c r="DM35" s="104">
        <v>189043</v>
      </c>
      <c r="DN35" s="104">
        <v>721599</v>
      </c>
      <c r="DO35" s="104">
        <v>674762</v>
      </c>
      <c r="DP35" s="104">
        <v>366440</v>
      </c>
      <c r="DQ35" s="104">
        <v>113544</v>
      </c>
      <c r="DR35" s="103">
        <v>2065388</v>
      </c>
      <c r="DS35" s="106">
        <v>2065388</v>
      </c>
      <c r="DT35" s="100">
        <v>0</v>
      </c>
      <c r="DU35" s="104">
        <v>0</v>
      </c>
      <c r="DV35" s="103">
        <v>0</v>
      </c>
      <c r="DW35" s="100">
        <v>0</v>
      </c>
      <c r="DX35" s="104">
        <v>174765</v>
      </c>
      <c r="DY35" s="104">
        <v>566871</v>
      </c>
      <c r="DZ35" s="104">
        <v>674762</v>
      </c>
      <c r="EA35" s="104">
        <v>366440</v>
      </c>
      <c r="EB35" s="104">
        <v>49581</v>
      </c>
      <c r="EC35" s="103">
        <v>1832419</v>
      </c>
      <c r="ED35" s="106">
        <v>1832419</v>
      </c>
      <c r="EE35" s="100">
        <v>0</v>
      </c>
      <c r="EF35" s="102">
        <v>0</v>
      </c>
      <c r="EG35" s="103">
        <v>0</v>
      </c>
      <c r="EH35" s="100">
        <v>0</v>
      </c>
      <c r="EI35" s="104">
        <v>14278</v>
      </c>
      <c r="EJ35" s="104">
        <v>154728</v>
      </c>
      <c r="EK35" s="104">
        <v>0</v>
      </c>
      <c r="EL35" s="104">
        <v>0</v>
      </c>
      <c r="EM35" s="104">
        <v>63963</v>
      </c>
      <c r="EN35" s="102">
        <v>232969</v>
      </c>
      <c r="EO35" s="106">
        <v>232969</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06">
        <v>0</v>
      </c>
      <c r="FE35" s="104">
        <v>0</v>
      </c>
      <c r="FF35" s="104">
        <v>0</v>
      </c>
      <c r="FG35" s="104">
        <v>0</v>
      </c>
      <c r="FH35" s="104">
        <v>0</v>
      </c>
      <c r="FI35" s="104">
        <v>0</v>
      </c>
      <c r="FJ35" s="103">
        <v>0</v>
      </c>
      <c r="FK35" s="106">
        <v>0</v>
      </c>
      <c r="FL35" s="100">
        <v>319216</v>
      </c>
      <c r="FM35" s="104">
        <v>31950</v>
      </c>
      <c r="FN35" s="103">
        <v>351166</v>
      </c>
      <c r="FO35" s="100">
        <v>0</v>
      </c>
      <c r="FP35" s="104">
        <v>705291</v>
      </c>
      <c r="FQ35" s="104">
        <v>506825</v>
      </c>
      <c r="FR35" s="104">
        <v>973750</v>
      </c>
      <c r="FS35" s="104">
        <v>701315</v>
      </c>
      <c r="FT35" s="104">
        <v>219276</v>
      </c>
      <c r="FU35" s="103">
        <v>3106457</v>
      </c>
      <c r="FV35" s="106">
        <v>3457623</v>
      </c>
      <c r="FW35" s="105">
        <v>0</v>
      </c>
      <c r="FX35" s="104">
        <v>0</v>
      </c>
      <c r="FY35" s="102">
        <v>0</v>
      </c>
      <c r="FZ35" s="101">
        <v>0</v>
      </c>
      <c r="GA35" s="104">
        <v>520296</v>
      </c>
      <c r="GB35" s="104">
        <v>506825</v>
      </c>
      <c r="GC35" s="104">
        <v>841090</v>
      </c>
      <c r="GD35" s="104">
        <v>701315</v>
      </c>
      <c r="GE35" s="104">
        <v>219276</v>
      </c>
      <c r="GF35" s="103">
        <v>2788802</v>
      </c>
      <c r="GG35" s="290">
        <v>2788802</v>
      </c>
      <c r="GH35" s="105">
        <v>28336</v>
      </c>
      <c r="GI35" s="104">
        <v>31950</v>
      </c>
      <c r="GJ35" s="102">
        <v>60286</v>
      </c>
      <c r="GK35" s="101">
        <v>0</v>
      </c>
      <c r="GL35" s="104">
        <v>61785</v>
      </c>
      <c r="GM35" s="104">
        <v>0</v>
      </c>
      <c r="GN35" s="104">
        <v>29700</v>
      </c>
      <c r="GO35" s="104">
        <v>0</v>
      </c>
      <c r="GP35" s="104">
        <v>0</v>
      </c>
      <c r="GQ35" s="103">
        <v>91485</v>
      </c>
      <c r="GR35" s="106">
        <v>151771</v>
      </c>
      <c r="GS35" s="100">
        <v>290880</v>
      </c>
      <c r="GT35" s="104">
        <v>0</v>
      </c>
      <c r="GU35" s="103">
        <v>290880</v>
      </c>
      <c r="GV35" s="100">
        <v>0</v>
      </c>
      <c r="GW35" s="104">
        <v>123210</v>
      </c>
      <c r="GX35" s="104">
        <v>0</v>
      </c>
      <c r="GY35" s="104">
        <v>102960</v>
      </c>
      <c r="GZ35" s="104">
        <v>0</v>
      </c>
      <c r="HA35" s="104">
        <v>0</v>
      </c>
      <c r="HB35" s="102">
        <v>226170</v>
      </c>
      <c r="HC35" s="106">
        <v>517050</v>
      </c>
      <c r="HD35" s="100">
        <v>59053</v>
      </c>
      <c r="HE35" s="104">
        <v>0</v>
      </c>
      <c r="HF35" s="102">
        <v>59053</v>
      </c>
      <c r="HG35" s="101">
        <v>0</v>
      </c>
      <c r="HH35" s="104">
        <v>1162395</v>
      </c>
      <c r="HI35" s="104">
        <v>1270562</v>
      </c>
      <c r="HJ35" s="104">
        <v>1326618</v>
      </c>
      <c r="HK35" s="104">
        <v>1217184</v>
      </c>
      <c r="HL35" s="104">
        <v>525730</v>
      </c>
      <c r="HM35" s="103">
        <v>5502489</v>
      </c>
      <c r="HN35" s="99">
        <v>5561542</v>
      </c>
      <c r="HO35" s="105">
        <v>4563</v>
      </c>
      <c r="HP35" s="104">
        <v>0</v>
      </c>
      <c r="HQ35" s="103">
        <v>4563</v>
      </c>
      <c r="HR35" s="100">
        <v>0</v>
      </c>
      <c r="HS35" s="104">
        <v>1157731</v>
      </c>
      <c r="HT35" s="104">
        <v>783551</v>
      </c>
      <c r="HU35" s="104">
        <v>716305</v>
      </c>
      <c r="HV35" s="104">
        <v>588414</v>
      </c>
      <c r="HW35" s="104">
        <v>228557</v>
      </c>
      <c r="HX35" s="102">
        <v>3474558</v>
      </c>
      <c r="HY35" s="106">
        <v>3479121</v>
      </c>
      <c r="HZ35" s="118">
        <v>0</v>
      </c>
      <c r="IA35" s="119">
        <v>0</v>
      </c>
      <c r="IB35" s="120">
        <v>0</v>
      </c>
      <c r="IC35" s="131">
        <v>0</v>
      </c>
      <c r="ID35" s="119">
        <v>2272601</v>
      </c>
      <c r="IE35" s="132">
        <v>1904973</v>
      </c>
      <c r="IF35" s="120">
        <v>1633230</v>
      </c>
      <c r="IG35" s="119">
        <v>2761038</v>
      </c>
      <c r="IH35" s="120">
        <v>570888</v>
      </c>
      <c r="II35" s="133">
        <v>9142730</v>
      </c>
      <c r="IJ35" s="126">
        <v>9142730</v>
      </c>
      <c r="IK35" s="215">
        <v>0</v>
      </c>
      <c r="IL35" s="219">
        <v>0</v>
      </c>
      <c r="IM35" s="220">
        <v>0</v>
      </c>
      <c r="IN35" s="127">
        <v>0</v>
      </c>
      <c r="IO35" s="109">
        <v>0</v>
      </c>
      <c r="IP35" s="109">
        <v>258264</v>
      </c>
      <c r="IQ35" s="109">
        <v>179199</v>
      </c>
      <c r="IR35" s="109">
        <v>0</v>
      </c>
      <c r="IS35" s="109">
        <v>0</v>
      </c>
      <c r="IT35" s="128">
        <v>437463</v>
      </c>
      <c r="IU35" s="292">
        <v>437463</v>
      </c>
      <c r="IV35" s="129">
        <v>0</v>
      </c>
      <c r="IW35" s="109">
        <v>0</v>
      </c>
      <c r="IX35" s="110">
        <v>0</v>
      </c>
      <c r="IY35" s="443">
        <v>0</v>
      </c>
      <c r="IZ35" s="109">
        <v>0</v>
      </c>
      <c r="JA35" s="109">
        <v>0</v>
      </c>
      <c r="JB35" s="109">
        <v>0</v>
      </c>
      <c r="JC35" s="109">
        <v>0</v>
      </c>
      <c r="JD35" s="109">
        <v>0</v>
      </c>
      <c r="JE35" s="110">
        <v>0</v>
      </c>
      <c r="JF35" s="111">
        <v>0</v>
      </c>
      <c r="JG35" s="129">
        <v>0</v>
      </c>
      <c r="JH35" s="109">
        <v>0</v>
      </c>
      <c r="JI35" s="128">
        <v>0</v>
      </c>
      <c r="JJ35" s="108">
        <v>0</v>
      </c>
      <c r="JK35" s="109">
        <v>1239473</v>
      </c>
      <c r="JL35" s="109">
        <v>414178</v>
      </c>
      <c r="JM35" s="109">
        <v>1011420</v>
      </c>
      <c r="JN35" s="109">
        <v>521136</v>
      </c>
      <c r="JO35" s="109">
        <v>0</v>
      </c>
      <c r="JP35" s="110">
        <v>3186207</v>
      </c>
      <c r="JQ35" s="292">
        <v>3186207</v>
      </c>
      <c r="JR35" s="129">
        <v>0</v>
      </c>
      <c r="JS35" s="109">
        <v>0</v>
      </c>
      <c r="JT35" s="128">
        <v>0</v>
      </c>
      <c r="JU35" s="108">
        <v>0</v>
      </c>
      <c r="JV35" s="109">
        <v>43938</v>
      </c>
      <c r="JW35" s="109">
        <v>349847</v>
      </c>
      <c r="JX35" s="109">
        <v>145593</v>
      </c>
      <c r="JY35" s="109">
        <v>0</v>
      </c>
      <c r="JZ35" s="109">
        <v>0</v>
      </c>
      <c r="KA35" s="110">
        <v>539378</v>
      </c>
      <c r="KB35" s="292">
        <v>539378</v>
      </c>
      <c r="KC35" s="217">
        <v>0</v>
      </c>
      <c r="KD35" s="213">
        <v>0</v>
      </c>
      <c r="KE35" s="110">
        <v>0</v>
      </c>
      <c r="KF35" s="108">
        <v>0</v>
      </c>
      <c r="KG35" s="109">
        <v>0</v>
      </c>
      <c r="KH35" s="109">
        <v>0</v>
      </c>
      <c r="KI35" s="109">
        <v>0</v>
      </c>
      <c r="KJ35" s="109">
        <v>295704</v>
      </c>
      <c r="KK35" s="109">
        <v>0</v>
      </c>
      <c r="KL35" s="110">
        <v>295704</v>
      </c>
      <c r="KM35" s="130">
        <v>295704</v>
      </c>
      <c r="KN35" s="215">
        <v>0</v>
      </c>
      <c r="KO35" s="219">
        <v>0</v>
      </c>
      <c r="KP35" s="220">
        <v>0</v>
      </c>
      <c r="KQ35" s="443">
        <v>0</v>
      </c>
      <c r="KR35" s="109">
        <v>989190</v>
      </c>
      <c r="KS35" s="109">
        <v>882684</v>
      </c>
      <c r="KT35" s="109">
        <v>297018</v>
      </c>
      <c r="KU35" s="109">
        <v>1944198</v>
      </c>
      <c r="KV35" s="109">
        <v>570888</v>
      </c>
      <c r="KW35" s="110">
        <v>4683978</v>
      </c>
      <c r="KX35" s="292">
        <v>4683978</v>
      </c>
      <c r="KY35" s="129">
        <v>0</v>
      </c>
      <c r="KZ35" s="109">
        <v>0</v>
      </c>
      <c r="LA35" s="110">
        <v>0</v>
      </c>
      <c r="LB35" s="443">
        <v>0</v>
      </c>
      <c r="LC35" s="109">
        <v>0</v>
      </c>
      <c r="LD35" s="109">
        <v>0</v>
      </c>
      <c r="LE35" s="109">
        <v>0</v>
      </c>
      <c r="LF35" s="109">
        <v>0</v>
      </c>
      <c r="LG35" s="109">
        <v>0</v>
      </c>
      <c r="LH35" s="110">
        <v>0</v>
      </c>
      <c r="LI35" s="111">
        <v>0</v>
      </c>
      <c r="LJ35" s="129">
        <v>0</v>
      </c>
      <c r="LK35" s="109">
        <v>0</v>
      </c>
      <c r="LL35" s="110">
        <v>0</v>
      </c>
      <c r="LM35" s="443">
        <v>0</v>
      </c>
      <c r="LN35" s="109">
        <v>0</v>
      </c>
      <c r="LO35" s="109">
        <v>0</v>
      </c>
      <c r="LP35" s="109">
        <v>0</v>
      </c>
      <c r="LQ35" s="109">
        <v>0</v>
      </c>
      <c r="LR35" s="109">
        <v>0</v>
      </c>
      <c r="LS35" s="110">
        <v>0</v>
      </c>
      <c r="LT35" s="292">
        <v>0</v>
      </c>
      <c r="LU35" s="129">
        <v>0</v>
      </c>
      <c r="LV35" s="109">
        <v>0</v>
      </c>
      <c r="LW35" s="110">
        <v>0</v>
      </c>
      <c r="LX35" s="443">
        <v>0</v>
      </c>
      <c r="LY35" s="109">
        <v>0</v>
      </c>
      <c r="LZ35" s="109">
        <v>0</v>
      </c>
      <c r="MA35" s="109">
        <v>0</v>
      </c>
      <c r="MB35" s="109">
        <v>0</v>
      </c>
      <c r="MC35" s="109">
        <v>0</v>
      </c>
      <c r="MD35" s="110">
        <v>0</v>
      </c>
      <c r="ME35" s="111">
        <v>0</v>
      </c>
      <c r="MF35" s="129">
        <v>0</v>
      </c>
      <c r="MG35" s="109">
        <v>0</v>
      </c>
      <c r="MH35" s="110">
        <v>0</v>
      </c>
      <c r="MI35" s="443">
        <v>0</v>
      </c>
      <c r="MJ35" s="109">
        <v>2837644</v>
      </c>
      <c r="MK35" s="109">
        <v>1865657</v>
      </c>
      <c r="ML35" s="109">
        <v>8644176</v>
      </c>
      <c r="MM35" s="109">
        <v>13795644</v>
      </c>
      <c r="MN35" s="109">
        <v>9200021</v>
      </c>
      <c r="MO35" s="110">
        <v>36343142</v>
      </c>
      <c r="MP35" s="130">
        <v>36343142</v>
      </c>
      <c r="MQ35" s="129">
        <v>0</v>
      </c>
      <c r="MR35" s="109">
        <v>0</v>
      </c>
      <c r="MS35" s="110">
        <v>0</v>
      </c>
      <c r="MT35" s="443">
        <v>0</v>
      </c>
      <c r="MU35" s="109">
        <v>0</v>
      </c>
      <c r="MV35" s="109">
        <v>724151</v>
      </c>
      <c r="MW35" s="109">
        <v>5393883</v>
      </c>
      <c r="MX35" s="109">
        <v>8727951</v>
      </c>
      <c r="MY35" s="109">
        <v>6029982</v>
      </c>
      <c r="MZ35" s="110">
        <v>20875967</v>
      </c>
      <c r="NA35" s="130">
        <v>20875967</v>
      </c>
      <c r="NB35" s="129">
        <v>0</v>
      </c>
      <c r="NC35" s="109">
        <v>0</v>
      </c>
      <c r="ND35" s="110">
        <v>0</v>
      </c>
      <c r="NE35" s="443">
        <v>0</v>
      </c>
      <c r="NF35" s="109">
        <v>2837644</v>
      </c>
      <c r="NG35" s="109">
        <v>1141506</v>
      </c>
      <c r="NH35" s="109">
        <v>3250293</v>
      </c>
      <c r="NI35" s="109">
        <v>4679617</v>
      </c>
      <c r="NJ35" s="109">
        <v>2031399</v>
      </c>
      <c r="NK35" s="110">
        <v>13940459</v>
      </c>
      <c r="NL35" s="292">
        <v>13940459</v>
      </c>
      <c r="NM35" s="129">
        <v>0</v>
      </c>
      <c r="NN35" s="109">
        <v>0</v>
      </c>
      <c r="NO35" s="110">
        <v>0</v>
      </c>
      <c r="NP35" s="443">
        <v>0</v>
      </c>
      <c r="NQ35" s="109">
        <v>0</v>
      </c>
      <c r="NR35" s="109">
        <v>0</v>
      </c>
      <c r="NS35" s="109">
        <v>0</v>
      </c>
      <c r="NT35" s="109">
        <v>0</v>
      </c>
      <c r="NU35" s="109">
        <v>0</v>
      </c>
      <c r="NV35" s="110">
        <v>0</v>
      </c>
      <c r="NW35" s="111">
        <v>0</v>
      </c>
      <c r="NX35" s="129">
        <v>0</v>
      </c>
      <c r="NY35" s="109">
        <v>0</v>
      </c>
      <c r="NZ35" s="110">
        <v>0</v>
      </c>
      <c r="OA35" s="443">
        <v>0</v>
      </c>
      <c r="OB35" s="109">
        <v>0</v>
      </c>
      <c r="OC35" s="109">
        <v>0</v>
      </c>
      <c r="OD35" s="109">
        <v>0</v>
      </c>
      <c r="OE35" s="109">
        <v>388076</v>
      </c>
      <c r="OF35" s="109">
        <v>1138640</v>
      </c>
      <c r="OG35" s="110">
        <v>1526716</v>
      </c>
      <c r="OH35" s="111">
        <v>1526716</v>
      </c>
      <c r="OI35" s="129">
        <v>409006</v>
      </c>
      <c r="OJ35" s="109">
        <v>68625</v>
      </c>
      <c r="OK35" s="128">
        <v>477631</v>
      </c>
      <c r="OL35" s="108">
        <v>0</v>
      </c>
      <c r="OM35" s="109">
        <v>11827264</v>
      </c>
      <c r="ON35" s="109">
        <v>11181460</v>
      </c>
      <c r="OO35" s="109">
        <v>18243624</v>
      </c>
      <c r="OP35" s="109">
        <v>24518912</v>
      </c>
      <c r="OQ35" s="109">
        <v>12928602</v>
      </c>
      <c r="OR35" s="110">
        <v>78699862</v>
      </c>
      <c r="OS35" s="130">
        <v>79177493</v>
      </c>
    </row>
    <row r="36" spans="2:409" ht="21" customHeight="1" x14ac:dyDescent="0.2">
      <c r="B36" s="437" t="s">
        <v>31</v>
      </c>
      <c r="C36" s="100">
        <v>619908</v>
      </c>
      <c r="D36" s="104">
        <v>1216906</v>
      </c>
      <c r="E36" s="103">
        <v>1836814</v>
      </c>
      <c r="F36" s="99">
        <v>0</v>
      </c>
      <c r="G36" s="104">
        <v>6768146</v>
      </c>
      <c r="H36" s="104">
        <v>8576800</v>
      </c>
      <c r="I36" s="104">
        <v>7334493</v>
      </c>
      <c r="J36" s="104">
        <v>6116286</v>
      </c>
      <c r="K36" s="104">
        <v>4070781</v>
      </c>
      <c r="L36" s="156">
        <v>32866506</v>
      </c>
      <c r="M36" s="106">
        <v>34703320</v>
      </c>
      <c r="N36" s="100">
        <v>129490</v>
      </c>
      <c r="O36" s="104">
        <v>169812</v>
      </c>
      <c r="P36" s="103">
        <v>299302</v>
      </c>
      <c r="Q36" s="100">
        <v>0</v>
      </c>
      <c r="R36" s="104">
        <v>1360370</v>
      </c>
      <c r="S36" s="104">
        <v>1425550</v>
      </c>
      <c r="T36" s="104">
        <v>1725452</v>
      </c>
      <c r="U36" s="104">
        <v>2251866</v>
      </c>
      <c r="V36" s="104">
        <v>1701270</v>
      </c>
      <c r="W36" s="103">
        <v>8464508</v>
      </c>
      <c r="X36" s="106">
        <v>8763810</v>
      </c>
      <c r="Y36" s="100">
        <v>0</v>
      </c>
      <c r="Z36" s="104">
        <v>0</v>
      </c>
      <c r="AA36" s="103">
        <v>0</v>
      </c>
      <c r="AB36" s="100">
        <v>0</v>
      </c>
      <c r="AC36" s="104">
        <v>572657</v>
      </c>
      <c r="AD36" s="104">
        <v>461653</v>
      </c>
      <c r="AE36" s="104">
        <v>682769</v>
      </c>
      <c r="AF36" s="104">
        <v>810180</v>
      </c>
      <c r="AG36" s="104">
        <v>925555</v>
      </c>
      <c r="AH36" s="103">
        <v>3452814</v>
      </c>
      <c r="AI36" s="106">
        <v>3452814</v>
      </c>
      <c r="AJ36" s="100">
        <v>0</v>
      </c>
      <c r="AK36" s="104">
        <v>0</v>
      </c>
      <c r="AL36" s="103">
        <v>0</v>
      </c>
      <c r="AM36" s="100">
        <v>0</v>
      </c>
      <c r="AN36" s="104">
        <v>78829</v>
      </c>
      <c r="AO36" s="104">
        <v>45488</v>
      </c>
      <c r="AP36" s="104">
        <v>293648</v>
      </c>
      <c r="AQ36" s="104">
        <v>467929</v>
      </c>
      <c r="AR36" s="104">
        <v>236186</v>
      </c>
      <c r="AS36" s="103">
        <v>1122080</v>
      </c>
      <c r="AT36" s="106">
        <v>1122080</v>
      </c>
      <c r="AU36" s="100">
        <v>66166</v>
      </c>
      <c r="AV36" s="104">
        <v>111600</v>
      </c>
      <c r="AW36" s="103">
        <v>177766</v>
      </c>
      <c r="AX36" s="100">
        <v>0</v>
      </c>
      <c r="AY36" s="104">
        <v>543788</v>
      </c>
      <c r="AZ36" s="104">
        <v>668890</v>
      </c>
      <c r="BA36" s="104">
        <v>473090</v>
      </c>
      <c r="BB36" s="104">
        <v>720993</v>
      </c>
      <c r="BC36" s="104">
        <v>430148</v>
      </c>
      <c r="BD36" s="103">
        <v>2836909</v>
      </c>
      <c r="BE36" s="106">
        <v>3014675</v>
      </c>
      <c r="BF36" s="100">
        <v>33804</v>
      </c>
      <c r="BG36" s="104">
        <v>58212</v>
      </c>
      <c r="BH36" s="102">
        <v>92016</v>
      </c>
      <c r="BI36" s="101">
        <v>0</v>
      </c>
      <c r="BJ36" s="104">
        <v>68832</v>
      </c>
      <c r="BK36" s="104">
        <v>34416</v>
      </c>
      <c r="BL36" s="104">
        <v>52529</v>
      </c>
      <c r="BM36" s="104">
        <v>108648</v>
      </c>
      <c r="BN36" s="104">
        <v>0</v>
      </c>
      <c r="BO36" s="103">
        <v>264425</v>
      </c>
      <c r="BP36" s="106">
        <v>356441</v>
      </c>
      <c r="BQ36" s="100">
        <v>29520</v>
      </c>
      <c r="BR36" s="104">
        <v>0</v>
      </c>
      <c r="BS36" s="103">
        <v>29520</v>
      </c>
      <c r="BT36" s="100">
        <v>0</v>
      </c>
      <c r="BU36" s="104">
        <v>96264</v>
      </c>
      <c r="BV36" s="104">
        <v>215103</v>
      </c>
      <c r="BW36" s="104">
        <v>223416</v>
      </c>
      <c r="BX36" s="104">
        <v>144116</v>
      </c>
      <c r="BY36" s="104">
        <v>109381</v>
      </c>
      <c r="BZ36" s="103">
        <v>788280</v>
      </c>
      <c r="CA36" s="106">
        <v>817800</v>
      </c>
      <c r="CB36" s="100">
        <v>0</v>
      </c>
      <c r="CC36" s="104">
        <v>38376</v>
      </c>
      <c r="CD36" s="103">
        <v>38376</v>
      </c>
      <c r="CE36" s="100">
        <v>0</v>
      </c>
      <c r="CF36" s="104">
        <v>2471685</v>
      </c>
      <c r="CG36" s="104">
        <v>2960186</v>
      </c>
      <c r="CH36" s="104">
        <v>2221773</v>
      </c>
      <c r="CI36" s="104">
        <v>933871</v>
      </c>
      <c r="CJ36" s="104">
        <v>961861</v>
      </c>
      <c r="CK36" s="103">
        <v>9549376</v>
      </c>
      <c r="CL36" s="106">
        <v>9587752</v>
      </c>
      <c r="CM36" s="100">
        <v>0</v>
      </c>
      <c r="CN36" s="104">
        <v>0</v>
      </c>
      <c r="CO36" s="103">
        <v>0</v>
      </c>
      <c r="CP36" s="101">
        <v>0</v>
      </c>
      <c r="CQ36" s="104">
        <v>2240035</v>
      </c>
      <c r="CR36" s="104">
        <v>2586542</v>
      </c>
      <c r="CS36" s="104">
        <v>1376247</v>
      </c>
      <c r="CT36" s="104">
        <v>729221</v>
      </c>
      <c r="CU36" s="104">
        <v>867871</v>
      </c>
      <c r="CV36" s="103">
        <v>7799916</v>
      </c>
      <c r="CW36" s="106">
        <v>7799916</v>
      </c>
      <c r="CX36" s="100">
        <v>0</v>
      </c>
      <c r="CY36" s="104">
        <v>38376</v>
      </c>
      <c r="CZ36" s="103">
        <v>38376</v>
      </c>
      <c r="DA36" s="100">
        <v>0</v>
      </c>
      <c r="DB36" s="104">
        <v>231650</v>
      </c>
      <c r="DC36" s="104">
        <v>373644</v>
      </c>
      <c r="DD36" s="104">
        <v>845526</v>
      </c>
      <c r="DE36" s="104">
        <v>204650</v>
      </c>
      <c r="DF36" s="104">
        <v>93990</v>
      </c>
      <c r="DG36" s="103">
        <v>1749460</v>
      </c>
      <c r="DH36" s="106">
        <v>1787836</v>
      </c>
      <c r="DI36" s="100">
        <v>0</v>
      </c>
      <c r="DJ36" s="104">
        <v>42784</v>
      </c>
      <c r="DK36" s="102">
        <v>42784</v>
      </c>
      <c r="DL36" s="101">
        <v>0</v>
      </c>
      <c r="DM36" s="104">
        <v>279204</v>
      </c>
      <c r="DN36" s="104">
        <v>355416</v>
      </c>
      <c r="DO36" s="104">
        <v>834961</v>
      </c>
      <c r="DP36" s="104">
        <v>699071</v>
      </c>
      <c r="DQ36" s="104">
        <v>604759</v>
      </c>
      <c r="DR36" s="103">
        <v>2773411</v>
      </c>
      <c r="DS36" s="106">
        <v>2816195</v>
      </c>
      <c r="DT36" s="100">
        <v>0</v>
      </c>
      <c r="DU36" s="104">
        <v>42784</v>
      </c>
      <c r="DV36" s="103">
        <v>42784</v>
      </c>
      <c r="DW36" s="100">
        <v>0</v>
      </c>
      <c r="DX36" s="104">
        <v>155294</v>
      </c>
      <c r="DY36" s="104">
        <v>307569</v>
      </c>
      <c r="DZ36" s="104">
        <v>802240</v>
      </c>
      <c r="EA36" s="104">
        <v>699071</v>
      </c>
      <c r="EB36" s="104">
        <v>540139</v>
      </c>
      <c r="EC36" s="103">
        <v>2504313</v>
      </c>
      <c r="ED36" s="106">
        <v>2547097</v>
      </c>
      <c r="EE36" s="100">
        <v>0</v>
      </c>
      <c r="EF36" s="102">
        <v>0</v>
      </c>
      <c r="EG36" s="103">
        <v>0</v>
      </c>
      <c r="EH36" s="100">
        <v>0</v>
      </c>
      <c r="EI36" s="104">
        <v>123910</v>
      </c>
      <c r="EJ36" s="104">
        <v>47847</v>
      </c>
      <c r="EK36" s="104">
        <v>32721</v>
      </c>
      <c r="EL36" s="104">
        <v>0</v>
      </c>
      <c r="EM36" s="104">
        <v>64620</v>
      </c>
      <c r="EN36" s="102">
        <v>269098</v>
      </c>
      <c r="EO36" s="106">
        <v>269098</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06">
        <v>0</v>
      </c>
      <c r="FE36" s="104">
        <v>0</v>
      </c>
      <c r="FF36" s="104">
        <v>0</v>
      </c>
      <c r="FG36" s="104">
        <v>0</v>
      </c>
      <c r="FH36" s="104">
        <v>0</v>
      </c>
      <c r="FI36" s="104">
        <v>0</v>
      </c>
      <c r="FJ36" s="103">
        <v>0</v>
      </c>
      <c r="FK36" s="106">
        <v>0</v>
      </c>
      <c r="FL36" s="100">
        <v>288110</v>
      </c>
      <c r="FM36" s="104">
        <v>688485</v>
      </c>
      <c r="FN36" s="103">
        <v>976595</v>
      </c>
      <c r="FO36" s="100">
        <v>0</v>
      </c>
      <c r="FP36" s="104">
        <v>704620</v>
      </c>
      <c r="FQ36" s="104">
        <v>866831</v>
      </c>
      <c r="FR36" s="104">
        <v>737230</v>
      </c>
      <c r="FS36" s="104">
        <v>825705</v>
      </c>
      <c r="FT36" s="104">
        <v>500357</v>
      </c>
      <c r="FU36" s="103">
        <v>3634743</v>
      </c>
      <c r="FV36" s="106">
        <v>4611338</v>
      </c>
      <c r="FW36" s="105">
        <v>114410</v>
      </c>
      <c r="FX36" s="104">
        <v>408585</v>
      </c>
      <c r="FY36" s="102">
        <v>522995</v>
      </c>
      <c r="FZ36" s="101">
        <v>0</v>
      </c>
      <c r="GA36" s="104">
        <v>443120</v>
      </c>
      <c r="GB36" s="104">
        <v>843611</v>
      </c>
      <c r="GC36" s="104">
        <v>647230</v>
      </c>
      <c r="GD36" s="104">
        <v>735705</v>
      </c>
      <c r="GE36" s="104">
        <v>500357</v>
      </c>
      <c r="GF36" s="103">
        <v>3170023</v>
      </c>
      <c r="GG36" s="290">
        <v>3693018</v>
      </c>
      <c r="GH36" s="105">
        <v>0</v>
      </c>
      <c r="GI36" s="104">
        <v>96750</v>
      </c>
      <c r="GJ36" s="102">
        <v>96750</v>
      </c>
      <c r="GK36" s="101">
        <v>0</v>
      </c>
      <c r="GL36" s="104">
        <v>121500</v>
      </c>
      <c r="GM36" s="104">
        <v>23220</v>
      </c>
      <c r="GN36" s="104">
        <v>90000</v>
      </c>
      <c r="GO36" s="104">
        <v>90000</v>
      </c>
      <c r="GP36" s="104">
        <v>0</v>
      </c>
      <c r="GQ36" s="103">
        <v>324720</v>
      </c>
      <c r="GR36" s="106">
        <v>421470</v>
      </c>
      <c r="GS36" s="100">
        <v>173700</v>
      </c>
      <c r="GT36" s="104">
        <v>183150</v>
      </c>
      <c r="GU36" s="103">
        <v>356850</v>
      </c>
      <c r="GV36" s="100">
        <v>0</v>
      </c>
      <c r="GW36" s="104">
        <v>140000</v>
      </c>
      <c r="GX36" s="104">
        <v>0</v>
      </c>
      <c r="GY36" s="104">
        <v>0</v>
      </c>
      <c r="GZ36" s="104">
        <v>0</v>
      </c>
      <c r="HA36" s="104">
        <v>0</v>
      </c>
      <c r="HB36" s="102">
        <v>140000</v>
      </c>
      <c r="HC36" s="106">
        <v>496850</v>
      </c>
      <c r="HD36" s="100">
        <v>96412</v>
      </c>
      <c r="HE36" s="104">
        <v>0</v>
      </c>
      <c r="HF36" s="102">
        <v>96412</v>
      </c>
      <c r="HG36" s="101">
        <v>0</v>
      </c>
      <c r="HH36" s="104">
        <v>602560</v>
      </c>
      <c r="HI36" s="104">
        <v>1789170</v>
      </c>
      <c r="HJ36" s="104">
        <v>1083103</v>
      </c>
      <c r="HK36" s="104">
        <v>962543</v>
      </c>
      <c r="HL36" s="104">
        <v>52799</v>
      </c>
      <c r="HM36" s="103">
        <v>4490175</v>
      </c>
      <c r="HN36" s="99">
        <v>4586587</v>
      </c>
      <c r="HO36" s="105">
        <v>105896</v>
      </c>
      <c r="HP36" s="104">
        <v>277449</v>
      </c>
      <c r="HQ36" s="103">
        <v>383345</v>
      </c>
      <c r="HR36" s="100">
        <v>0</v>
      </c>
      <c r="HS36" s="104">
        <v>1349707</v>
      </c>
      <c r="HT36" s="104">
        <v>1179647</v>
      </c>
      <c r="HU36" s="104">
        <v>731974</v>
      </c>
      <c r="HV36" s="104">
        <v>443230</v>
      </c>
      <c r="HW36" s="104">
        <v>249735</v>
      </c>
      <c r="HX36" s="102">
        <v>3954293</v>
      </c>
      <c r="HY36" s="106">
        <v>4337638</v>
      </c>
      <c r="HZ36" s="135">
        <v>0</v>
      </c>
      <c r="IA36" s="122">
        <v>89552</v>
      </c>
      <c r="IB36" s="135">
        <v>89552</v>
      </c>
      <c r="IC36" s="121">
        <v>0</v>
      </c>
      <c r="ID36" s="122">
        <v>4024329</v>
      </c>
      <c r="IE36" s="123">
        <v>4571304</v>
      </c>
      <c r="IF36" s="124">
        <v>4571870</v>
      </c>
      <c r="IG36" s="122">
        <v>4030711</v>
      </c>
      <c r="IH36" s="124">
        <v>2289369</v>
      </c>
      <c r="II36" s="125">
        <v>19487583</v>
      </c>
      <c r="IJ36" s="135">
        <v>19577135</v>
      </c>
      <c r="IK36" s="215">
        <v>0</v>
      </c>
      <c r="IL36" s="219">
        <v>0</v>
      </c>
      <c r="IM36" s="220">
        <v>0</v>
      </c>
      <c r="IN36" s="127">
        <v>0</v>
      </c>
      <c r="IO36" s="109">
        <v>0</v>
      </c>
      <c r="IP36" s="109">
        <v>196937</v>
      </c>
      <c r="IQ36" s="109">
        <v>0</v>
      </c>
      <c r="IR36" s="109">
        <v>0</v>
      </c>
      <c r="IS36" s="109">
        <v>0</v>
      </c>
      <c r="IT36" s="128">
        <v>196937</v>
      </c>
      <c r="IU36" s="292">
        <v>196937</v>
      </c>
      <c r="IV36" s="129">
        <v>0</v>
      </c>
      <c r="IW36" s="109">
        <v>0</v>
      </c>
      <c r="IX36" s="110">
        <v>0</v>
      </c>
      <c r="IY36" s="443">
        <v>0</v>
      </c>
      <c r="IZ36" s="109">
        <v>0</v>
      </c>
      <c r="JA36" s="109">
        <v>0</v>
      </c>
      <c r="JB36" s="109">
        <v>0</v>
      </c>
      <c r="JC36" s="109">
        <v>0</v>
      </c>
      <c r="JD36" s="109">
        <v>0</v>
      </c>
      <c r="JE36" s="110">
        <v>0</v>
      </c>
      <c r="JF36" s="111">
        <v>0</v>
      </c>
      <c r="JG36" s="129">
        <v>0</v>
      </c>
      <c r="JH36" s="109">
        <v>0</v>
      </c>
      <c r="JI36" s="128">
        <v>0</v>
      </c>
      <c r="JJ36" s="108">
        <v>0</v>
      </c>
      <c r="JK36" s="109">
        <v>772020</v>
      </c>
      <c r="JL36" s="109">
        <v>687970</v>
      </c>
      <c r="JM36" s="109">
        <v>933498</v>
      </c>
      <c r="JN36" s="109">
        <v>265572</v>
      </c>
      <c r="JO36" s="109">
        <v>0</v>
      </c>
      <c r="JP36" s="110">
        <v>2659060</v>
      </c>
      <c r="JQ36" s="292">
        <v>2659060</v>
      </c>
      <c r="JR36" s="129">
        <v>0</v>
      </c>
      <c r="JS36" s="109">
        <v>0</v>
      </c>
      <c r="JT36" s="128">
        <v>0</v>
      </c>
      <c r="JU36" s="108">
        <v>0</v>
      </c>
      <c r="JV36" s="109">
        <v>0</v>
      </c>
      <c r="JW36" s="109">
        <v>46773</v>
      </c>
      <c r="JX36" s="109">
        <v>44091</v>
      </c>
      <c r="JY36" s="109">
        <v>163178</v>
      </c>
      <c r="JZ36" s="109">
        <v>261513</v>
      </c>
      <c r="KA36" s="110">
        <v>515555</v>
      </c>
      <c r="KB36" s="292">
        <v>515555</v>
      </c>
      <c r="KC36" s="217">
        <v>0</v>
      </c>
      <c r="KD36" s="213">
        <v>89552</v>
      </c>
      <c r="KE36" s="110">
        <v>89552</v>
      </c>
      <c r="KF36" s="108">
        <v>0</v>
      </c>
      <c r="KG36" s="109">
        <v>968234</v>
      </c>
      <c r="KH36" s="109">
        <v>961051</v>
      </c>
      <c r="KI36" s="109">
        <v>1098697</v>
      </c>
      <c r="KJ36" s="109">
        <v>489125</v>
      </c>
      <c r="KK36" s="109">
        <v>326916</v>
      </c>
      <c r="KL36" s="110">
        <v>3844023</v>
      </c>
      <c r="KM36" s="130">
        <v>3933575</v>
      </c>
      <c r="KN36" s="215">
        <v>0</v>
      </c>
      <c r="KO36" s="219">
        <v>0</v>
      </c>
      <c r="KP36" s="220">
        <v>0</v>
      </c>
      <c r="KQ36" s="443">
        <v>0</v>
      </c>
      <c r="KR36" s="109">
        <v>2284075</v>
      </c>
      <c r="KS36" s="109">
        <v>2495765</v>
      </c>
      <c r="KT36" s="109">
        <v>2495584</v>
      </c>
      <c r="KU36" s="109">
        <v>3112836</v>
      </c>
      <c r="KV36" s="109">
        <v>1700940</v>
      </c>
      <c r="KW36" s="110">
        <v>12089200</v>
      </c>
      <c r="KX36" s="292">
        <v>12089200</v>
      </c>
      <c r="KY36" s="129">
        <v>0</v>
      </c>
      <c r="KZ36" s="109">
        <v>0</v>
      </c>
      <c r="LA36" s="110">
        <v>0</v>
      </c>
      <c r="LB36" s="443">
        <v>0</v>
      </c>
      <c r="LC36" s="109">
        <v>0</v>
      </c>
      <c r="LD36" s="109">
        <v>0</v>
      </c>
      <c r="LE36" s="109">
        <v>0</v>
      </c>
      <c r="LF36" s="109">
        <v>0</v>
      </c>
      <c r="LG36" s="109">
        <v>0</v>
      </c>
      <c r="LH36" s="110">
        <v>0</v>
      </c>
      <c r="LI36" s="111">
        <v>0</v>
      </c>
      <c r="LJ36" s="129">
        <v>0</v>
      </c>
      <c r="LK36" s="109">
        <v>0</v>
      </c>
      <c r="LL36" s="110">
        <v>0</v>
      </c>
      <c r="LM36" s="443">
        <v>0</v>
      </c>
      <c r="LN36" s="109">
        <v>0</v>
      </c>
      <c r="LO36" s="109">
        <v>182808</v>
      </c>
      <c r="LP36" s="109">
        <v>0</v>
      </c>
      <c r="LQ36" s="109">
        <v>0</v>
      </c>
      <c r="LR36" s="109">
        <v>0</v>
      </c>
      <c r="LS36" s="110">
        <v>182808</v>
      </c>
      <c r="LT36" s="292">
        <v>182808</v>
      </c>
      <c r="LU36" s="129">
        <v>0</v>
      </c>
      <c r="LV36" s="109">
        <v>0</v>
      </c>
      <c r="LW36" s="110">
        <v>0</v>
      </c>
      <c r="LX36" s="443">
        <v>0</v>
      </c>
      <c r="LY36" s="109">
        <v>0</v>
      </c>
      <c r="LZ36" s="109">
        <v>0</v>
      </c>
      <c r="MA36" s="109">
        <v>0</v>
      </c>
      <c r="MB36" s="109">
        <v>0</v>
      </c>
      <c r="MC36" s="109">
        <v>0</v>
      </c>
      <c r="MD36" s="110">
        <v>0</v>
      </c>
      <c r="ME36" s="111">
        <v>0</v>
      </c>
      <c r="MF36" s="129">
        <v>0</v>
      </c>
      <c r="MG36" s="109">
        <v>0</v>
      </c>
      <c r="MH36" s="110">
        <v>0</v>
      </c>
      <c r="MI36" s="443">
        <v>0</v>
      </c>
      <c r="MJ36" s="109">
        <v>1460603</v>
      </c>
      <c r="MK36" s="109">
        <v>2602759</v>
      </c>
      <c r="ML36" s="109">
        <v>9327299</v>
      </c>
      <c r="MM36" s="109">
        <v>12725199</v>
      </c>
      <c r="MN36" s="109">
        <v>8052099</v>
      </c>
      <c r="MO36" s="110">
        <v>34167959</v>
      </c>
      <c r="MP36" s="130">
        <v>34167959</v>
      </c>
      <c r="MQ36" s="129">
        <v>0</v>
      </c>
      <c r="MR36" s="109">
        <v>0</v>
      </c>
      <c r="MS36" s="110">
        <v>0</v>
      </c>
      <c r="MT36" s="443">
        <v>0</v>
      </c>
      <c r="MU36" s="109">
        <v>440977</v>
      </c>
      <c r="MV36" s="109">
        <v>426429</v>
      </c>
      <c r="MW36" s="109">
        <v>6252741</v>
      </c>
      <c r="MX36" s="109">
        <v>8974720</v>
      </c>
      <c r="MY36" s="109">
        <v>6294981</v>
      </c>
      <c r="MZ36" s="110">
        <v>22389848</v>
      </c>
      <c r="NA36" s="130">
        <v>22389848</v>
      </c>
      <c r="NB36" s="129">
        <v>0</v>
      </c>
      <c r="NC36" s="109">
        <v>0</v>
      </c>
      <c r="ND36" s="110">
        <v>0</v>
      </c>
      <c r="NE36" s="443">
        <v>0</v>
      </c>
      <c r="NF36" s="109">
        <v>740704</v>
      </c>
      <c r="NG36" s="109">
        <v>2176330</v>
      </c>
      <c r="NH36" s="109">
        <v>3074558</v>
      </c>
      <c r="NI36" s="109">
        <v>2972098</v>
      </c>
      <c r="NJ36" s="109">
        <v>1005175</v>
      </c>
      <c r="NK36" s="110">
        <v>9968865</v>
      </c>
      <c r="NL36" s="292">
        <v>9968865</v>
      </c>
      <c r="NM36" s="129">
        <v>0</v>
      </c>
      <c r="NN36" s="109">
        <v>0</v>
      </c>
      <c r="NO36" s="110">
        <v>0</v>
      </c>
      <c r="NP36" s="443">
        <v>0</v>
      </c>
      <c r="NQ36" s="109">
        <v>0</v>
      </c>
      <c r="NR36" s="109">
        <v>0</v>
      </c>
      <c r="NS36" s="109">
        <v>0</v>
      </c>
      <c r="NT36" s="109">
        <v>0</v>
      </c>
      <c r="NU36" s="109">
        <v>0</v>
      </c>
      <c r="NV36" s="110">
        <v>0</v>
      </c>
      <c r="NW36" s="111">
        <v>0</v>
      </c>
      <c r="NX36" s="129">
        <v>0</v>
      </c>
      <c r="NY36" s="109">
        <v>0</v>
      </c>
      <c r="NZ36" s="110">
        <v>0</v>
      </c>
      <c r="OA36" s="443">
        <v>0</v>
      </c>
      <c r="OB36" s="109">
        <v>278922</v>
      </c>
      <c r="OC36" s="109">
        <v>0</v>
      </c>
      <c r="OD36" s="109">
        <v>0</v>
      </c>
      <c r="OE36" s="109">
        <v>778381</v>
      </c>
      <c r="OF36" s="109">
        <v>751943</v>
      </c>
      <c r="OG36" s="110">
        <v>1809246</v>
      </c>
      <c r="OH36" s="111">
        <v>1809246</v>
      </c>
      <c r="OI36" s="129">
        <v>619908</v>
      </c>
      <c r="OJ36" s="109">
        <v>1306458</v>
      </c>
      <c r="OK36" s="128">
        <v>1926366</v>
      </c>
      <c r="OL36" s="108">
        <v>0</v>
      </c>
      <c r="OM36" s="109">
        <v>12253078</v>
      </c>
      <c r="ON36" s="109">
        <v>15750863</v>
      </c>
      <c r="OO36" s="109">
        <v>21233662</v>
      </c>
      <c r="OP36" s="109">
        <v>22872196</v>
      </c>
      <c r="OQ36" s="109">
        <v>14412249</v>
      </c>
      <c r="OR36" s="110">
        <v>86522048</v>
      </c>
      <c r="OS36" s="130">
        <v>88448414</v>
      </c>
    </row>
    <row r="37" spans="2:409" ht="21" customHeight="1" x14ac:dyDescent="0.2">
      <c r="B37" s="437" t="s">
        <v>32</v>
      </c>
      <c r="C37" s="100">
        <v>715415</v>
      </c>
      <c r="D37" s="104">
        <v>1283796</v>
      </c>
      <c r="E37" s="157">
        <v>1999211</v>
      </c>
      <c r="F37" s="158">
        <v>0</v>
      </c>
      <c r="G37" s="159">
        <v>9933353</v>
      </c>
      <c r="H37" s="159">
        <v>10881440</v>
      </c>
      <c r="I37" s="159">
        <v>9085312</v>
      </c>
      <c r="J37" s="159">
        <v>8825718</v>
      </c>
      <c r="K37" s="159">
        <v>5329688</v>
      </c>
      <c r="L37" s="160">
        <v>44055511</v>
      </c>
      <c r="M37" s="106">
        <v>46054722</v>
      </c>
      <c r="N37" s="100">
        <v>134901</v>
      </c>
      <c r="O37" s="104">
        <v>227602</v>
      </c>
      <c r="P37" s="103">
        <v>362503</v>
      </c>
      <c r="Q37" s="100">
        <v>0</v>
      </c>
      <c r="R37" s="104">
        <v>2791255</v>
      </c>
      <c r="S37" s="104">
        <v>2483010</v>
      </c>
      <c r="T37" s="104">
        <v>2543684</v>
      </c>
      <c r="U37" s="104">
        <v>1631053</v>
      </c>
      <c r="V37" s="104">
        <v>2171814</v>
      </c>
      <c r="W37" s="103">
        <v>11620816</v>
      </c>
      <c r="X37" s="106">
        <v>11983319</v>
      </c>
      <c r="Y37" s="100">
        <v>0</v>
      </c>
      <c r="Z37" s="104">
        <v>0</v>
      </c>
      <c r="AA37" s="103">
        <v>0</v>
      </c>
      <c r="AB37" s="100">
        <v>0</v>
      </c>
      <c r="AC37" s="104">
        <v>1118059</v>
      </c>
      <c r="AD37" s="104">
        <v>1165836</v>
      </c>
      <c r="AE37" s="104">
        <v>1603203</v>
      </c>
      <c r="AF37" s="104">
        <v>410967</v>
      </c>
      <c r="AG37" s="104">
        <v>1161053</v>
      </c>
      <c r="AH37" s="103">
        <v>5459118</v>
      </c>
      <c r="AI37" s="106">
        <v>5459118</v>
      </c>
      <c r="AJ37" s="100">
        <v>0</v>
      </c>
      <c r="AK37" s="104">
        <v>0</v>
      </c>
      <c r="AL37" s="103">
        <v>0</v>
      </c>
      <c r="AM37" s="100">
        <v>0</v>
      </c>
      <c r="AN37" s="104">
        <v>13120</v>
      </c>
      <c r="AO37" s="104">
        <v>26541</v>
      </c>
      <c r="AP37" s="104">
        <v>38914</v>
      </c>
      <c r="AQ37" s="104">
        <v>303673</v>
      </c>
      <c r="AR37" s="104">
        <v>388724</v>
      </c>
      <c r="AS37" s="103">
        <v>770972</v>
      </c>
      <c r="AT37" s="106">
        <v>770972</v>
      </c>
      <c r="AU37" s="100">
        <v>56718</v>
      </c>
      <c r="AV37" s="104">
        <v>165547</v>
      </c>
      <c r="AW37" s="103">
        <v>222265</v>
      </c>
      <c r="AX37" s="100">
        <v>0</v>
      </c>
      <c r="AY37" s="104">
        <v>1299358</v>
      </c>
      <c r="AZ37" s="104">
        <v>1068105</v>
      </c>
      <c r="BA37" s="104">
        <v>606149</v>
      </c>
      <c r="BB37" s="104">
        <v>501420</v>
      </c>
      <c r="BC37" s="104">
        <v>359728</v>
      </c>
      <c r="BD37" s="103">
        <v>3834760</v>
      </c>
      <c r="BE37" s="106">
        <v>4057025</v>
      </c>
      <c r="BF37" s="100">
        <v>0</v>
      </c>
      <c r="BG37" s="104">
        <v>33804</v>
      </c>
      <c r="BH37" s="102">
        <v>33804</v>
      </c>
      <c r="BI37" s="101">
        <v>0</v>
      </c>
      <c r="BJ37" s="104">
        <v>129060</v>
      </c>
      <c r="BK37" s="104">
        <v>42064</v>
      </c>
      <c r="BL37" s="104">
        <v>0</v>
      </c>
      <c r="BM37" s="104">
        <v>47800</v>
      </c>
      <c r="BN37" s="104">
        <v>72720</v>
      </c>
      <c r="BO37" s="103">
        <v>291644</v>
      </c>
      <c r="BP37" s="106">
        <v>325448</v>
      </c>
      <c r="BQ37" s="100">
        <v>78183</v>
      </c>
      <c r="BR37" s="104">
        <v>28251</v>
      </c>
      <c r="BS37" s="103">
        <v>106434</v>
      </c>
      <c r="BT37" s="100">
        <v>0</v>
      </c>
      <c r="BU37" s="104">
        <v>231658</v>
      </c>
      <c r="BV37" s="104">
        <v>180464</v>
      </c>
      <c r="BW37" s="104">
        <v>295418</v>
      </c>
      <c r="BX37" s="104">
        <v>367193</v>
      </c>
      <c r="BY37" s="104">
        <v>189589</v>
      </c>
      <c r="BZ37" s="103">
        <v>1264322</v>
      </c>
      <c r="CA37" s="106">
        <v>1370756</v>
      </c>
      <c r="CB37" s="100">
        <v>44893</v>
      </c>
      <c r="CC37" s="104">
        <v>191520</v>
      </c>
      <c r="CD37" s="103">
        <v>236413</v>
      </c>
      <c r="CE37" s="100">
        <v>0</v>
      </c>
      <c r="CF37" s="104">
        <v>3375120</v>
      </c>
      <c r="CG37" s="104">
        <v>3904057</v>
      </c>
      <c r="CH37" s="104">
        <v>1863986</v>
      </c>
      <c r="CI37" s="104">
        <v>2454281</v>
      </c>
      <c r="CJ37" s="104">
        <v>806844</v>
      </c>
      <c r="CK37" s="103">
        <v>12404288</v>
      </c>
      <c r="CL37" s="106">
        <v>12640701</v>
      </c>
      <c r="CM37" s="100">
        <v>0</v>
      </c>
      <c r="CN37" s="104">
        <v>0</v>
      </c>
      <c r="CO37" s="103">
        <v>0</v>
      </c>
      <c r="CP37" s="101">
        <v>0</v>
      </c>
      <c r="CQ37" s="104">
        <v>2833156</v>
      </c>
      <c r="CR37" s="104">
        <v>3078196</v>
      </c>
      <c r="CS37" s="104">
        <v>1697896</v>
      </c>
      <c r="CT37" s="104">
        <v>1919770</v>
      </c>
      <c r="CU37" s="104">
        <v>576284</v>
      </c>
      <c r="CV37" s="103">
        <v>10105302</v>
      </c>
      <c r="CW37" s="106">
        <v>10105302</v>
      </c>
      <c r="CX37" s="100">
        <v>44893</v>
      </c>
      <c r="CY37" s="104">
        <v>191520</v>
      </c>
      <c r="CZ37" s="103">
        <v>236413</v>
      </c>
      <c r="DA37" s="100">
        <v>0</v>
      </c>
      <c r="DB37" s="104">
        <v>541964</v>
      </c>
      <c r="DC37" s="104">
        <v>825861</v>
      </c>
      <c r="DD37" s="104">
        <v>166090</v>
      </c>
      <c r="DE37" s="104">
        <v>534511</v>
      </c>
      <c r="DF37" s="104">
        <v>230560</v>
      </c>
      <c r="DG37" s="103">
        <v>2298986</v>
      </c>
      <c r="DH37" s="106">
        <v>2535399</v>
      </c>
      <c r="DI37" s="100">
        <v>0</v>
      </c>
      <c r="DJ37" s="104">
        <v>8060</v>
      </c>
      <c r="DK37" s="102">
        <v>8060</v>
      </c>
      <c r="DL37" s="101">
        <v>0</v>
      </c>
      <c r="DM37" s="104">
        <v>124961</v>
      </c>
      <c r="DN37" s="104">
        <v>720602</v>
      </c>
      <c r="DO37" s="104">
        <v>1463391</v>
      </c>
      <c r="DP37" s="104">
        <v>809200</v>
      </c>
      <c r="DQ37" s="104">
        <v>542949</v>
      </c>
      <c r="DR37" s="103">
        <v>3661103</v>
      </c>
      <c r="DS37" s="106">
        <v>3669163</v>
      </c>
      <c r="DT37" s="100">
        <v>0</v>
      </c>
      <c r="DU37" s="104">
        <v>8060</v>
      </c>
      <c r="DV37" s="103">
        <v>8060</v>
      </c>
      <c r="DW37" s="100">
        <v>0</v>
      </c>
      <c r="DX37" s="104">
        <v>105809</v>
      </c>
      <c r="DY37" s="104">
        <v>383564</v>
      </c>
      <c r="DZ37" s="104">
        <v>1463391</v>
      </c>
      <c r="EA37" s="104">
        <v>653303</v>
      </c>
      <c r="EB37" s="104">
        <v>513962</v>
      </c>
      <c r="EC37" s="103">
        <v>3120029</v>
      </c>
      <c r="ED37" s="106">
        <v>3128089</v>
      </c>
      <c r="EE37" s="100">
        <v>0</v>
      </c>
      <c r="EF37" s="102">
        <v>0</v>
      </c>
      <c r="EG37" s="103">
        <v>0</v>
      </c>
      <c r="EH37" s="100">
        <v>0</v>
      </c>
      <c r="EI37" s="104">
        <v>19152</v>
      </c>
      <c r="EJ37" s="104">
        <v>337038</v>
      </c>
      <c r="EK37" s="104">
        <v>0</v>
      </c>
      <c r="EL37" s="104">
        <v>155897</v>
      </c>
      <c r="EM37" s="104">
        <v>28987</v>
      </c>
      <c r="EN37" s="102">
        <v>541074</v>
      </c>
      <c r="EO37" s="106">
        <v>541074</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06">
        <v>0</v>
      </c>
      <c r="FE37" s="104">
        <v>0</v>
      </c>
      <c r="FF37" s="104">
        <v>0</v>
      </c>
      <c r="FG37" s="104">
        <v>0</v>
      </c>
      <c r="FH37" s="104">
        <v>0</v>
      </c>
      <c r="FI37" s="104">
        <v>0</v>
      </c>
      <c r="FJ37" s="103">
        <v>0</v>
      </c>
      <c r="FK37" s="106">
        <v>0</v>
      </c>
      <c r="FL37" s="100">
        <v>190695</v>
      </c>
      <c r="FM37" s="104">
        <v>421266</v>
      </c>
      <c r="FN37" s="103">
        <v>611961</v>
      </c>
      <c r="FO37" s="100">
        <v>0</v>
      </c>
      <c r="FP37" s="104">
        <v>758405</v>
      </c>
      <c r="FQ37" s="104">
        <v>1116425</v>
      </c>
      <c r="FR37" s="104">
        <v>799483</v>
      </c>
      <c r="FS37" s="104">
        <v>871551</v>
      </c>
      <c r="FT37" s="104">
        <v>333628</v>
      </c>
      <c r="FU37" s="103">
        <v>3879492</v>
      </c>
      <c r="FV37" s="106">
        <v>4491453</v>
      </c>
      <c r="FW37" s="105">
        <v>159510</v>
      </c>
      <c r="FX37" s="104">
        <v>348650</v>
      </c>
      <c r="FY37" s="102">
        <v>508160</v>
      </c>
      <c r="FZ37" s="101">
        <v>0</v>
      </c>
      <c r="GA37" s="104">
        <v>636465</v>
      </c>
      <c r="GB37" s="104">
        <v>1055045</v>
      </c>
      <c r="GC37" s="104">
        <v>763483</v>
      </c>
      <c r="GD37" s="104">
        <v>847791</v>
      </c>
      <c r="GE37" s="104">
        <v>333628</v>
      </c>
      <c r="GF37" s="103">
        <v>3636412</v>
      </c>
      <c r="GG37" s="290">
        <v>4144572</v>
      </c>
      <c r="GH37" s="105">
        <v>31185</v>
      </c>
      <c r="GI37" s="104">
        <v>28066</v>
      </c>
      <c r="GJ37" s="102">
        <v>59251</v>
      </c>
      <c r="GK37" s="101">
        <v>0</v>
      </c>
      <c r="GL37" s="104">
        <v>7280</v>
      </c>
      <c r="GM37" s="104">
        <v>61380</v>
      </c>
      <c r="GN37" s="104">
        <v>0</v>
      </c>
      <c r="GO37" s="104">
        <v>23760</v>
      </c>
      <c r="GP37" s="104">
        <v>0</v>
      </c>
      <c r="GQ37" s="103">
        <v>92420</v>
      </c>
      <c r="GR37" s="106">
        <v>151671</v>
      </c>
      <c r="GS37" s="100">
        <v>0</v>
      </c>
      <c r="GT37" s="104">
        <v>44550</v>
      </c>
      <c r="GU37" s="103">
        <v>44550</v>
      </c>
      <c r="GV37" s="100">
        <v>0</v>
      </c>
      <c r="GW37" s="104">
        <v>114660</v>
      </c>
      <c r="GX37" s="104">
        <v>0</v>
      </c>
      <c r="GY37" s="104">
        <v>36000</v>
      </c>
      <c r="GZ37" s="104">
        <v>0</v>
      </c>
      <c r="HA37" s="104">
        <v>0</v>
      </c>
      <c r="HB37" s="102">
        <v>150660</v>
      </c>
      <c r="HC37" s="106">
        <v>195210</v>
      </c>
      <c r="HD37" s="100">
        <v>220666</v>
      </c>
      <c r="HE37" s="104">
        <v>197208</v>
      </c>
      <c r="HF37" s="102">
        <v>417874</v>
      </c>
      <c r="HG37" s="101">
        <v>0</v>
      </c>
      <c r="HH37" s="104">
        <v>1093362</v>
      </c>
      <c r="HI37" s="104">
        <v>1126773</v>
      </c>
      <c r="HJ37" s="104">
        <v>1567567</v>
      </c>
      <c r="HK37" s="104">
        <v>2441831</v>
      </c>
      <c r="HL37" s="104">
        <v>1215154</v>
      </c>
      <c r="HM37" s="103">
        <v>7444687</v>
      </c>
      <c r="HN37" s="99">
        <v>7862561</v>
      </c>
      <c r="HO37" s="105">
        <v>124260</v>
      </c>
      <c r="HP37" s="104">
        <v>238140</v>
      </c>
      <c r="HQ37" s="103">
        <v>362400</v>
      </c>
      <c r="HR37" s="100">
        <v>0</v>
      </c>
      <c r="HS37" s="104">
        <v>1790250</v>
      </c>
      <c r="HT37" s="104">
        <v>1530573</v>
      </c>
      <c r="HU37" s="104">
        <v>847201</v>
      </c>
      <c r="HV37" s="104">
        <v>617802</v>
      </c>
      <c r="HW37" s="104">
        <v>259299</v>
      </c>
      <c r="HX37" s="102">
        <v>5045125</v>
      </c>
      <c r="HY37" s="106">
        <v>5407525</v>
      </c>
      <c r="HZ37" s="118">
        <v>0</v>
      </c>
      <c r="IA37" s="119">
        <v>255771</v>
      </c>
      <c r="IB37" s="120">
        <v>255771</v>
      </c>
      <c r="IC37" s="131">
        <v>0</v>
      </c>
      <c r="ID37" s="119">
        <v>4881787</v>
      </c>
      <c r="IE37" s="132">
        <v>3118008</v>
      </c>
      <c r="IF37" s="120">
        <v>6282874</v>
      </c>
      <c r="IG37" s="119">
        <v>5405994</v>
      </c>
      <c r="IH37" s="120">
        <v>3058273</v>
      </c>
      <c r="II37" s="133">
        <v>22746936</v>
      </c>
      <c r="IJ37" s="126">
        <v>23002707</v>
      </c>
      <c r="IK37" s="215">
        <v>0</v>
      </c>
      <c r="IL37" s="219">
        <v>0</v>
      </c>
      <c r="IM37" s="220">
        <v>0</v>
      </c>
      <c r="IN37" s="127">
        <v>0</v>
      </c>
      <c r="IO37" s="109">
        <v>189759</v>
      </c>
      <c r="IP37" s="109">
        <v>294745</v>
      </c>
      <c r="IQ37" s="109">
        <v>197433</v>
      </c>
      <c r="IR37" s="109">
        <v>0</v>
      </c>
      <c r="IS37" s="109">
        <v>0</v>
      </c>
      <c r="IT37" s="128">
        <v>681937</v>
      </c>
      <c r="IU37" s="292">
        <v>681937</v>
      </c>
      <c r="IV37" s="129">
        <v>0</v>
      </c>
      <c r="IW37" s="109">
        <v>0</v>
      </c>
      <c r="IX37" s="110">
        <v>0</v>
      </c>
      <c r="IY37" s="443">
        <v>0</v>
      </c>
      <c r="IZ37" s="109">
        <v>0</v>
      </c>
      <c r="JA37" s="109">
        <v>0</v>
      </c>
      <c r="JB37" s="109">
        <v>0</v>
      </c>
      <c r="JC37" s="109">
        <v>0</v>
      </c>
      <c r="JD37" s="109">
        <v>0</v>
      </c>
      <c r="JE37" s="110">
        <v>0</v>
      </c>
      <c r="JF37" s="111">
        <v>0</v>
      </c>
      <c r="JG37" s="129">
        <v>0</v>
      </c>
      <c r="JH37" s="109">
        <v>0</v>
      </c>
      <c r="JI37" s="128">
        <v>0</v>
      </c>
      <c r="JJ37" s="108">
        <v>0</v>
      </c>
      <c r="JK37" s="109">
        <v>1733627</v>
      </c>
      <c r="JL37" s="109">
        <v>1501244</v>
      </c>
      <c r="JM37" s="109">
        <v>613661</v>
      </c>
      <c r="JN37" s="109">
        <v>349776</v>
      </c>
      <c r="JO37" s="109">
        <v>197699</v>
      </c>
      <c r="JP37" s="110">
        <v>4396007</v>
      </c>
      <c r="JQ37" s="292">
        <v>4396007</v>
      </c>
      <c r="JR37" s="129">
        <v>0</v>
      </c>
      <c r="JS37" s="109">
        <v>0</v>
      </c>
      <c r="JT37" s="128">
        <v>0</v>
      </c>
      <c r="JU37" s="108">
        <v>0</v>
      </c>
      <c r="JV37" s="109">
        <v>567742</v>
      </c>
      <c r="JW37" s="109">
        <v>108999</v>
      </c>
      <c r="JX37" s="109">
        <v>0</v>
      </c>
      <c r="JY37" s="109">
        <v>0</v>
      </c>
      <c r="JZ37" s="109">
        <v>164453</v>
      </c>
      <c r="KA37" s="110">
        <v>841194</v>
      </c>
      <c r="KB37" s="292">
        <v>841194</v>
      </c>
      <c r="KC37" s="217">
        <v>0</v>
      </c>
      <c r="KD37" s="213">
        <v>255771</v>
      </c>
      <c r="KE37" s="110">
        <v>255771</v>
      </c>
      <c r="KF37" s="108">
        <v>0</v>
      </c>
      <c r="KG37" s="109">
        <v>1444428</v>
      </c>
      <c r="KH37" s="109">
        <v>183231</v>
      </c>
      <c r="KI37" s="109">
        <v>695197</v>
      </c>
      <c r="KJ37" s="109">
        <v>825813</v>
      </c>
      <c r="KK37" s="109">
        <v>202401</v>
      </c>
      <c r="KL37" s="110">
        <v>3351070</v>
      </c>
      <c r="KM37" s="130">
        <v>3606841</v>
      </c>
      <c r="KN37" s="215">
        <v>0</v>
      </c>
      <c r="KO37" s="219">
        <v>0</v>
      </c>
      <c r="KP37" s="220">
        <v>0</v>
      </c>
      <c r="KQ37" s="443">
        <v>0</v>
      </c>
      <c r="KR37" s="109">
        <v>762163</v>
      </c>
      <c r="KS37" s="109">
        <v>816858</v>
      </c>
      <c r="KT37" s="109">
        <v>1797200</v>
      </c>
      <c r="KU37" s="109">
        <v>2259729</v>
      </c>
      <c r="KV37" s="109">
        <v>1149273</v>
      </c>
      <c r="KW37" s="110">
        <v>6785223</v>
      </c>
      <c r="KX37" s="292">
        <v>6785223</v>
      </c>
      <c r="KY37" s="129">
        <v>0</v>
      </c>
      <c r="KZ37" s="109">
        <v>0</v>
      </c>
      <c r="LA37" s="110">
        <v>0</v>
      </c>
      <c r="LB37" s="443">
        <v>0</v>
      </c>
      <c r="LC37" s="109">
        <v>0</v>
      </c>
      <c r="LD37" s="109">
        <v>0</v>
      </c>
      <c r="LE37" s="109">
        <v>0</v>
      </c>
      <c r="LF37" s="109">
        <v>0</v>
      </c>
      <c r="LG37" s="109">
        <v>0</v>
      </c>
      <c r="LH37" s="110">
        <v>0</v>
      </c>
      <c r="LI37" s="111">
        <v>0</v>
      </c>
      <c r="LJ37" s="129">
        <v>0</v>
      </c>
      <c r="LK37" s="109">
        <v>0</v>
      </c>
      <c r="LL37" s="110">
        <v>0</v>
      </c>
      <c r="LM37" s="443">
        <v>0</v>
      </c>
      <c r="LN37" s="109">
        <v>184068</v>
      </c>
      <c r="LO37" s="109">
        <v>212931</v>
      </c>
      <c r="LP37" s="109">
        <v>2979383</v>
      </c>
      <c r="LQ37" s="109">
        <v>1970676</v>
      </c>
      <c r="LR37" s="109">
        <v>1344447</v>
      </c>
      <c r="LS37" s="110">
        <v>6691505</v>
      </c>
      <c r="LT37" s="292">
        <v>6691505</v>
      </c>
      <c r="LU37" s="129">
        <v>0</v>
      </c>
      <c r="LV37" s="109">
        <v>0</v>
      </c>
      <c r="LW37" s="110">
        <v>0</v>
      </c>
      <c r="LX37" s="443">
        <v>0</v>
      </c>
      <c r="LY37" s="109">
        <v>0</v>
      </c>
      <c r="LZ37" s="109">
        <v>0</v>
      </c>
      <c r="MA37" s="109">
        <v>0</v>
      </c>
      <c r="MB37" s="109">
        <v>0</v>
      </c>
      <c r="MC37" s="109">
        <v>0</v>
      </c>
      <c r="MD37" s="110">
        <v>0</v>
      </c>
      <c r="ME37" s="111">
        <v>0</v>
      </c>
      <c r="MF37" s="129">
        <v>0</v>
      </c>
      <c r="MG37" s="109">
        <v>0</v>
      </c>
      <c r="MH37" s="110">
        <v>0</v>
      </c>
      <c r="MI37" s="443">
        <v>0</v>
      </c>
      <c r="MJ37" s="109">
        <v>1414733</v>
      </c>
      <c r="MK37" s="109">
        <v>2086388</v>
      </c>
      <c r="ML37" s="109">
        <v>7072142</v>
      </c>
      <c r="MM37" s="109">
        <v>12238148</v>
      </c>
      <c r="MN37" s="109">
        <v>8940728</v>
      </c>
      <c r="MO37" s="110">
        <v>31752139</v>
      </c>
      <c r="MP37" s="130">
        <v>31752139</v>
      </c>
      <c r="MQ37" s="129">
        <v>0</v>
      </c>
      <c r="MR37" s="109">
        <v>0</v>
      </c>
      <c r="MS37" s="110">
        <v>0</v>
      </c>
      <c r="MT37" s="443">
        <v>0</v>
      </c>
      <c r="MU37" s="109">
        <v>433719</v>
      </c>
      <c r="MV37" s="109">
        <v>0</v>
      </c>
      <c r="MW37" s="109">
        <v>2999316</v>
      </c>
      <c r="MX37" s="109">
        <v>6280806</v>
      </c>
      <c r="MY37" s="109">
        <v>5492203</v>
      </c>
      <c r="MZ37" s="110">
        <v>15206044</v>
      </c>
      <c r="NA37" s="130">
        <v>15206044</v>
      </c>
      <c r="NB37" s="129">
        <v>0</v>
      </c>
      <c r="NC37" s="109">
        <v>0</v>
      </c>
      <c r="ND37" s="110">
        <v>0</v>
      </c>
      <c r="NE37" s="443">
        <v>0</v>
      </c>
      <c r="NF37" s="109">
        <v>981014</v>
      </c>
      <c r="NG37" s="109">
        <v>1494200</v>
      </c>
      <c r="NH37" s="109">
        <v>3392883</v>
      </c>
      <c r="NI37" s="109">
        <v>5957342</v>
      </c>
      <c r="NJ37" s="109">
        <v>3037662</v>
      </c>
      <c r="NK37" s="110">
        <v>14863101</v>
      </c>
      <c r="NL37" s="292">
        <v>14863101</v>
      </c>
      <c r="NM37" s="129">
        <v>0</v>
      </c>
      <c r="NN37" s="109">
        <v>0</v>
      </c>
      <c r="NO37" s="110">
        <v>0</v>
      </c>
      <c r="NP37" s="443">
        <v>0</v>
      </c>
      <c r="NQ37" s="109">
        <v>0</v>
      </c>
      <c r="NR37" s="109">
        <v>0</v>
      </c>
      <c r="NS37" s="109">
        <v>0</v>
      </c>
      <c r="NT37" s="109">
        <v>0</v>
      </c>
      <c r="NU37" s="109">
        <v>0</v>
      </c>
      <c r="NV37" s="110">
        <v>0</v>
      </c>
      <c r="NW37" s="111">
        <v>0</v>
      </c>
      <c r="NX37" s="129">
        <v>0</v>
      </c>
      <c r="NY37" s="109">
        <v>0</v>
      </c>
      <c r="NZ37" s="110">
        <v>0</v>
      </c>
      <c r="OA37" s="443">
        <v>0</v>
      </c>
      <c r="OB37" s="109">
        <v>0</v>
      </c>
      <c r="OC37" s="109">
        <v>592188</v>
      </c>
      <c r="OD37" s="109">
        <v>679943</v>
      </c>
      <c r="OE37" s="109">
        <v>0</v>
      </c>
      <c r="OF37" s="109">
        <v>410863</v>
      </c>
      <c r="OG37" s="110">
        <v>1682994</v>
      </c>
      <c r="OH37" s="111">
        <v>1682994</v>
      </c>
      <c r="OI37" s="129">
        <v>715415</v>
      </c>
      <c r="OJ37" s="109">
        <v>1539567</v>
      </c>
      <c r="OK37" s="128">
        <v>2254982</v>
      </c>
      <c r="OL37" s="108">
        <v>0</v>
      </c>
      <c r="OM37" s="109">
        <v>16229873</v>
      </c>
      <c r="ON37" s="109">
        <v>16085836</v>
      </c>
      <c r="OO37" s="109">
        <v>22440328</v>
      </c>
      <c r="OP37" s="109">
        <v>26469860</v>
      </c>
      <c r="OQ37" s="109">
        <v>17328689</v>
      </c>
      <c r="OR37" s="110">
        <v>98554586</v>
      </c>
      <c r="OS37" s="130">
        <v>100809568</v>
      </c>
    </row>
    <row r="38" spans="2:409" ht="21" customHeight="1" x14ac:dyDescent="0.2">
      <c r="B38" s="437" t="s">
        <v>33</v>
      </c>
      <c r="C38" s="100">
        <v>894322</v>
      </c>
      <c r="D38" s="104">
        <v>2161410</v>
      </c>
      <c r="E38" s="103">
        <v>3055732</v>
      </c>
      <c r="F38" s="99">
        <v>0</v>
      </c>
      <c r="G38" s="104">
        <v>9741925</v>
      </c>
      <c r="H38" s="104">
        <v>11556567</v>
      </c>
      <c r="I38" s="104">
        <v>11241799</v>
      </c>
      <c r="J38" s="104">
        <v>5973801</v>
      </c>
      <c r="K38" s="104">
        <v>6118904</v>
      </c>
      <c r="L38" s="156">
        <v>44632996</v>
      </c>
      <c r="M38" s="106">
        <v>47688728</v>
      </c>
      <c r="N38" s="100">
        <v>393856</v>
      </c>
      <c r="O38" s="104">
        <v>765733</v>
      </c>
      <c r="P38" s="103">
        <v>1159589</v>
      </c>
      <c r="Q38" s="100">
        <v>0</v>
      </c>
      <c r="R38" s="104">
        <v>3627448</v>
      </c>
      <c r="S38" s="104">
        <v>3224972</v>
      </c>
      <c r="T38" s="104">
        <v>3054970</v>
      </c>
      <c r="U38" s="104">
        <v>1895689</v>
      </c>
      <c r="V38" s="104">
        <v>2370806</v>
      </c>
      <c r="W38" s="103">
        <v>14173885</v>
      </c>
      <c r="X38" s="106">
        <v>15333474</v>
      </c>
      <c r="Y38" s="100">
        <v>0</v>
      </c>
      <c r="Z38" s="104">
        <v>0</v>
      </c>
      <c r="AA38" s="103">
        <v>0</v>
      </c>
      <c r="AB38" s="100">
        <v>0</v>
      </c>
      <c r="AC38" s="104">
        <v>762687</v>
      </c>
      <c r="AD38" s="104">
        <v>875129</v>
      </c>
      <c r="AE38" s="104">
        <v>1433457</v>
      </c>
      <c r="AF38" s="104">
        <v>762435</v>
      </c>
      <c r="AG38" s="104">
        <v>1438352</v>
      </c>
      <c r="AH38" s="103">
        <v>5272060</v>
      </c>
      <c r="AI38" s="106">
        <v>5272060</v>
      </c>
      <c r="AJ38" s="100">
        <v>0</v>
      </c>
      <c r="AK38" s="104">
        <v>0</v>
      </c>
      <c r="AL38" s="103">
        <v>0</v>
      </c>
      <c r="AM38" s="100">
        <v>0</v>
      </c>
      <c r="AN38" s="104">
        <v>204678</v>
      </c>
      <c r="AO38" s="104">
        <v>25587</v>
      </c>
      <c r="AP38" s="104">
        <v>51174</v>
      </c>
      <c r="AQ38" s="104">
        <v>49167</v>
      </c>
      <c r="AR38" s="104">
        <v>404205</v>
      </c>
      <c r="AS38" s="103">
        <v>734811</v>
      </c>
      <c r="AT38" s="106">
        <v>734811</v>
      </c>
      <c r="AU38" s="100">
        <v>0</v>
      </c>
      <c r="AV38" s="104">
        <v>54327</v>
      </c>
      <c r="AW38" s="103">
        <v>54327</v>
      </c>
      <c r="AX38" s="100">
        <v>0</v>
      </c>
      <c r="AY38" s="104">
        <v>569050</v>
      </c>
      <c r="AZ38" s="104">
        <v>575668</v>
      </c>
      <c r="BA38" s="104">
        <v>339904</v>
      </c>
      <c r="BB38" s="104">
        <v>424220</v>
      </c>
      <c r="BC38" s="104">
        <v>139916</v>
      </c>
      <c r="BD38" s="103">
        <v>2048758</v>
      </c>
      <c r="BE38" s="106">
        <v>2103085</v>
      </c>
      <c r="BF38" s="100">
        <v>281896</v>
      </c>
      <c r="BG38" s="104">
        <v>611449</v>
      </c>
      <c r="BH38" s="102">
        <v>893345</v>
      </c>
      <c r="BI38" s="101">
        <v>0</v>
      </c>
      <c r="BJ38" s="104">
        <v>1728686</v>
      </c>
      <c r="BK38" s="104">
        <v>1226638</v>
      </c>
      <c r="BL38" s="104">
        <v>704751</v>
      </c>
      <c r="BM38" s="104">
        <v>449782</v>
      </c>
      <c r="BN38" s="104">
        <v>166160</v>
      </c>
      <c r="BO38" s="103">
        <v>4276017</v>
      </c>
      <c r="BP38" s="106">
        <v>5169362</v>
      </c>
      <c r="BQ38" s="100">
        <v>111960</v>
      </c>
      <c r="BR38" s="104">
        <v>99957</v>
      </c>
      <c r="BS38" s="103">
        <v>211917</v>
      </c>
      <c r="BT38" s="100">
        <v>0</v>
      </c>
      <c r="BU38" s="104">
        <v>362347</v>
      </c>
      <c r="BV38" s="104">
        <v>521950</v>
      </c>
      <c r="BW38" s="104">
        <v>525684</v>
      </c>
      <c r="BX38" s="104">
        <v>210085</v>
      </c>
      <c r="BY38" s="104">
        <v>222173</v>
      </c>
      <c r="BZ38" s="103">
        <v>1842239</v>
      </c>
      <c r="CA38" s="106">
        <v>2054156</v>
      </c>
      <c r="CB38" s="100">
        <v>134952</v>
      </c>
      <c r="CC38" s="104">
        <v>510824</v>
      </c>
      <c r="CD38" s="103">
        <v>645776</v>
      </c>
      <c r="CE38" s="100">
        <v>0</v>
      </c>
      <c r="CF38" s="104">
        <v>1810667</v>
      </c>
      <c r="CG38" s="104">
        <v>2095429</v>
      </c>
      <c r="CH38" s="104">
        <v>1509310</v>
      </c>
      <c r="CI38" s="104">
        <v>496875</v>
      </c>
      <c r="CJ38" s="104">
        <v>657386</v>
      </c>
      <c r="CK38" s="103">
        <v>6569667</v>
      </c>
      <c r="CL38" s="106">
        <v>7215443</v>
      </c>
      <c r="CM38" s="100">
        <v>0</v>
      </c>
      <c r="CN38" s="104">
        <v>0</v>
      </c>
      <c r="CO38" s="103">
        <v>0</v>
      </c>
      <c r="CP38" s="101">
        <v>0</v>
      </c>
      <c r="CQ38" s="104">
        <v>379191</v>
      </c>
      <c r="CR38" s="104">
        <v>589406</v>
      </c>
      <c r="CS38" s="104">
        <v>512758</v>
      </c>
      <c r="CT38" s="104">
        <v>357717</v>
      </c>
      <c r="CU38" s="104">
        <v>572109</v>
      </c>
      <c r="CV38" s="103">
        <v>2411181</v>
      </c>
      <c r="CW38" s="106">
        <v>2411181</v>
      </c>
      <c r="CX38" s="100">
        <v>134952</v>
      </c>
      <c r="CY38" s="104">
        <v>510824</v>
      </c>
      <c r="CZ38" s="103">
        <v>645776</v>
      </c>
      <c r="DA38" s="100">
        <v>0</v>
      </c>
      <c r="DB38" s="104">
        <v>1431476</v>
      </c>
      <c r="DC38" s="104">
        <v>1506023</v>
      </c>
      <c r="DD38" s="104">
        <v>996552</v>
      </c>
      <c r="DE38" s="104">
        <v>139158</v>
      </c>
      <c r="DF38" s="104">
        <v>85277</v>
      </c>
      <c r="DG38" s="103">
        <v>4158486</v>
      </c>
      <c r="DH38" s="106">
        <v>4804262</v>
      </c>
      <c r="DI38" s="100">
        <v>0</v>
      </c>
      <c r="DJ38" s="104">
        <v>0</v>
      </c>
      <c r="DK38" s="102">
        <v>0</v>
      </c>
      <c r="DL38" s="101">
        <v>0</v>
      </c>
      <c r="DM38" s="104">
        <v>172902</v>
      </c>
      <c r="DN38" s="104">
        <v>825451</v>
      </c>
      <c r="DO38" s="104">
        <v>1541580</v>
      </c>
      <c r="DP38" s="104">
        <v>807058</v>
      </c>
      <c r="DQ38" s="104">
        <v>397573</v>
      </c>
      <c r="DR38" s="103">
        <v>3744564</v>
      </c>
      <c r="DS38" s="106">
        <v>3744564</v>
      </c>
      <c r="DT38" s="100">
        <v>0</v>
      </c>
      <c r="DU38" s="104">
        <v>0</v>
      </c>
      <c r="DV38" s="103">
        <v>0</v>
      </c>
      <c r="DW38" s="100">
        <v>0</v>
      </c>
      <c r="DX38" s="104">
        <v>24660</v>
      </c>
      <c r="DY38" s="104">
        <v>566852</v>
      </c>
      <c r="DZ38" s="104">
        <v>1541580</v>
      </c>
      <c r="EA38" s="104">
        <v>562569</v>
      </c>
      <c r="EB38" s="104">
        <v>397573</v>
      </c>
      <c r="EC38" s="103">
        <v>3093234</v>
      </c>
      <c r="ED38" s="106">
        <v>3093234</v>
      </c>
      <c r="EE38" s="100">
        <v>0</v>
      </c>
      <c r="EF38" s="102">
        <v>0</v>
      </c>
      <c r="EG38" s="103">
        <v>0</v>
      </c>
      <c r="EH38" s="100">
        <v>0</v>
      </c>
      <c r="EI38" s="104">
        <v>148242</v>
      </c>
      <c r="EJ38" s="104">
        <v>258599</v>
      </c>
      <c r="EK38" s="104">
        <v>0</v>
      </c>
      <c r="EL38" s="104">
        <v>244489</v>
      </c>
      <c r="EM38" s="104">
        <v>0</v>
      </c>
      <c r="EN38" s="102">
        <v>651330</v>
      </c>
      <c r="EO38" s="106">
        <v>65133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06">
        <v>0</v>
      </c>
      <c r="FE38" s="104">
        <v>0</v>
      </c>
      <c r="FF38" s="104">
        <v>0</v>
      </c>
      <c r="FG38" s="104">
        <v>0</v>
      </c>
      <c r="FH38" s="104">
        <v>0</v>
      </c>
      <c r="FI38" s="104">
        <v>0</v>
      </c>
      <c r="FJ38" s="103">
        <v>0</v>
      </c>
      <c r="FK38" s="106">
        <v>0</v>
      </c>
      <c r="FL38" s="100">
        <v>104682</v>
      </c>
      <c r="FM38" s="104">
        <v>237156</v>
      </c>
      <c r="FN38" s="103">
        <v>341838</v>
      </c>
      <c r="FO38" s="100">
        <v>0</v>
      </c>
      <c r="FP38" s="104">
        <v>582092</v>
      </c>
      <c r="FQ38" s="104">
        <v>797224</v>
      </c>
      <c r="FR38" s="104">
        <v>515530</v>
      </c>
      <c r="FS38" s="104">
        <v>339898</v>
      </c>
      <c r="FT38" s="104">
        <v>406198</v>
      </c>
      <c r="FU38" s="103">
        <v>2640942</v>
      </c>
      <c r="FV38" s="106">
        <v>2982780</v>
      </c>
      <c r="FW38" s="105">
        <v>104682</v>
      </c>
      <c r="FX38" s="104">
        <v>237156</v>
      </c>
      <c r="FY38" s="102">
        <v>341838</v>
      </c>
      <c r="FZ38" s="101">
        <v>0</v>
      </c>
      <c r="GA38" s="104">
        <v>582092</v>
      </c>
      <c r="GB38" s="104">
        <v>797224</v>
      </c>
      <c r="GC38" s="104">
        <v>515530</v>
      </c>
      <c r="GD38" s="104">
        <v>339898</v>
      </c>
      <c r="GE38" s="104">
        <v>406198</v>
      </c>
      <c r="GF38" s="103">
        <v>2640942</v>
      </c>
      <c r="GG38" s="290">
        <v>2982780</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126702</v>
      </c>
      <c r="HE38" s="104">
        <v>376465</v>
      </c>
      <c r="HF38" s="102">
        <v>503167</v>
      </c>
      <c r="HG38" s="101">
        <v>0</v>
      </c>
      <c r="HH38" s="104">
        <v>2111992</v>
      </c>
      <c r="HI38" s="104">
        <v>3603991</v>
      </c>
      <c r="HJ38" s="104">
        <v>3736173</v>
      </c>
      <c r="HK38" s="104">
        <v>2097416</v>
      </c>
      <c r="HL38" s="104">
        <v>1965034</v>
      </c>
      <c r="HM38" s="103">
        <v>13514606</v>
      </c>
      <c r="HN38" s="99">
        <v>14017773</v>
      </c>
      <c r="HO38" s="105">
        <v>134130</v>
      </c>
      <c r="HP38" s="104">
        <v>271232</v>
      </c>
      <c r="HQ38" s="103">
        <v>405362</v>
      </c>
      <c r="HR38" s="100">
        <v>0</v>
      </c>
      <c r="HS38" s="104">
        <v>1436824</v>
      </c>
      <c r="HT38" s="104">
        <v>1009500</v>
      </c>
      <c r="HU38" s="104">
        <v>884236</v>
      </c>
      <c r="HV38" s="104">
        <v>336865</v>
      </c>
      <c r="HW38" s="104">
        <v>321907</v>
      </c>
      <c r="HX38" s="102">
        <v>3989332</v>
      </c>
      <c r="HY38" s="106">
        <v>4394694</v>
      </c>
      <c r="HZ38" s="135">
        <v>0</v>
      </c>
      <c r="IA38" s="122">
        <v>245899</v>
      </c>
      <c r="IB38" s="135">
        <v>245899</v>
      </c>
      <c r="IC38" s="131">
        <v>0</v>
      </c>
      <c r="ID38" s="119">
        <v>2775367</v>
      </c>
      <c r="IE38" s="132">
        <v>2476090</v>
      </c>
      <c r="IF38" s="120">
        <v>4125620</v>
      </c>
      <c r="IG38" s="119">
        <v>1356331</v>
      </c>
      <c r="IH38" s="120">
        <v>1886039</v>
      </c>
      <c r="II38" s="133">
        <v>12619447</v>
      </c>
      <c r="IJ38" s="135">
        <v>12865346</v>
      </c>
      <c r="IK38" s="215">
        <v>0</v>
      </c>
      <c r="IL38" s="219">
        <v>0</v>
      </c>
      <c r="IM38" s="220">
        <v>0</v>
      </c>
      <c r="IN38" s="127">
        <v>0</v>
      </c>
      <c r="IO38" s="109">
        <v>0</v>
      </c>
      <c r="IP38" s="109">
        <v>0</v>
      </c>
      <c r="IQ38" s="109">
        <v>0</v>
      </c>
      <c r="IR38" s="109">
        <v>0</v>
      </c>
      <c r="IS38" s="109">
        <v>0</v>
      </c>
      <c r="IT38" s="128">
        <v>0</v>
      </c>
      <c r="IU38" s="292">
        <v>0</v>
      </c>
      <c r="IV38" s="129">
        <v>0</v>
      </c>
      <c r="IW38" s="109">
        <v>0</v>
      </c>
      <c r="IX38" s="110">
        <v>0</v>
      </c>
      <c r="IY38" s="443">
        <v>0</v>
      </c>
      <c r="IZ38" s="109">
        <v>0</v>
      </c>
      <c r="JA38" s="109">
        <v>0</v>
      </c>
      <c r="JB38" s="109">
        <v>0</v>
      </c>
      <c r="JC38" s="109">
        <v>0</v>
      </c>
      <c r="JD38" s="109">
        <v>0</v>
      </c>
      <c r="JE38" s="110">
        <v>0</v>
      </c>
      <c r="JF38" s="111">
        <v>0</v>
      </c>
      <c r="JG38" s="129">
        <v>0</v>
      </c>
      <c r="JH38" s="109">
        <v>0</v>
      </c>
      <c r="JI38" s="128">
        <v>0</v>
      </c>
      <c r="JJ38" s="108">
        <v>0</v>
      </c>
      <c r="JK38" s="109">
        <v>1091021</v>
      </c>
      <c r="JL38" s="109">
        <v>1255426</v>
      </c>
      <c r="JM38" s="109">
        <v>745828</v>
      </c>
      <c r="JN38" s="109">
        <v>155041</v>
      </c>
      <c r="JO38" s="109">
        <v>89169</v>
      </c>
      <c r="JP38" s="110">
        <v>3336485</v>
      </c>
      <c r="JQ38" s="292">
        <v>3336485</v>
      </c>
      <c r="JR38" s="129">
        <v>0</v>
      </c>
      <c r="JS38" s="109">
        <v>0</v>
      </c>
      <c r="JT38" s="128">
        <v>0</v>
      </c>
      <c r="JU38" s="108">
        <v>0</v>
      </c>
      <c r="JV38" s="109">
        <v>0</v>
      </c>
      <c r="JW38" s="109">
        <v>0</v>
      </c>
      <c r="JX38" s="109">
        <v>0</v>
      </c>
      <c r="JY38" s="109">
        <v>0</v>
      </c>
      <c r="JZ38" s="109">
        <v>0</v>
      </c>
      <c r="KA38" s="110">
        <v>0</v>
      </c>
      <c r="KB38" s="292">
        <v>0</v>
      </c>
      <c r="KC38" s="217">
        <v>0</v>
      </c>
      <c r="KD38" s="213">
        <v>0</v>
      </c>
      <c r="KE38" s="110">
        <v>0</v>
      </c>
      <c r="KF38" s="108">
        <v>0</v>
      </c>
      <c r="KG38" s="109">
        <v>0</v>
      </c>
      <c r="KH38" s="109">
        <v>0</v>
      </c>
      <c r="KI38" s="109">
        <v>0</v>
      </c>
      <c r="KJ38" s="109">
        <v>0</v>
      </c>
      <c r="KK38" s="109">
        <v>0</v>
      </c>
      <c r="KL38" s="110">
        <v>0</v>
      </c>
      <c r="KM38" s="130">
        <v>0</v>
      </c>
      <c r="KN38" s="215">
        <v>0</v>
      </c>
      <c r="KO38" s="219">
        <v>245899</v>
      </c>
      <c r="KP38" s="220">
        <v>245899</v>
      </c>
      <c r="KQ38" s="443">
        <v>0</v>
      </c>
      <c r="KR38" s="109">
        <v>771538</v>
      </c>
      <c r="KS38" s="109">
        <v>814245</v>
      </c>
      <c r="KT38" s="109">
        <v>2302058</v>
      </c>
      <c r="KU38" s="109">
        <v>284520</v>
      </c>
      <c r="KV38" s="109">
        <v>580176</v>
      </c>
      <c r="KW38" s="110">
        <v>4752537</v>
      </c>
      <c r="KX38" s="292">
        <v>4998436</v>
      </c>
      <c r="KY38" s="129">
        <v>0</v>
      </c>
      <c r="KZ38" s="109">
        <v>0</v>
      </c>
      <c r="LA38" s="110">
        <v>0</v>
      </c>
      <c r="LB38" s="443">
        <v>0</v>
      </c>
      <c r="LC38" s="109">
        <v>0</v>
      </c>
      <c r="LD38" s="109">
        <v>0</v>
      </c>
      <c r="LE38" s="109">
        <v>0</v>
      </c>
      <c r="LF38" s="109">
        <v>0</v>
      </c>
      <c r="LG38" s="109">
        <v>0</v>
      </c>
      <c r="LH38" s="110">
        <v>0</v>
      </c>
      <c r="LI38" s="111">
        <v>0</v>
      </c>
      <c r="LJ38" s="129">
        <v>0</v>
      </c>
      <c r="LK38" s="109">
        <v>0</v>
      </c>
      <c r="LL38" s="110">
        <v>0</v>
      </c>
      <c r="LM38" s="443">
        <v>0</v>
      </c>
      <c r="LN38" s="109">
        <v>0</v>
      </c>
      <c r="LO38" s="109">
        <v>0</v>
      </c>
      <c r="LP38" s="109">
        <v>0</v>
      </c>
      <c r="LQ38" s="109">
        <v>0</v>
      </c>
      <c r="LR38" s="109">
        <v>0</v>
      </c>
      <c r="LS38" s="110">
        <v>0</v>
      </c>
      <c r="LT38" s="292">
        <v>0</v>
      </c>
      <c r="LU38" s="129">
        <v>0</v>
      </c>
      <c r="LV38" s="109">
        <v>0</v>
      </c>
      <c r="LW38" s="110">
        <v>0</v>
      </c>
      <c r="LX38" s="443">
        <v>0</v>
      </c>
      <c r="LY38" s="109">
        <v>912808</v>
      </c>
      <c r="LZ38" s="109">
        <v>406419</v>
      </c>
      <c r="MA38" s="109">
        <v>1077734</v>
      </c>
      <c r="MB38" s="109">
        <v>916770</v>
      </c>
      <c r="MC38" s="109">
        <v>1216694</v>
      </c>
      <c r="MD38" s="110">
        <v>4530425</v>
      </c>
      <c r="ME38" s="111">
        <v>4530425</v>
      </c>
      <c r="MF38" s="129">
        <v>0</v>
      </c>
      <c r="MG38" s="109">
        <v>0</v>
      </c>
      <c r="MH38" s="110">
        <v>0</v>
      </c>
      <c r="MI38" s="443">
        <v>0</v>
      </c>
      <c r="MJ38" s="109">
        <v>2759556</v>
      </c>
      <c r="MK38" s="109">
        <v>6703784</v>
      </c>
      <c r="ML38" s="109">
        <v>12521611</v>
      </c>
      <c r="MM38" s="109">
        <v>17297882</v>
      </c>
      <c r="MN38" s="109">
        <v>12032908</v>
      </c>
      <c r="MO38" s="110">
        <v>51315741</v>
      </c>
      <c r="MP38" s="130">
        <v>51315741</v>
      </c>
      <c r="MQ38" s="129">
        <v>0</v>
      </c>
      <c r="MR38" s="109">
        <v>0</v>
      </c>
      <c r="MS38" s="110">
        <v>0</v>
      </c>
      <c r="MT38" s="443">
        <v>0</v>
      </c>
      <c r="MU38" s="109">
        <v>0</v>
      </c>
      <c r="MV38" s="109">
        <v>1463363</v>
      </c>
      <c r="MW38" s="109">
        <v>5774633</v>
      </c>
      <c r="MX38" s="109">
        <v>8156508</v>
      </c>
      <c r="MY38" s="109">
        <v>5381509</v>
      </c>
      <c r="MZ38" s="110">
        <v>20776013</v>
      </c>
      <c r="NA38" s="130">
        <v>20776013</v>
      </c>
      <c r="NB38" s="129">
        <v>0</v>
      </c>
      <c r="NC38" s="109">
        <v>0</v>
      </c>
      <c r="ND38" s="110">
        <v>0</v>
      </c>
      <c r="NE38" s="443">
        <v>0</v>
      </c>
      <c r="NF38" s="109">
        <v>1761084</v>
      </c>
      <c r="NG38" s="109">
        <v>2249529</v>
      </c>
      <c r="NH38" s="109">
        <v>3952334</v>
      </c>
      <c r="NI38" s="109">
        <v>6145072</v>
      </c>
      <c r="NJ38" s="109">
        <v>2379060</v>
      </c>
      <c r="NK38" s="110">
        <v>16487079</v>
      </c>
      <c r="NL38" s="292">
        <v>16487079</v>
      </c>
      <c r="NM38" s="129">
        <v>0</v>
      </c>
      <c r="NN38" s="109">
        <v>0</v>
      </c>
      <c r="NO38" s="110">
        <v>0</v>
      </c>
      <c r="NP38" s="443">
        <v>0</v>
      </c>
      <c r="NQ38" s="109">
        <v>0</v>
      </c>
      <c r="NR38" s="109">
        <v>0</v>
      </c>
      <c r="NS38" s="109">
        <v>0</v>
      </c>
      <c r="NT38" s="109">
        <v>0</v>
      </c>
      <c r="NU38" s="109">
        <v>0</v>
      </c>
      <c r="NV38" s="110">
        <v>0</v>
      </c>
      <c r="NW38" s="111">
        <v>0</v>
      </c>
      <c r="NX38" s="129">
        <v>0</v>
      </c>
      <c r="NY38" s="109">
        <v>0</v>
      </c>
      <c r="NZ38" s="110">
        <v>0</v>
      </c>
      <c r="OA38" s="443">
        <v>0</v>
      </c>
      <c r="OB38" s="109">
        <v>998472</v>
      </c>
      <c r="OC38" s="109">
        <v>2990892</v>
      </c>
      <c r="OD38" s="109">
        <v>2794644</v>
      </c>
      <c r="OE38" s="109">
        <v>2996302</v>
      </c>
      <c r="OF38" s="109">
        <v>4272339</v>
      </c>
      <c r="OG38" s="110">
        <v>14052649</v>
      </c>
      <c r="OH38" s="111">
        <v>14052649</v>
      </c>
      <c r="OI38" s="129">
        <v>894322</v>
      </c>
      <c r="OJ38" s="109">
        <v>2407309</v>
      </c>
      <c r="OK38" s="128">
        <v>3301631</v>
      </c>
      <c r="OL38" s="108">
        <v>0</v>
      </c>
      <c r="OM38" s="109">
        <v>15276848</v>
      </c>
      <c r="ON38" s="109">
        <v>20736441</v>
      </c>
      <c r="OO38" s="109">
        <v>27889030</v>
      </c>
      <c r="OP38" s="109">
        <v>24628014</v>
      </c>
      <c r="OQ38" s="109">
        <v>20037851</v>
      </c>
      <c r="OR38" s="110">
        <v>108568184</v>
      </c>
      <c r="OS38" s="130">
        <v>111869815</v>
      </c>
    </row>
    <row r="39" spans="2:409" ht="21" customHeight="1" x14ac:dyDescent="0.2">
      <c r="B39" s="437" t="s">
        <v>34</v>
      </c>
      <c r="C39" s="100">
        <v>290232</v>
      </c>
      <c r="D39" s="104">
        <v>1160657</v>
      </c>
      <c r="E39" s="157">
        <v>1450889</v>
      </c>
      <c r="F39" s="158">
        <v>0</v>
      </c>
      <c r="G39" s="159">
        <v>7081758</v>
      </c>
      <c r="H39" s="159">
        <v>5849215</v>
      </c>
      <c r="I39" s="159">
        <v>4430453</v>
      </c>
      <c r="J39" s="159">
        <v>4719856</v>
      </c>
      <c r="K39" s="159">
        <v>3591677</v>
      </c>
      <c r="L39" s="160">
        <v>25672959</v>
      </c>
      <c r="M39" s="106">
        <v>27123848</v>
      </c>
      <c r="N39" s="100">
        <v>24768</v>
      </c>
      <c r="O39" s="104">
        <v>412790</v>
      </c>
      <c r="P39" s="103">
        <v>437558</v>
      </c>
      <c r="Q39" s="100">
        <v>0</v>
      </c>
      <c r="R39" s="104">
        <v>1666827</v>
      </c>
      <c r="S39" s="104">
        <v>1604751</v>
      </c>
      <c r="T39" s="104">
        <v>704449</v>
      </c>
      <c r="U39" s="104">
        <v>1114693</v>
      </c>
      <c r="V39" s="104">
        <v>1566186</v>
      </c>
      <c r="W39" s="103">
        <v>6656906</v>
      </c>
      <c r="X39" s="106">
        <v>7094464</v>
      </c>
      <c r="Y39" s="100">
        <v>0</v>
      </c>
      <c r="Z39" s="104">
        <v>0</v>
      </c>
      <c r="AA39" s="103">
        <v>0</v>
      </c>
      <c r="AB39" s="100">
        <v>0</v>
      </c>
      <c r="AC39" s="104">
        <v>577985</v>
      </c>
      <c r="AD39" s="104">
        <v>730090</v>
      </c>
      <c r="AE39" s="104">
        <v>235174</v>
      </c>
      <c r="AF39" s="104">
        <v>629514</v>
      </c>
      <c r="AG39" s="104">
        <v>570443</v>
      </c>
      <c r="AH39" s="103">
        <v>2743206</v>
      </c>
      <c r="AI39" s="106">
        <v>2743206</v>
      </c>
      <c r="AJ39" s="100">
        <v>0</v>
      </c>
      <c r="AK39" s="104">
        <v>0</v>
      </c>
      <c r="AL39" s="103">
        <v>0</v>
      </c>
      <c r="AM39" s="100">
        <v>0</v>
      </c>
      <c r="AN39" s="104">
        <v>0</v>
      </c>
      <c r="AO39" s="104">
        <v>36882</v>
      </c>
      <c r="AP39" s="104">
        <v>29848</v>
      </c>
      <c r="AQ39" s="104">
        <v>51174</v>
      </c>
      <c r="AR39" s="104">
        <v>439380</v>
      </c>
      <c r="AS39" s="103">
        <v>557284</v>
      </c>
      <c r="AT39" s="106">
        <v>557284</v>
      </c>
      <c r="AU39" s="100">
        <v>0</v>
      </c>
      <c r="AV39" s="104">
        <v>283874</v>
      </c>
      <c r="AW39" s="103">
        <v>283874</v>
      </c>
      <c r="AX39" s="100">
        <v>0</v>
      </c>
      <c r="AY39" s="104">
        <v>466547</v>
      </c>
      <c r="AZ39" s="104">
        <v>438753</v>
      </c>
      <c r="BA39" s="104">
        <v>178534</v>
      </c>
      <c r="BB39" s="104">
        <v>197008</v>
      </c>
      <c r="BC39" s="104">
        <v>334962</v>
      </c>
      <c r="BD39" s="103">
        <v>1615804</v>
      </c>
      <c r="BE39" s="106">
        <v>1899678</v>
      </c>
      <c r="BF39" s="100">
        <v>0</v>
      </c>
      <c r="BG39" s="104">
        <v>33804</v>
      </c>
      <c r="BH39" s="102">
        <v>33804</v>
      </c>
      <c r="BI39" s="101">
        <v>0</v>
      </c>
      <c r="BJ39" s="104">
        <v>257607</v>
      </c>
      <c r="BK39" s="104">
        <v>75120</v>
      </c>
      <c r="BL39" s="104">
        <v>179819</v>
      </c>
      <c r="BM39" s="104">
        <v>33480</v>
      </c>
      <c r="BN39" s="104">
        <v>45072</v>
      </c>
      <c r="BO39" s="103">
        <v>591098</v>
      </c>
      <c r="BP39" s="106">
        <v>624902</v>
      </c>
      <c r="BQ39" s="100">
        <v>24768</v>
      </c>
      <c r="BR39" s="104">
        <v>95112</v>
      </c>
      <c r="BS39" s="103">
        <v>119880</v>
      </c>
      <c r="BT39" s="100">
        <v>0</v>
      </c>
      <c r="BU39" s="104">
        <v>364688</v>
      </c>
      <c r="BV39" s="104">
        <v>323906</v>
      </c>
      <c r="BW39" s="104">
        <v>81074</v>
      </c>
      <c r="BX39" s="104">
        <v>203517</v>
      </c>
      <c r="BY39" s="104">
        <v>176329</v>
      </c>
      <c r="BZ39" s="103">
        <v>1149514</v>
      </c>
      <c r="CA39" s="106">
        <v>1269394</v>
      </c>
      <c r="CB39" s="100">
        <v>0</v>
      </c>
      <c r="CC39" s="104">
        <v>170991</v>
      </c>
      <c r="CD39" s="103">
        <v>170991</v>
      </c>
      <c r="CE39" s="100">
        <v>0</v>
      </c>
      <c r="CF39" s="104">
        <v>1716175</v>
      </c>
      <c r="CG39" s="104">
        <v>1571818</v>
      </c>
      <c r="CH39" s="104">
        <v>1734037</v>
      </c>
      <c r="CI39" s="104">
        <v>1069614</v>
      </c>
      <c r="CJ39" s="104">
        <v>0</v>
      </c>
      <c r="CK39" s="103">
        <v>6091644</v>
      </c>
      <c r="CL39" s="106">
        <v>6262635</v>
      </c>
      <c r="CM39" s="100">
        <v>0</v>
      </c>
      <c r="CN39" s="104">
        <v>0</v>
      </c>
      <c r="CO39" s="103">
        <v>0</v>
      </c>
      <c r="CP39" s="101">
        <v>0</v>
      </c>
      <c r="CQ39" s="104">
        <v>1500040</v>
      </c>
      <c r="CR39" s="104">
        <v>1494058</v>
      </c>
      <c r="CS39" s="104">
        <v>1598454</v>
      </c>
      <c r="CT39" s="104">
        <v>998559</v>
      </c>
      <c r="CU39" s="104">
        <v>0</v>
      </c>
      <c r="CV39" s="103">
        <v>5591111</v>
      </c>
      <c r="CW39" s="106">
        <v>5591111</v>
      </c>
      <c r="CX39" s="100">
        <v>0</v>
      </c>
      <c r="CY39" s="104">
        <v>170991</v>
      </c>
      <c r="CZ39" s="103">
        <v>170991</v>
      </c>
      <c r="DA39" s="100">
        <v>0</v>
      </c>
      <c r="DB39" s="104">
        <v>216135</v>
      </c>
      <c r="DC39" s="104">
        <v>77760</v>
      </c>
      <c r="DD39" s="104">
        <v>135583</v>
      </c>
      <c r="DE39" s="104">
        <v>71055</v>
      </c>
      <c r="DF39" s="104">
        <v>0</v>
      </c>
      <c r="DG39" s="103">
        <v>500533</v>
      </c>
      <c r="DH39" s="106">
        <v>671524</v>
      </c>
      <c r="DI39" s="100">
        <v>0</v>
      </c>
      <c r="DJ39" s="104">
        <v>0</v>
      </c>
      <c r="DK39" s="102">
        <v>0</v>
      </c>
      <c r="DL39" s="101">
        <v>0</v>
      </c>
      <c r="DM39" s="104">
        <v>134604</v>
      </c>
      <c r="DN39" s="104">
        <v>110169</v>
      </c>
      <c r="DO39" s="104">
        <v>581231</v>
      </c>
      <c r="DP39" s="104">
        <v>543879</v>
      </c>
      <c r="DQ39" s="104">
        <v>384339</v>
      </c>
      <c r="DR39" s="103">
        <v>1754222</v>
      </c>
      <c r="DS39" s="106">
        <v>1754222</v>
      </c>
      <c r="DT39" s="100">
        <v>0</v>
      </c>
      <c r="DU39" s="104">
        <v>0</v>
      </c>
      <c r="DV39" s="103">
        <v>0</v>
      </c>
      <c r="DW39" s="100">
        <v>0</v>
      </c>
      <c r="DX39" s="104">
        <v>134604</v>
      </c>
      <c r="DY39" s="104">
        <v>110169</v>
      </c>
      <c r="DZ39" s="104">
        <v>485527</v>
      </c>
      <c r="EA39" s="104">
        <v>543879</v>
      </c>
      <c r="EB39" s="104">
        <v>278082</v>
      </c>
      <c r="EC39" s="103">
        <v>1552261</v>
      </c>
      <c r="ED39" s="106">
        <v>1552261</v>
      </c>
      <c r="EE39" s="100">
        <v>0</v>
      </c>
      <c r="EF39" s="102">
        <v>0</v>
      </c>
      <c r="EG39" s="103">
        <v>0</v>
      </c>
      <c r="EH39" s="100">
        <v>0</v>
      </c>
      <c r="EI39" s="104">
        <v>0</v>
      </c>
      <c r="EJ39" s="104">
        <v>0</v>
      </c>
      <c r="EK39" s="104">
        <v>95704</v>
      </c>
      <c r="EL39" s="104">
        <v>0</v>
      </c>
      <c r="EM39" s="104">
        <v>106257</v>
      </c>
      <c r="EN39" s="102">
        <v>201961</v>
      </c>
      <c r="EO39" s="106">
        <v>201961</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06">
        <v>0</v>
      </c>
      <c r="FE39" s="104">
        <v>0</v>
      </c>
      <c r="FF39" s="104">
        <v>0</v>
      </c>
      <c r="FG39" s="104">
        <v>0</v>
      </c>
      <c r="FH39" s="104">
        <v>0</v>
      </c>
      <c r="FI39" s="104">
        <v>0</v>
      </c>
      <c r="FJ39" s="103">
        <v>0</v>
      </c>
      <c r="FK39" s="106">
        <v>0</v>
      </c>
      <c r="FL39" s="100">
        <v>91440</v>
      </c>
      <c r="FM39" s="104">
        <v>159210</v>
      </c>
      <c r="FN39" s="103">
        <v>250650</v>
      </c>
      <c r="FO39" s="100">
        <v>0</v>
      </c>
      <c r="FP39" s="104">
        <v>390547</v>
      </c>
      <c r="FQ39" s="104">
        <v>691509</v>
      </c>
      <c r="FR39" s="104">
        <v>383945</v>
      </c>
      <c r="FS39" s="104">
        <v>332851</v>
      </c>
      <c r="FT39" s="104">
        <v>242280</v>
      </c>
      <c r="FU39" s="103">
        <v>2041132</v>
      </c>
      <c r="FV39" s="106">
        <v>2291782</v>
      </c>
      <c r="FW39" s="105">
        <v>91440</v>
      </c>
      <c r="FX39" s="104">
        <v>130860</v>
      </c>
      <c r="FY39" s="102">
        <v>222300</v>
      </c>
      <c r="FZ39" s="101">
        <v>0</v>
      </c>
      <c r="GA39" s="104">
        <v>390547</v>
      </c>
      <c r="GB39" s="104">
        <v>618249</v>
      </c>
      <c r="GC39" s="104">
        <v>383945</v>
      </c>
      <c r="GD39" s="104">
        <v>332851</v>
      </c>
      <c r="GE39" s="104">
        <v>242280</v>
      </c>
      <c r="GF39" s="103">
        <v>1967872</v>
      </c>
      <c r="GG39" s="290">
        <v>2190172</v>
      </c>
      <c r="GH39" s="105">
        <v>0</v>
      </c>
      <c r="GI39" s="104">
        <v>28350</v>
      </c>
      <c r="GJ39" s="102">
        <v>28350</v>
      </c>
      <c r="GK39" s="101">
        <v>0</v>
      </c>
      <c r="GL39" s="104">
        <v>0</v>
      </c>
      <c r="GM39" s="104">
        <v>20790</v>
      </c>
      <c r="GN39" s="104">
        <v>0</v>
      </c>
      <c r="GO39" s="104">
        <v>0</v>
      </c>
      <c r="GP39" s="104">
        <v>0</v>
      </c>
      <c r="GQ39" s="103">
        <v>20790</v>
      </c>
      <c r="GR39" s="106">
        <v>49140</v>
      </c>
      <c r="GS39" s="100">
        <v>0</v>
      </c>
      <c r="GT39" s="104">
        <v>0</v>
      </c>
      <c r="GU39" s="103">
        <v>0</v>
      </c>
      <c r="GV39" s="100">
        <v>0</v>
      </c>
      <c r="GW39" s="104">
        <v>0</v>
      </c>
      <c r="GX39" s="104">
        <v>52470</v>
      </c>
      <c r="GY39" s="104">
        <v>0</v>
      </c>
      <c r="GZ39" s="104">
        <v>0</v>
      </c>
      <c r="HA39" s="104">
        <v>0</v>
      </c>
      <c r="HB39" s="102">
        <v>52470</v>
      </c>
      <c r="HC39" s="106">
        <v>52470</v>
      </c>
      <c r="HD39" s="100">
        <v>121464</v>
      </c>
      <c r="HE39" s="104">
        <v>303786</v>
      </c>
      <c r="HF39" s="102">
        <v>425250</v>
      </c>
      <c r="HG39" s="101">
        <v>0</v>
      </c>
      <c r="HH39" s="104">
        <v>2228928</v>
      </c>
      <c r="HI39" s="104">
        <v>1214563</v>
      </c>
      <c r="HJ39" s="104">
        <v>560818</v>
      </c>
      <c r="HK39" s="104">
        <v>1394795</v>
      </c>
      <c r="HL39" s="104">
        <v>1233858</v>
      </c>
      <c r="HM39" s="103">
        <v>6632962</v>
      </c>
      <c r="HN39" s="99">
        <v>7058212</v>
      </c>
      <c r="HO39" s="105">
        <v>52560</v>
      </c>
      <c r="HP39" s="104">
        <v>113880</v>
      </c>
      <c r="HQ39" s="103">
        <v>166440</v>
      </c>
      <c r="HR39" s="100">
        <v>0</v>
      </c>
      <c r="HS39" s="104">
        <v>944677</v>
      </c>
      <c r="HT39" s="104">
        <v>656405</v>
      </c>
      <c r="HU39" s="104">
        <v>465973</v>
      </c>
      <c r="HV39" s="104">
        <v>264024</v>
      </c>
      <c r="HW39" s="104">
        <v>165014</v>
      </c>
      <c r="HX39" s="102">
        <v>2496093</v>
      </c>
      <c r="HY39" s="106">
        <v>2662533</v>
      </c>
      <c r="HZ39" s="118">
        <v>45171</v>
      </c>
      <c r="IA39" s="119">
        <v>80901</v>
      </c>
      <c r="IB39" s="120">
        <v>126072</v>
      </c>
      <c r="IC39" s="131">
        <v>0</v>
      </c>
      <c r="ID39" s="119">
        <v>2484705</v>
      </c>
      <c r="IE39" s="132">
        <v>3328635</v>
      </c>
      <c r="IF39" s="120">
        <v>3155804</v>
      </c>
      <c r="IG39" s="119">
        <v>786483</v>
      </c>
      <c r="IH39" s="120">
        <v>346347</v>
      </c>
      <c r="II39" s="133">
        <v>10101974</v>
      </c>
      <c r="IJ39" s="126">
        <v>10228046</v>
      </c>
      <c r="IK39" s="215">
        <v>0</v>
      </c>
      <c r="IL39" s="219">
        <v>0</v>
      </c>
      <c r="IM39" s="220">
        <v>0</v>
      </c>
      <c r="IN39" s="127">
        <v>0</v>
      </c>
      <c r="IO39" s="109">
        <v>0</v>
      </c>
      <c r="IP39" s="109">
        <v>0</v>
      </c>
      <c r="IQ39" s="109">
        <v>0</v>
      </c>
      <c r="IR39" s="109">
        <v>0</v>
      </c>
      <c r="IS39" s="109">
        <v>0</v>
      </c>
      <c r="IT39" s="128">
        <v>0</v>
      </c>
      <c r="IU39" s="292">
        <v>0</v>
      </c>
      <c r="IV39" s="129">
        <v>0</v>
      </c>
      <c r="IW39" s="109">
        <v>0</v>
      </c>
      <c r="IX39" s="110">
        <v>0</v>
      </c>
      <c r="IY39" s="443">
        <v>0</v>
      </c>
      <c r="IZ39" s="109">
        <v>0</v>
      </c>
      <c r="JA39" s="109">
        <v>0</v>
      </c>
      <c r="JB39" s="109">
        <v>0</v>
      </c>
      <c r="JC39" s="109">
        <v>0</v>
      </c>
      <c r="JD39" s="109">
        <v>0</v>
      </c>
      <c r="JE39" s="110">
        <v>0</v>
      </c>
      <c r="JF39" s="111">
        <v>0</v>
      </c>
      <c r="JG39" s="129">
        <v>0</v>
      </c>
      <c r="JH39" s="109">
        <v>0</v>
      </c>
      <c r="JI39" s="128">
        <v>0</v>
      </c>
      <c r="JJ39" s="108">
        <v>0</v>
      </c>
      <c r="JK39" s="109">
        <v>577184</v>
      </c>
      <c r="JL39" s="109">
        <v>273196</v>
      </c>
      <c r="JM39" s="109">
        <v>512631</v>
      </c>
      <c r="JN39" s="109">
        <v>154629</v>
      </c>
      <c r="JO39" s="109">
        <v>0</v>
      </c>
      <c r="JP39" s="110">
        <v>1517640</v>
      </c>
      <c r="JQ39" s="292">
        <v>1517640</v>
      </c>
      <c r="JR39" s="129">
        <v>0</v>
      </c>
      <c r="JS39" s="109">
        <v>0</v>
      </c>
      <c r="JT39" s="128">
        <v>0</v>
      </c>
      <c r="JU39" s="108">
        <v>0</v>
      </c>
      <c r="JV39" s="109">
        <v>0</v>
      </c>
      <c r="JW39" s="109">
        <v>0</v>
      </c>
      <c r="JX39" s="109">
        <v>0</v>
      </c>
      <c r="JY39" s="109">
        <v>0</v>
      </c>
      <c r="JZ39" s="109">
        <v>0</v>
      </c>
      <c r="KA39" s="110">
        <v>0</v>
      </c>
      <c r="KB39" s="292">
        <v>0</v>
      </c>
      <c r="KC39" s="217">
        <v>45171</v>
      </c>
      <c r="KD39" s="213">
        <v>80901</v>
      </c>
      <c r="KE39" s="110">
        <v>126072</v>
      </c>
      <c r="KF39" s="108">
        <v>0</v>
      </c>
      <c r="KG39" s="109">
        <v>984112</v>
      </c>
      <c r="KH39" s="109">
        <v>1430435</v>
      </c>
      <c r="KI39" s="109">
        <v>1480000</v>
      </c>
      <c r="KJ39" s="109">
        <v>0</v>
      </c>
      <c r="KK39" s="109">
        <v>0</v>
      </c>
      <c r="KL39" s="110">
        <v>3894547</v>
      </c>
      <c r="KM39" s="130">
        <v>4020619</v>
      </c>
      <c r="KN39" s="215">
        <v>0</v>
      </c>
      <c r="KO39" s="219">
        <v>0</v>
      </c>
      <c r="KP39" s="220">
        <v>0</v>
      </c>
      <c r="KQ39" s="443">
        <v>0</v>
      </c>
      <c r="KR39" s="109">
        <v>0</v>
      </c>
      <c r="KS39" s="109">
        <v>0</v>
      </c>
      <c r="KT39" s="109">
        <v>0</v>
      </c>
      <c r="KU39" s="109">
        <v>0</v>
      </c>
      <c r="KV39" s="109">
        <v>0</v>
      </c>
      <c r="KW39" s="110">
        <v>0</v>
      </c>
      <c r="KX39" s="292">
        <v>0</v>
      </c>
      <c r="KY39" s="129">
        <v>0</v>
      </c>
      <c r="KZ39" s="109">
        <v>0</v>
      </c>
      <c r="LA39" s="110">
        <v>0</v>
      </c>
      <c r="LB39" s="443">
        <v>0</v>
      </c>
      <c r="LC39" s="109">
        <v>0</v>
      </c>
      <c r="LD39" s="109">
        <v>0</v>
      </c>
      <c r="LE39" s="109">
        <v>0</v>
      </c>
      <c r="LF39" s="109">
        <v>0</v>
      </c>
      <c r="LG39" s="109">
        <v>0</v>
      </c>
      <c r="LH39" s="110">
        <v>0</v>
      </c>
      <c r="LI39" s="111">
        <v>0</v>
      </c>
      <c r="LJ39" s="129">
        <v>0</v>
      </c>
      <c r="LK39" s="109">
        <v>0</v>
      </c>
      <c r="LL39" s="110">
        <v>0</v>
      </c>
      <c r="LM39" s="443">
        <v>0</v>
      </c>
      <c r="LN39" s="109">
        <v>0</v>
      </c>
      <c r="LO39" s="109">
        <v>0</v>
      </c>
      <c r="LP39" s="109">
        <v>0</v>
      </c>
      <c r="LQ39" s="109">
        <v>0</v>
      </c>
      <c r="LR39" s="109">
        <v>0</v>
      </c>
      <c r="LS39" s="110">
        <v>0</v>
      </c>
      <c r="LT39" s="292">
        <v>0</v>
      </c>
      <c r="LU39" s="129">
        <v>0</v>
      </c>
      <c r="LV39" s="109">
        <v>0</v>
      </c>
      <c r="LW39" s="110">
        <v>0</v>
      </c>
      <c r="LX39" s="443">
        <v>0</v>
      </c>
      <c r="LY39" s="109">
        <v>923409</v>
      </c>
      <c r="LZ39" s="109">
        <v>1625004</v>
      </c>
      <c r="MA39" s="109">
        <v>1163173</v>
      </c>
      <c r="MB39" s="109">
        <v>631854</v>
      </c>
      <c r="MC39" s="109">
        <v>346347</v>
      </c>
      <c r="MD39" s="110">
        <v>4689787</v>
      </c>
      <c r="ME39" s="111">
        <v>4689787</v>
      </c>
      <c r="MF39" s="129">
        <v>0</v>
      </c>
      <c r="MG39" s="109">
        <v>0</v>
      </c>
      <c r="MH39" s="110">
        <v>0</v>
      </c>
      <c r="MI39" s="443">
        <v>0</v>
      </c>
      <c r="MJ39" s="109">
        <v>2277520</v>
      </c>
      <c r="MK39" s="109">
        <v>3024963</v>
      </c>
      <c r="ML39" s="109">
        <v>4797475</v>
      </c>
      <c r="MM39" s="109">
        <v>9950645</v>
      </c>
      <c r="MN39" s="109">
        <v>4263846</v>
      </c>
      <c r="MO39" s="110">
        <v>24314449</v>
      </c>
      <c r="MP39" s="130">
        <v>24314449</v>
      </c>
      <c r="MQ39" s="129">
        <v>0</v>
      </c>
      <c r="MR39" s="109">
        <v>0</v>
      </c>
      <c r="MS39" s="110">
        <v>0</v>
      </c>
      <c r="MT39" s="443">
        <v>0</v>
      </c>
      <c r="MU39" s="109">
        <v>0</v>
      </c>
      <c r="MV39" s="109">
        <v>0</v>
      </c>
      <c r="MW39" s="109">
        <v>2077938</v>
      </c>
      <c r="MX39" s="109">
        <v>6630354</v>
      </c>
      <c r="MY39" s="109">
        <v>2863239</v>
      </c>
      <c r="MZ39" s="110">
        <v>11571531</v>
      </c>
      <c r="NA39" s="130">
        <v>11571531</v>
      </c>
      <c r="NB39" s="129">
        <v>0</v>
      </c>
      <c r="NC39" s="109">
        <v>0</v>
      </c>
      <c r="ND39" s="110">
        <v>0</v>
      </c>
      <c r="NE39" s="443">
        <v>0</v>
      </c>
      <c r="NF39" s="109">
        <v>2277520</v>
      </c>
      <c r="NG39" s="109">
        <v>3024963</v>
      </c>
      <c r="NH39" s="109">
        <v>2719537</v>
      </c>
      <c r="NI39" s="109">
        <v>2636966</v>
      </c>
      <c r="NJ39" s="109">
        <v>1014975</v>
      </c>
      <c r="NK39" s="110">
        <v>11673961</v>
      </c>
      <c r="NL39" s="292">
        <v>11673961</v>
      </c>
      <c r="NM39" s="129">
        <v>0</v>
      </c>
      <c r="NN39" s="109">
        <v>0</v>
      </c>
      <c r="NO39" s="110">
        <v>0</v>
      </c>
      <c r="NP39" s="443">
        <v>0</v>
      </c>
      <c r="NQ39" s="109">
        <v>0</v>
      </c>
      <c r="NR39" s="109">
        <v>0</v>
      </c>
      <c r="NS39" s="109">
        <v>0</v>
      </c>
      <c r="NT39" s="109">
        <v>0</v>
      </c>
      <c r="NU39" s="109">
        <v>0</v>
      </c>
      <c r="NV39" s="110">
        <v>0</v>
      </c>
      <c r="NW39" s="111">
        <v>0</v>
      </c>
      <c r="NX39" s="129">
        <v>0</v>
      </c>
      <c r="NY39" s="109">
        <v>0</v>
      </c>
      <c r="NZ39" s="110">
        <v>0</v>
      </c>
      <c r="OA39" s="443">
        <v>0</v>
      </c>
      <c r="OB39" s="109">
        <v>0</v>
      </c>
      <c r="OC39" s="109">
        <v>0</v>
      </c>
      <c r="OD39" s="109">
        <v>0</v>
      </c>
      <c r="OE39" s="109">
        <v>683325</v>
      </c>
      <c r="OF39" s="109">
        <v>385632</v>
      </c>
      <c r="OG39" s="110">
        <v>1068957</v>
      </c>
      <c r="OH39" s="111">
        <v>1068957</v>
      </c>
      <c r="OI39" s="129">
        <v>335403</v>
      </c>
      <c r="OJ39" s="109">
        <v>1241558</v>
      </c>
      <c r="OK39" s="128">
        <v>1576961</v>
      </c>
      <c r="OL39" s="108">
        <v>0</v>
      </c>
      <c r="OM39" s="109">
        <v>11843983</v>
      </c>
      <c r="ON39" s="109">
        <v>12202813</v>
      </c>
      <c r="OO39" s="109">
        <v>12383732</v>
      </c>
      <c r="OP39" s="109">
        <v>15456984</v>
      </c>
      <c r="OQ39" s="109">
        <v>8201870</v>
      </c>
      <c r="OR39" s="110">
        <v>60089382</v>
      </c>
      <c r="OS39" s="130">
        <v>61666343</v>
      </c>
    </row>
    <row r="40" spans="2:409" ht="21" customHeight="1" x14ac:dyDescent="0.2">
      <c r="B40" s="437" t="s">
        <v>35</v>
      </c>
      <c r="C40" s="100">
        <v>1082160</v>
      </c>
      <c r="D40" s="104">
        <v>1884016</v>
      </c>
      <c r="E40" s="103">
        <v>2966176</v>
      </c>
      <c r="F40" s="99">
        <v>0</v>
      </c>
      <c r="G40" s="104">
        <v>29733276</v>
      </c>
      <c r="H40" s="104">
        <v>19363556</v>
      </c>
      <c r="I40" s="104">
        <v>21945656</v>
      </c>
      <c r="J40" s="104">
        <v>22416562</v>
      </c>
      <c r="K40" s="104">
        <v>10510716</v>
      </c>
      <c r="L40" s="156">
        <v>103969766</v>
      </c>
      <c r="M40" s="106">
        <v>106935942</v>
      </c>
      <c r="N40" s="100">
        <v>182402</v>
      </c>
      <c r="O40" s="104">
        <v>291166</v>
      </c>
      <c r="P40" s="103">
        <v>473568</v>
      </c>
      <c r="Q40" s="100">
        <v>0</v>
      </c>
      <c r="R40" s="104">
        <v>7312504</v>
      </c>
      <c r="S40" s="104">
        <v>5551993</v>
      </c>
      <c r="T40" s="104">
        <v>7342714</v>
      </c>
      <c r="U40" s="104">
        <v>7480009</v>
      </c>
      <c r="V40" s="104">
        <v>4400376</v>
      </c>
      <c r="W40" s="103">
        <v>32087596</v>
      </c>
      <c r="X40" s="106">
        <v>32561164</v>
      </c>
      <c r="Y40" s="100">
        <v>0</v>
      </c>
      <c r="Z40" s="104">
        <v>0</v>
      </c>
      <c r="AA40" s="103">
        <v>0</v>
      </c>
      <c r="AB40" s="100">
        <v>0</v>
      </c>
      <c r="AC40" s="104">
        <v>3100216</v>
      </c>
      <c r="AD40" s="104">
        <v>2749903</v>
      </c>
      <c r="AE40" s="104">
        <v>4085792</v>
      </c>
      <c r="AF40" s="104">
        <v>4261921</v>
      </c>
      <c r="AG40" s="104">
        <v>2207169</v>
      </c>
      <c r="AH40" s="103">
        <v>16405001</v>
      </c>
      <c r="AI40" s="106">
        <v>16405001</v>
      </c>
      <c r="AJ40" s="100">
        <v>0</v>
      </c>
      <c r="AK40" s="104">
        <v>0</v>
      </c>
      <c r="AL40" s="103">
        <v>0</v>
      </c>
      <c r="AM40" s="100">
        <v>0</v>
      </c>
      <c r="AN40" s="104">
        <v>27549</v>
      </c>
      <c r="AO40" s="104">
        <v>257868</v>
      </c>
      <c r="AP40" s="104">
        <v>257814</v>
      </c>
      <c r="AQ40" s="104">
        <v>777200</v>
      </c>
      <c r="AR40" s="104">
        <v>603837</v>
      </c>
      <c r="AS40" s="103">
        <v>1924268</v>
      </c>
      <c r="AT40" s="106">
        <v>1924268</v>
      </c>
      <c r="AU40" s="100">
        <v>0</v>
      </c>
      <c r="AV40" s="104">
        <v>52086</v>
      </c>
      <c r="AW40" s="103">
        <v>52086</v>
      </c>
      <c r="AX40" s="100">
        <v>0</v>
      </c>
      <c r="AY40" s="104">
        <v>2237259</v>
      </c>
      <c r="AZ40" s="104">
        <v>1212328</v>
      </c>
      <c r="BA40" s="104">
        <v>1639360</v>
      </c>
      <c r="BB40" s="104">
        <v>1009603</v>
      </c>
      <c r="BC40" s="104">
        <v>928026</v>
      </c>
      <c r="BD40" s="103">
        <v>7026576</v>
      </c>
      <c r="BE40" s="106">
        <v>7078662</v>
      </c>
      <c r="BF40" s="100">
        <v>0</v>
      </c>
      <c r="BG40" s="104">
        <v>5634</v>
      </c>
      <c r="BH40" s="102">
        <v>5634</v>
      </c>
      <c r="BI40" s="101">
        <v>0</v>
      </c>
      <c r="BJ40" s="104">
        <v>576915</v>
      </c>
      <c r="BK40" s="104">
        <v>452214</v>
      </c>
      <c r="BL40" s="104">
        <v>276561</v>
      </c>
      <c r="BM40" s="104">
        <v>325596</v>
      </c>
      <c r="BN40" s="104">
        <v>98541</v>
      </c>
      <c r="BO40" s="103">
        <v>1729827</v>
      </c>
      <c r="BP40" s="106">
        <v>1735461</v>
      </c>
      <c r="BQ40" s="100">
        <v>182402</v>
      </c>
      <c r="BR40" s="104">
        <v>233446</v>
      </c>
      <c r="BS40" s="103">
        <v>415848</v>
      </c>
      <c r="BT40" s="100">
        <v>0</v>
      </c>
      <c r="BU40" s="104">
        <v>1370565</v>
      </c>
      <c r="BV40" s="104">
        <v>879680</v>
      </c>
      <c r="BW40" s="104">
        <v>1083187</v>
      </c>
      <c r="BX40" s="104">
        <v>1105689</v>
      </c>
      <c r="BY40" s="104">
        <v>562803</v>
      </c>
      <c r="BZ40" s="103">
        <v>5001924</v>
      </c>
      <c r="CA40" s="106">
        <v>5417772</v>
      </c>
      <c r="CB40" s="100">
        <v>0</v>
      </c>
      <c r="CC40" s="104">
        <v>0</v>
      </c>
      <c r="CD40" s="103">
        <v>0</v>
      </c>
      <c r="CE40" s="100">
        <v>0</v>
      </c>
      <c r="CF40" s="104">
        <v>9848896</v>
      </c>
      <c r="CG40" s="104">
        <v>7100188</v>
      </c>
      <c r="CH40" s="104">
        <v>5669853</v>
      </c>
      <c r="CI40" s="104">
        <v>4107579</v>
      </c>
      <c r="CJ40" s="104">
        <v>2390165</v>
      </c>
      <c r="CK40" s="103">
        <v>29116681</v>
      </c>
      <c r="CL40" s="106">
        <v>29116681</v>
      </c>
      <c r="CM40" s="100">
        <v>0</v>
      </c>
      <c r="CN40" s="104">
        <v>0</v>
      </c>
      <c r="CO40" s="103">
        <v>0</v>
      </c>
      <c r="CP40" s="101">
        <v>0</v>
      </c>
      <c r="CQ40" s="104">
        <v>7262735</v>
      </c>
      <c r="CR40" s="104">
        <v>5982115</v>
      </c>
      <c r="CS40" s="104">
        <v>4970868</v>
      </c>
      <c r="CT40" s="104">
        <v>3336060</v>
      </c>
      <c r="CU40" s="104">
        <v>2305007</v>
      </c>
      <c r="CV40" s="103">
        <v>23856785</v>
      </c>
      <c r="CW40" s="106">
        <v>23856785</v>
      </c>
      <c r="CX40" s="100">
        <v>0</v>
      </c>
      <c r="CY40" s="104">
        <v>0</v>
      </c>
      <c r="CZ40" s="103">
        <v>0</v>
      </c>
      <c r="DA40" s="100">
        <v>0</v>
      </c>
      <c r="DB40" s="104">
        <v>2586161</v>
      </c>
      <c r="DC40" s="104">
        <v>1118073</v>
      </c>
      <c r="DD40" s="104">
        <v>698985</v>
      </c>
      <c r="DE40" s="104">
        <v>771519</v>
      </c>
      <c r="DF40" s="104">
        <v>85158</v>
      </c>
      <c r="DG40" s="103">
        <v>5259896</v>
      </c>
      <c r="DH40" s="106">
        <v>5259896</v>
      </c>
      <c r="DI40" s="100">
        <v>0</v>
      </c>
      <c r="DJ40" s="104">
        <v>0</v>
      </c>
      <c r="DK40" s="102">
        <v>0</v>
      </c>
      <c r="DL40" s="101">
        <v>0</v>
      </c>
      <c r="DM40" s="104">
        <v>521740</v>
      </c>
      <c r="DN40" s="104">
        <v>431750</v>
      </c>
      <c r="DO40" s="104">
        <v>1171625</v>
      </c>
      <c r="DP40" s="104">
        <v>1063242</v>
      </c>
      <c r="DQ40" s="104">
        <v>400494</v>
      </c>
      <c r="DR40" s="103">
        <v>3588851</v>
      </c>
      <c r="DS40" s="106">
        <v>3588851</v>
      </c>
      <c r="DT40" s="100">
        <v>0</v>
      </c>
      <c r="DU40" s="104">
        <v>0</v>
      </c>
      <c r="DV40" s="103">
        <v>0</v>
      </c>
      <c r="DW40" s="100">
        <v>0</v>
      </c>
      <c r="DX40" s="104">
        <v>420040</v>
      </c>
      <c r="DY40" s="104">
        <v>247932</v>
      </c>
      <c r="DZ40" s="104">
        <v>1134140</v>
      </c>
      <c r="EA40" s="104">
        <v>910980</v>
      </c>
      <c r="EB40" s="104">
        <v>340788</v>
      </c>
      <c r="EC40" s="103">
        <v>3053880</v>
      </c>
      <c r="ED40" s="106">
        <v>3053880</v>
      </c>
      <c r="EE40" s="100">
        <v>0</v>
      </c>
      <c r="EF40" s="102">
        <v>0</v>
      </c>
      <c r="EG40" s="103">
        <v>0</v>
      </c>
      <c r="EH40" s="100">
        <v>0</v>
      </c>
      <c r="EI40" s="104">
        <v>101700</v>
      </c>
      <c r="EJ40" s="104">
        <v>183818</v>
      </c>
      <c r="EK40" s="104">
        <v>37485</v>
      </c>
      <c r="EL40" s="104">
        <v>152262</v>
      </c>
      <c r="EM40" s="104">
        <v>59706</v>
      </c>
      <c r="EN40" s="102">
        <v>534971</v>
      </c>
      <c r="EO40" s="106">
        <v>534971</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06">
        <v>0</v>
      </c>
      <c r="FE40" s="104">
        <v>0</v>
      </c>
      <c r="FF40" s="104">
        <v>0</v>
      </c>
      <c r="FG40" s="104">
        <v>0</v>
      </c>
      <c r="FH40" s="104">
        <v>0</v>
      </c>
      <c r="FI40" s="104">
        <v>0</v>
      </c>
      <c r="FJ40" s="103">
        <v>0</v>
      </c>
      <c r="FK40" s="106">
        <v>0</v>
      </c>
      <c r="FL40" s="100">
        <v>14400</v>
      </c>
      <c r="FM40" s="104">
        <v>239410</v>
      </c>
      <c r="FN40" s="103">
        <v>253810</v>
      </c>
      <c r="FO40" s="100">
        <v>0</v>
      </c>
      <c r="FP40" s="104">
        <v>1446317</v>
      </c>
      <c r="FQ40" s="104">
        <v>1712147</v>
      </c>
      <c r="FR40" s="104">
        <v>1567569</v>
      </c>
      <c r="FS40" s="104">
        <v>1361116</v>
      </c>
      <c r="FT40" s="104">
        <v>768004</v>
      </c>
      <c r="FU40" s="103">
        <v>6855153</v>
      </c>
      <c r="FV40" s="106">
        <v>7108963</v>
      </c>
      <c r="FW40" s="105">
        <v>14400</v>
      </c>
      <c r="FX40" s="104">
        <v>1030</v>
      </c>
      <c r="FY40" s="102">
        <v>15430</v>
      </c>
      <c r="FZ40" s="101">
        <v>0</v>
      </c>
      <c r="GA40" s="104">
        <v>1247131</v>
      </c>
      <c r="GB40" s="104">
        <v>1657361</v>
      </c>
      <c r="GC40" s="104">
        <v>1469559</v>
      </c>
      <c r="GD40" s="104">
        <v>1311374</v>
      </c>
      <c r="GE40" s="104">
        <v>740464</v>
      </c>
      <c r="GF40" s="103">
        <v>6425889</v>
      </c>
      <c r="GG40" s="290">
        <v>6441319</v>
      </c>
      <c r="GH40" s="105">
        <v>0</v>
      </c>
      <c r="GI40" s="104">
        <v>72605</v>
      </c>
      <c r="GJ40" s="102">
        <v>72605</v>
      </c>
      <c r="GK40" s="101">
        <v>0</v>
      </c>
      <c r="GL40" s="104">
        <v>90584</v>
      </c>
      <c r="GM40" s="104">
        <v>54786</v>
      </c>
      <c r="GN40" s="104">
        <v>29700</v>
      </c>
      <c r="GO40" s="104">
        <v>0</v>
      </c>
      <c r="GP40" s="104">
        <v>0</v>
      </c>
      <c r="GQ40" s="103">
        <v>175070</v>
      </c>
      <c r="GR40" s="106">
        <v>247675</v>
      </c>
      <c r="GS40" s="100">
        <v>0</v>
      </c>
      <c r="GT40" s="104">
        <v>165775</v>
      </c>
      <c r="GU40" s="103">
        <v>165775</v>
      </c>
      <c r="GV40" s="100">
        <v>0</v>
      </c>
      <c r="GW40" s="104">
        <v>108602</v>
      </c>
      <c r="GX40" s="104">
        <v>0</v>
      </c>
      <c r="GY40" s="104">
        <v>68310</v>
      </c>
      <c r="GZ40" s="104">
        <v>49742</v>
      </c>
      <c r="HA40" s="104">
        <v>27540</v>
      </c>
      <c r="HB40" s="102">
        <v>254194</v>
      </c>
      <c r="HC40" s="106">
        <v>419969</v>
      </c>
      <c r="HD40" s="100">
        <v>875925</v>
      </c>
      <c r="HE40" s="104">
        <v>1334819</v>
      </c>
      <c r="HF40" s="102">
        <v>2210744</v>
      </c>
      <c r="HG40" s="101">
        <v>0</v>
      </c>
      <c r="HH40" s="104">
        <v>6843945</v>
      </c>
      <c r="HI40" s="104">
        <v>2670115</v>
      </c>
      <c r="HJ40" s="104">
        <v>4368038</v>
      </c>
      <c r="HK40" s="104">
        <v>7097822</v>
      </c>
      <c r="HL40" s="104">
        <v>2034392</v>
      </c>
      <c r="HM40" s="103">
        <v>23014312</v>
      </c>
      <c r="HN40" s="99">
        <v>25225056</v>
      </c>
      <c r="HO40" s="105">
        <v>9433</v>
      </c>
      <c r="HP40" s="104">
        <v>18621</v>
      </c>
      <c r="HQ40" s="103">
        <v>28054</v>
      </c>
      <c r="HR40" s="100">
        <v>0</v>
      </c>
      <c r="HS40" s="104">
        <v>3759874</v>
      </c>
      <c r="HT40" s="104">
        <v>1897363</v>
      </c>
      <c r="HU40" s="104">
        <v>1825857</v>
      </c>
      <c r="HV40" s="104">
        <v>1306794</v>
      </c>
      <c r="HW40" s="104">
        <v>517285</v>
      </c>
      <c r="HX40" s="102">
        <v>9307173</v>
      </c>
      <c r="HY40" s="106">
        <v>9335227</v>
      </c>
      <c r="HZ40" s="135">
        <v>151803</v>
      </c>
      <c r="IA40" s="122">
        <v>487647</v>
      </c>
      <c r="IB40" s="135">
        <v>639450</v>
      </c>
      <c r="IC40" s="131">
        <v>0</v>
      </c>
      <c r="ID40" s="119">
        <v>5651051</v>
      </c>
      <c r="IE40" s="132">
        <v>6411365</v>
      </c>
      <c r="IF40" s="120">
        <v>8127759</v>
      </c>
      <c r="IG40" s="119">
        <v>5345145</v>
      </c>
      <c r="IH40" s="120">
        <v>2539995</v>
      </c>
      <c r="II40" s="133">
        <v>28075315</v>
      </c>
      <c r="IJ40" s="135">
        <v>28714765</v>
      </c>
      <c r="IK40" s="215">
        <v>0</v>
      </c>
      <c r="IL40" s="219">
        <v>0</v>
      </c>
      <c r="IM40" s="220">
        <v>0</v>
      </c>
      <c r="IN40" s="127">
        <v>0</v>
      </c>
      <c r="IO40" s="109">
        <v>427478</v>
      </c>
      <c r="IP40" s="109">
        <v>0</v>
      </c>
      <c r="IQ40" s="109">
        <v>240222</v>
      </c>
      <c r="IR40" s="109">
        <v>232794</v>
      </c>
      <c r="IS40" s="109">
        <v>0</v>
      </c>
      <c r="IT40" s="128">
        <v>900494</v>
      </c>
      <c r="IU40" s="292">
        <v>900494</v>
      </c>
      <c r="IV40" s="129">
        <v>0</v>
      </c>
      <c r="IW40" s="109">
        <v>0</v>
      </c>
      <c r="IX40" s="110">
        <v>0</v>
      </c>
      <c r="IY40" s="443">
        <v>0</v>
      </c>
      <c r="IZ40" s="109">
        <v>0</v>
      </c>
      <c r="JA40" s="109">
        <v>0</v>
      </c>
      <c r="JB40" s="109">
        <v>0</v>
      </c>
      <c r="JC40" s="109">
        <v>0</v>
      </c>
      <c r="JD40" s="109">
        <v>0</v>
      </c>
      <c r="JE40" s="110">
        <v>0</v>
      </c>
      <c r="JF40" s="111">
        <v>0</v>
      </c>
      <c r="JG40" s="129">
        <v>0</v>
      </c>
      <c r="JH40" s="109">
        <v>0</v>
      </c>
      <c r="JI40" s="128">
        <v>0</v>
      </c>
      <c r="JJ40" s="108">
        <v>0</v>
      </c>
      <c r="JK40" s="109">
        <v>918657</v>
      </c>
      <c r="JL40" s="109">
        <v>1097252</v>
      </c>
      <c r="JM40" s="109">
        <v>1416546</v>
      </c>
      <c r="JN40" s="109">
        <v>1070262</v>
      </c>
      <c r="JO40" s="109">
        <v>274221</v>
      </c>
      <c r="JP40" s="110">
        <v>4776938</v>
      </c>
      <c r="JQ40" s="292">
        <v>4776938</v>
      </c>
      <c r="JR40" s="129">
        <v>0</v>
      </c>
      <c r="JS40" s="109">
        <v>0</v>
      </c>
      <c r="JT40" s="128">
        <v>0</v>
      </c>
      <c r="JU40" s="108">
        <v>0</v>
      </c>
      <c r="JV40" s="109">
        <v>0</v>
      </c>
      <c r="JW40" s="109">
        <v>0</v>
      </c>
      <c r="JX40" s="109">
        <v>0</v>
      </c>
      <c r="JY40" s="109">
        <v>0</v>
      </c>
      <c r="JZ40" s="109">
        <v>0</v>
      </c>
      <c r="KA40" s="110">
        <v>0</v>
      </c>
      <c r="KB40" s="292">
        <v>0</v>
      </c>
      <c r="KC40" s="217">
        <v>151803</v>
      </c>
      <c r="KD40" s="213">
        <v>243945</v>
      </c>
      <c r="KE40" s="110">
        <v>395748</v>
      </c>
      <c r="KF40" s="108">
        <v>0</v>
      </c>
      <c r="KG40" s="109">
        <v>1069706</v>
      </c>
      <c r="KH40" s="109">
        <v>1324960</v>
      </c>
      <c r="KI40" s="109">
        <v>2105181</v>
      </c>
      <c r="KJ40" s="109">
        <v>1000881</v>
      </c>
      <c r="KK40" s="109">
        <v>654387</v>
      </c>
      <c r="KL40" s="110">
        <v>6155115</v>
      </c>
      <c r="KM40" s="130">
        <v>6550863</v>
      </c>
      <c r="KN40" s="215">
        <v>0</v>
      </c>
      <c r="KO40" s="219">
        <v>243702</v>
      </c>
      <c r="KP40" s="220">
        <v>243702</v>
      </c>
      <c r="KQ40" s="443">
        <v>0</v>
      </c>
      <c r="KR40" s="109">
        <v>3235210</v>
      </c>
      <c r="KS40" s="109">
        <v>3989153</v>
      </c>
      <c r="KT40" s="109">
        <v>4365810</v>
      </c>
      <c r="KU40" s="109">
        <v>3041208</v>
      </c>
      <c r="KV40" s="109">
        <v>1611387</v>
      </c>
      <c r="KW40" s="110">
        <v>16242768</v>
      </c>
      <c r="KX40" s="292">
        <v>16486470</v>
      </c>
      <c r="KY40" s="129">
        <v>0</v>
      </c>
      <c r="KZ40" s="109">
        <v>0</v>
      </c>
      <c r="LA40" s="110">
        <v>0</v>
      </c>
      <c r="LB40" s="443">
        <v>0</v>
      </c>
      <c r="LC40" s="109">
        <v>0</v>
      </c>
      <c r="LD40" s="109">
        <v>0</v>
      </c>
      <c r="LE40" s="109">
        <v>0</v>
      </c>
      <c r="LF40" s="109">
        <v>0</v>
      </c>
      <c r="LG40" s="109">
        <v>0</v>
      </c>
      <c r="LH40" s="110">
        <v>0</v>
      </c>
      <c r="LI40" s="111">
        <v>0</v>
      </c>
      <c r="LJ40" s="129">
        <v>0</v>
      </c>
      <c r="LK40" s="109">
        <v>0</v>
      </c>
      <c r="LL40" s="110">
        <v>0</v>
      </c>
      <c r="LM40" s="443">
        <v>0</v>
      </c>
      <c r="LN40" s="109">
        <v>0</v>
      </c>
      <c r="LO40" s="109">
        <v>0</v>
      </c>
      <c r="LP40" s="109">
        <v>0</v>
      </c>
      <c r="LQ40" s="109">
        <v>0</v>
      </c>
      <c r="LR40" s="109">
        <v>0</v>
      </c>
      <c r="LS40" s="110">
        <v>0</v>
      </c>
      <c r="LT40" s="292">
        <v>0</v>
      </c>
      <c r="LU40" s="129">
        <v>0</v>
      </c>
      <c r="LV40" s="109">
        <v>0</v>
      </c>
      <c r="LW40" s="110">
        <v>0</v>
      </c>
      <c r="LX40" s="443">
        <v>0</v>
      </c>
      <c r="LY40" s="109">
        <v>0</v>
      </c>
      <c r="LZ40" s="109">
        <v>0</v>
      </c>
      <c r="MA40" s="109">
        <v>0</v>
      </c>
      <c r="MB40" s="109">
        <v>0</v>
      </c>
      <c r="MC40" s="109">
        <v>0</v>
      </c>
      <c r="MD40" s="110">
        <v>0</v>
      </c>
      <c r="ME40" s="111">
        <v>0</v>
      </c>
      <c r="MF40" s="129">
        <v>0</v>
      </c>
      <c r="MG40" s="109">
        <v>0</v>
      </c>
      <c r="MH40" s="110">
        <v>0</v>
      </c>
      <c r="MI40" s="443">
        <v>0</v>
      </c>
      <c r="MJ40" s="109">
        <v>6344876</v>
      </c>
      <c r="MK40" s="109">
        <v>8401013</v>
      </c>
      <c r="ML40" s="109">
        <v>15345814</v>
      </c>
      <c r="MM40" s="109">
        <v>18752796</v>
      </c>
      <c r="MN40" s="109">
        <v>13502412</v>
      </c>
      <c r="MO40" s="110">
        <v>62346911</v>
      </c>
      <c r="MP40" s="130">
        <v>62346911</v>
      </c>
      <c r="MQ40" s="129">
        <v>0</v>
      </c>
      <c r="MR40" s="109">
        <v>0</v>
      </c>
      <c r="MS40" s="110">
        <v>0</v>
      </c>
      <c r="MT40" s="443">
        <v>0</v>
      </c>
      <c r="MU40" s="109">
        <v>202410</v>
      </c>
      <c r="MV40" s="109">
        <v>253602</v>
      </c>
      <c r="MW40" s="109">
        <v>5299077</v>
      </c>
      <c r="MX40" s="109">
        <v>12287672</v>
      </c>
      <c r="MY40" s="109">
        <v>8663089</v>
      </c>
      <c r="MZ40" s="110">
        <v>26705850</v>
      </c>
      <c r="NA40" s="130">
        <v>26705850</v>
      </c>
      <c r="NB40" s="129">
        <v>0</v>
      </c>
      <c r="NC40" s="109">
        <v>0</v>
      </c>
      <c r="ND40" s="110">
        <v>0</v>
      </c>
      <c r="NE40" s="443">
        <v>0</v>
      </c>
      <c r="NF40" s="109">
        <v>5528549</v>
      </c>
      <c r="NG40" s="109">
        <v>7884143</v>
      </c>
      <c r="NH40" s="109">
        <v>7717438</v>
      </c>
      <c r="NI40" s="109">
        <v>4150368</v>
      </c>
      <c r="NJ40" s="109">
        <v>2906704</v>
      </c>
      <c r="NK40" s="110">
        <v>28187202</v>
      </c>
      <c r="NL40" s="292">
        <v>28187202</v>
      </c>
      <c r="NM40" s="129">
        <v>0</v>
      </c>
      <c r="NN40" s="109">
        <v>0</v>
      </c>
      <c r="NO40" s="110">
        <v>0</v>
      </c>
      <c r="NP40" s="443">
        <v>0</v>
      </c>
      <c r="NQ40" s="109">
        <v>0</v>
      </c>
      <c r="NR40" s="109">
        <v>0</v>
      </c>
      <c r="NS40" s="109">
        <v>0</v>
      </c>
      <c r="NT40" s="109">
        <v>0</v>
      </c>
      <c r="NU40" s="109">
        <v>0</v>
      </c>
      <c r="NV40" s="110">
        <v>0</v>
      </c>
      <c r="NW40" s="111">
        <v>0</v>
      </c>
      <c r="NX40" s="129">
        <v>0</v>
      </c>
      <c r="NY40" s="109">
        <v>0</v>
      </c>
      <c r="NZ40" s="110">
        <v>0</v>
      </c>
      <c r="OA40" s="443">
        <v>0</v>
      </c>
      <c r="OB40" s="109">
        <v>613917</v>
      </c>
      <c r="OC40" s="109">
        <v>263268</v>
      </c>
      <c r="OD40" s="109">
        <v>2329299</v>
      </c>
      <c r="OE40" s="109">
        <v>2314756</v>
      </c>
      <c r="OF40" s="109">
        <v>1932619</v>
      </c>
      <c r="OG40" s="110">
        <v>7453859</v>
      </c>
      <c r="OH40" s="111">
        <v>7453859</v>
      </c>
      <c r="OI40" s="129">
        <v>1233963</v>
      </c>
      <c r="OJ40" s="109">
        <v>2371663</v>
      </c>
      <c r="OK40" s="128">
        <v>3605626</v>
      </c>
      <c r="OL40" s="108">
        <v>0</v>
      </c>
      <c r="OM40" s="109">
        <v>41729203</v>
      </c>
      <c r="ON40" s="109">
        <v>34175934</v>
      </c>
      <c r="OO40" s="109">
        <v>45419229</v>
      </c>
      <c r="OP40" s="109">
        <v>46514503</v>
      </c>
      <c r="OQ40" s="109">
        <v>26553123</v>
      </c>
      <c r="OR40" s="110">
        <v>194391992</v>
      </c>
      <c r="OS40" s="130">
        <v>197997618</v>
      </c>
    </row>
    <row r="41" spans="2:409" ht="21" customHeight="1" x14ac:dyDescent="0.2">
      <c r="B41" s="437" t="s">
        <v>36</v>
      </c>
      <c r="C41" s="100">
        <v>1405889</v>
      </c>
      <c r="D41" s="104">
        <v>3037916</v>
      </c>
      <c r="E41" s="103">
        <v>4443805</v>
      </c>
      <c r="F41" s="99">
        <v>0</v>
      </c>
      <c r="G41" s="104">
        <v>22008427</v>
      </c>
      <c r="H41" s="104">
        <v>30777359</v>
      </c>
      <c r="I41" s="104">
        <v>22450551</v>
      </c>
      <c r="J41" s="104">
        <v>18737509</v>
      </c>
      <c r="K41" s="104">
        <v>17383368</v>
      </c>
      <c r="L41" s="156">
        <v>111357214</v>
      </c>
      <c r="M41" s="106">
        <v>115801019</v>
      </c>
      <c r="N41" s="100">
        <v>293732</v>
      </c>
      <c r="O41" s="104">
        <v>1130211</v>
      </c>
      <c r="P41" s="103">
        <v>1423943</v>
      </c>
      <c r="Q41" s="100">
        <v>0</v>
      </c>
      <c r="R41" s="104">
        <v>5609067</v>
      </c>
      <c r="S41" s="104">
        <v>9317107</v>
      </c>
      <c r="T41" s="104">
        <v>7790285</v>
      </c>
      <c r="U41" s="104">
        <v>7337143</v>
      </c>
      <c r="V41" s="104">
        <v>10371669</v>
      </c>
      <c r="W41" s="103">
        <v>40425271</v>
      </c>
      <c r="X41" s="106">
        <v>41849214</v>
      </c>
      <c r="Y41" s="100">
        <v>0</v>
      </c>
      <c r="Z41" s="104">
        <v>0</v>
      </c>
      <c r="AA41" s="103">
        <v>0</v>
      </c>
      <c r="AB41" s="100">
        <v>0</v>
      </c>
      <c r="AC41" s="104">
        <v>2346288</v>
      </c>
      <c r="AD41" s="104">
        <v>4408088</v>
      </c>
      <c r="AE41" s="104">
        <v>3861543</v>
      </c>
      <c r="AF41" s="104">
        <v>3765353</v>
      </c>
      <c r="AG41" s="104">
        <v>6652938</v>
      </c>
      <c r="AH41" s="103">
        <v>21034210</v>
      </c>
      <c r="AI41" s="106">
        <v>21034210</v>
      </c>
      <c r="AJ41" s="100">
        <v>0</v>
      </c>
      <c r="AK41" s="104">
        <v>26652</v>
      </c>
      <c r="AL41" s="103">
        <v>26652</v>
      </c>
      <c r="AM41" s="100">
        <v>0</v>
      </c>
      <c r="AN41" s="104">
        <v>52555</v>
      </c>
      <c r="AO41" s="104">
        <v>281706</v>
      </c>
      <c r="AP41" s="104">
        <v>574152</v>
      </c>
      <c r="AQ41" s="104">
        <v>557141</v>
      </c>
      <c r="AR41" s="104">
        <v>518676</v>
      </c>
      <c r="AS41" s="103">
        <v>1984230</v>
      </c>
      <c r="AT41" s="106">
        <v>2010882</v>
      </c>
      <c r="AU41" s="100">
        <v>183781</v>
      </c>
      <c r="AV41" s="104">
        <v>727173</v>
      </c>
      <c r="AW41" s="103">
        <v>910954</v>
      </c>
      <c r="AX41" s="100">
        <v>0</v>
      </c>
      <c r="AY41" s="104">
        <v>1967358</v>
      </c>
      <c r="AZ41" s="104">
        <v>2804676</v>
      </c>
      <c r="BA41" s="104">
        <v>2030526</v>
      </c>
      <c r="BB41" s="104">
        <v>2037307</v>
      </c>
      <c r="BC41" s="104">
        <v>2140672</v>
      </c>
      <c r="BD41" s="103">
        <v>10980539</v>
      </c>
      <c r="BE41" s="106">
        <v>11891493</v>
      </c>
      <c r="BF41" s="100">
        <v>40921</v>
      </c>
      <c r="BG41" s="104">
        <v>303738</v>
      </c>
      <c r="BH41" s="102">
        <v>344659</v>
      </c>
      <c r="BI41" s="101">
        <v>0</v>
      </c>
      <c r="BJ41" s="104">
        <v>575652</v>
      </c>
      <c r="BK41" s="104">
        <v>580998</v>
      </c>
      <c r="BL41" s="104">
        <v>126894</v>
      </c>
      <c r="BM41" s="104">
        <v>254610</v>
      </c>
      <c r="BN41" s="104">
        <v>182163</v>
      </c>
      <c r="BO41" s="103">
        <v>1720317</v>
      </c>
      <c r="BP41" s="106">
        <v>2064976</v>
      </c>
      <c r="BQ41" s="100">
        <v>69030</v>
      </c>
      <c r="BR41" s="104">
        <v>72648</v>
      </c>
      <c r="BS41" s="103">
        <v>141678</v>
      </c>
      <c r="BT41" s="100">
        <v>0</v>
      </c>
      <c r="BU41" s="104">
        <v>667214</v>
      </c>
      <c r="BV41" s="104">
        <v>1241639</v>
      </c>
      <c r="BW41" s="104">
        <v>1197170</v>
      </c>
      <c r="BX41" s="104">
        <v>722732</v>
      </c>
      <c r="BY41" s="104">
        <v>877220</v>
      </c>
      <c r="BZ41" s="103">
        <v>4705975</v>
      </c>
      <c r="CA41" s="106">
        <v>4847653</v>
      </c>
      <c r="CB41" s="100">
        <v>181356</v>
      </c>
      <c r="CC41" s="104">
        <v>249589</v>
      </c>
      <c r="CD41" s="103">
        <v>430945</v>
      </c>
      <c r="CE41" s="100">
        <v>0</v>
      </c>
      <c r="CF41" s="104">
        <v>6395451</v>
      </c>
      <c r="CG41" s="104">
        <v>10698383</v>
      </c>
      <c r="CH41" s="104">
        <v>5224651</v>
      </c>
      <c r="CI41" s="104">
        <v>3596359</v>
      </c>
      <c r="CJ41" s="104">
        <v>2332723</v>
      </c>
      <c r="CK41" s="103">
        <v>28247567</v>
      </c>
      <c r="CL41" s="106">
        <v>28678512</v>
      </c>
      <c r="CM41" s="100">
        <v>0</v>
      </c>
      <c r="CN41" s="104">
        <v>0</v>
      </c>
      <c r="CO41" s="103">
        <v>0</v>
      </c>
      <c r="CP41" s="101">
        <v>0</v>
      </c>
      <c r="CQ41" s="104">
        <v>5042330</v>
      </c>
      <c r="CR41" s="104">
        <v>8515959</v>
      </c>
      <c r="CS41" s="104">
        <v>3871630</v>
      </c>
      <c r="CT41" s="104">
        <v>3150893</v>
      </c>
      <c r="CU41" s="104">
        <v>2086654</v>
      </c>
      <c r="CV41" s="103">
        <v>22667466</v>
      </c>
      <c r="CW41" s="106">
        <v>22667466</v>
      </c>
      <c r="CX41" s="100">
        <v>181356</v>
      </c>
      <c r="CY41" s="104">
        <v>249589</v>
      </c>
      <c r="CZ41" s="103">
        <v>430945</v>
      </c>
      <c r="DA41" s="100">
        <v>0</v>
      </c>
      <c r="DB41" s="104">
        <v>1353121</v>
      </c>
      <c r="DC41" s="104">
        <v>2182424</v>
      </c>
      <c r="DD41" s="104">
        <v>1353021</v>
      </c>
      <c r="DE41" s="104">
        <v>445466</v>
      </c>
      <c r="DF41" s="104">
        <v>246069</v>
      </c>
      <c r="DG41" s="103">
        <v>5580101</v>
      </c>
      <c r="DH41" s="106">
        <v>6011046</v>
      </c>
      <c r="DI41" s="100">
        <v>0</v>
      </c>
      <c r="DJ41" s="104">
        <v>0</v>
      </c>
      <c r="DK41" s="102">
        <v>0</v>
      </c>
      <c r="DL41" s="101">
        <v>0</v>
      </c>
      <c r="DM41" s="104">
        <v>769593</v>
      </c>
      <c r="DN41" s="104">
        <v>1776596</v>
      </c>
      <c r="DO41" s="104">
        <v>2369072</v>
      </c>
      <c r="DP41" s="104">
        <v>3342052</v>
      </c>
      <c r="DQ41" s="104">
        <v>1375755</v>
      </c>
      <c r="DR41" s="103">
        <v>9633068</v>
      </c>
      <c r="DS41" s="106">
        <v>9633068</v>
      </c>
      <c r="DT41" s="100">
        <v>0</v>
      </c>
      <c r="DU41" s="104">
        <v>0</v>
      </c>
      <c r="DV41" s="103">
        <v>0</v>
      </c>
      <c r="DW41" s="100">
        <v>0</v>
      </c>
      <c r="DX41" s="104">
        <v>692311</v>
      </c>
      <c r="DY41" s="104">
        <v>1731155</v>
      </c>
      <c r="DZ41" s="104">
        <v>2369072</v>
      </c>
      <c r="EA41" s="104">
        <v>3307808</v>
      </c>
      <c r="EB41" s="104">
        <v>1375755</v>
      </c>
      <c r="EC41" s="103">
        <v>9476101</v>
      </c>
      <c r="ED41" s="106">
        <v>9476101</v>
      </c>
      <c r="EE41" s="100">
        <v>0</v>
      </c>
      <c r="EF41" s="102">
        <v>0</v>
      </c>
      <c r="EG41" s="103">
        <v>0</v>
      </c>
      <c r="EH41" s="100">
        <v>0</v>
      </c>
      <c r="EI41" s="104">
        <v>77282</v>
      </c>
      <c r="EJ41" s="104">
        <v>45441</v>
      </c>
      <c r="EK41" s="104">
        <v>0</v>
      </c>
      <c r="EL41" s="104">
        <v>34244</v>
      </c>
      <c r="EM41" s="104">
        <v>0</v>
      </c>
      <c r="EN41" s="102">
        <v>156967</v>
      </c>
      <c r="EO41" s="106">
        <v>156967</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06">
        <v>0</v>
      </c>
      <c r="FE41" s="104">
        <v>0</v>
      </c>
      <c r="FF41" s="104">
        <v>0</v>
      </c>
      <c r="FG41" s="104">
        <v>0</v>
      </c>
      <c r="FH41" s="104">
        <v>0</v>
      </c>
      <c r="FI41" s="104">
        <v>0</v>
      </c>
      <c r="FJ41" s="103">
        <v>0</v>
      </c>
      <c r="FK41" s="106">
        <v>0</v>
      </c>
      <c r="FL41" s="100">
        <v>496252</v>
      </c>
      <c r="FM41" s="104">
        <v>927344</v>
      </c>
      <c r="FN41" s="103">
        <v>1423596</v>
      </c>
      <c r="FO41" s="100">
        <v>0</v>
      </c>
      <c r="FP41" s="104">
        <v>2408390</v>
      </c>
      <c r="FQ41" s="104">
        <v>3193593</v>
      </c>
      <c r="FR41" s="104">
        <v>1962536</v>
      </c>
      <c r="FS41" s="104">
        <v>1529694</v>
      </c>
      <c r="FT41" s="104">
        <v>1240939</v>
      </c>
      <c r="FU41" s="103">
        <v>10335152</v>
      </c>
      <c r="FV41" s="106">
        <v>11758748</v>
      </c>
      <c r="FW41" s="105">
        <v>198652</v>
      </c>
      <c r="FX41" s="104">
        <v>781364</v>
      </c>
      <c r="FY41" s="102">
        <v>980016</v>
      </c>
      <c r="FZ41" s="101">
        <v>0</v>
      </c>
      <c r="GA41" s="104">
        <v>1612610</v>
      </c>
      <c r="GB41" s="104">
        <v>2841351</v>
      </c>
      <c r="GC41" s="104">
        <v>1937143</v>
      </c>
      <c r="GD41" s="104">
        <v>1496417</v>
      </c>
      <c r="GE41" s="104">
        <v>1209439</v>
      </c>
      <c r="GF41" s="103">
        <v>9096960</v>
      </c>
      <c r="GG41" s="290">
        <v>10076976</v>
      </c>
      <c r="GH41" s="105">
        <v>0</v>
      </c>
      <c r="GI41" s="104">
        <v>10350</v>
      </c>
      <c r="GJ41" s="102">
        <v>10350</v>
      </c>
      <c r="GK41" s="101">
        <v>0</v>
      </c>
      <c r="GL41" s="104">
        <v>69300</v>
      </c>
      <c r="GM41" s="104">
        <v>68742</v>
      </c>
      <c r="GN41" s="104">
        <v>25393</v>
      </c>
      <c r="GO41" s="104">
        <v>11137</v>
      </c>
      <c r="GP41" s="104">
        <v>0</v>
      </c>
      <c r="GQ41" s="103">
        <v>174572</v>
      </c>
      <c r="GR41" s="106">
        <v>184922</v>
      </c>
      <c r="GS41" s="100">
        <v>297600</v>
      </c>
      <c r="GT41" s="104">
        <v>135630</v>
      </c>
      <c r="GU41" s="103">
        <v>433230</v>
      </c>
      <c r="GV41" s="100">
        <v>0</v>
      </c>
      <c r="GW41" s="104">
        <v>726480</v>
      </c>
      <c r="GX41" s="104">
        <v>283500</v>
      </c>
      <c r="GY41" s="104">
        <v>0</v>
      </c>
      <c r="GZ41" s="104">
        <v>22140</v>
      </c>
      <c r="HA41" s="104">
        <v>31500</v>
      </c>
      <c r="HB41" s="102">
        <v>1063620</v>
      </c>
      <c r="HC41" s="106">
        <v>1496850</v>
      </c>
      <c r="HD41" s="100">
        <v>213988</v>
      </c>
      <c r="HE41" s="104">
        <v>104066</v>
      </c>
      <c r="HF41" s="102">
        <v>318054</v>
      </c>
      <c r="HG41" s="101">
        <v>0</v>
      </c>
      <c r="HH41" s="104">
        <v>3276095</v>
      </c>
      <c r="HI41" s="104">
        <v>2330542</v>
      </c>
      <c r="HJ41" s="104">
        <v>2884940</v>
      </c>
      <c r="HK41" s="104">
        <v>1229538</v>
      </c>
      <c r="HL41" s="104">
        <v>798600</v>
      </c>
      <c r="HM41" s="103">
        <v>10519715</v>
      </c>
      <c r="HN41" s="99">
        <v>10837769</v>
      </c>
      <c r="HO41" s="105">
        <v>220561</v>
      </c>
      <c r="HP41" s="104">
        <v>626706</v>
      </c>
      <c r="HQ41" s="103">
        <v>847267</v>
      </c>
      <c r="HR41" s="100">
        <v>0</v>
      </c>
      <c r="HS41" s="104">
        <v>3549831</v>
      </c>
      <c r="HT41" s="104">
        <v>3461138</v>
      </c>
      <c r="HU41" s="104">
        <v>2219067</v>
      </c>
      <c r="HV41" s="104">
        <v>1702723</v>
      </c>
      <c r="HW41" s="104">
        <v>1263682</v>
      </c>
      <c r="HX41" s="102">
        <v>12196441</v>
      </c>
      <c r="HY41" s="106">
        <v>13043708</v>
      </c>
      <c r="HZ41" s="118">
        <v>0</v>
      </c>
      <c r="IA41" s="119">
        <v>85349</v>
      </c>
      <c r="IB41" s="120">
        <v>85349</v>
      </c>
      <c r="IC41" s="131">
        <v>0</v>
      </c>
      <c r="ID41" s="119">
        <v>5277048</v>
      </c>
      <c r="IE41" s="132">
        <v>10053842</v>
      </c>
      <c r="IF41" s="120">
        <v>9396697</v>
      </c>
      <c r="IG41" s="119">
        <v>5278403</v>
      </c>
      <c r="IH41" s="120">
        <v>4435901</v>
      </c>
      <c r="II41" s="133">
        <v>34441891</v>
      </c>
      <c r="IJ41" s="126">
        <v>34527240</v>
      </c>
      <c r="IK41" s="215">
        <v>0</v>
      </c>
      <c r="IL41" s="219">
        <v>0</v>
      </c>
      <c r="IM41" s="220">
        <v>0</v>
      </c>
      <c r="IN41" s="127">
        <v>0</v>
      </c>
      <c r="IO41" s="109">
        <v>0</v>
      </c>
      <c r="IP41" s="109">
        <v>108954</v>
      </c>
      <c r="IQ41" s="109">
        <v>0</v>
      </c>
      <c r="IR41" s="109">
        <v>0</v>
      </c>
      <c r="IS41" s="109">
        <v>0</v>
      </c>
      <c r="IT41" s="128">
        <v>108954</v>
      </c>
      <c r="IU41" s="292">
        <v>108954</v>
      </c>
      <c r="IV41" s="129">
        <v>0</v>
      </c>
      <c r="IW41" s="109">
        <v>0</v>
      </c>
      <c r="IX41" s="110">
        <v>0</v>
      </c>
      <c r="IY41" s="443">
        <v>0</v>
      </c>
      <c r="IZ41" s="109">
        <v>0</v>
      </c>
      <c r="JA41" s="109">
        <v>0</v>
      </c>
      <c r="JB41" s="109">
        <v>0</v>
      </c>
      <c r="JC41" s="109">
        <v>0</v>
      </c>
      <c r="JD41" s="109">
        <v>0</v>
      </c>
      <c r="JE41" s="110">
        <v>0</v>
      </c>
      <c r="JF41" s="111">
        <v>0</v>
      </c>
      <c r="JG41" s="129">
        <v>0</v>
      </c>
      <c r="JH41" s="109">
        <v>0</v>
      </c>
      <c r="JI41" s="128">
        <v>0</v>
      </c>
      <c r="JJ41" s="108">
        <v>0</v>
      </c>
      <c r="JK41" s="109">
        <v>2597372</v>
      </c>
      <c r="JL41" s="109">
        <v>2307769</v>
      </c>
      <c r="JM41" s="109">
        <v>4367799</v>
      </c>
      <c r="JN41" s="109">
        <v>1738047</v>
      </c>
      <c r="JO41" s="109">
        <v>2400185</v>
      </c>
      <c r="JP41" s="110">
        <v>13411172</v>
      </c>
      <c r="JQ41" s="292">
        <v>13411172</v>
      </c>
      <c r="JR41" s="129">
        <v>0</v>
      </c>
      <c r="JS41" s="109">
        <v>0</v>
      </c>
      <c r="JT41" s="128">
        <v>0</v>
      </c>
      <c r="JU41" s="108">
        <v>0</v>
      </c>
      <c r="JV41" s="109">
        <v>0</v>
      </c>
      <c r="JW41" s="109">
        <v>0</v>
      </c>
      <c r="JX41" s="109">
        <v>0</v>
      </c>
      <c r="JY41" s="109">
        <v>0</v>
      </c>
      <c r="JZ41" s="109">
        <v>0</v>
      </c>
      <c r="KA41" s="110">
        <v>0</v>
      </c>
      <c r="KB41" s="292">
        <v>0</v>
      </c>
      <c r="KC41" s="217">
        <v>0</v>
      </c>
      <c r="KD41" s="213">
        <v>85349</v>
      </c>
      <c r="KE41" s="110">
        <v>85349</v>
      </c>
      <c r="KF41" s="108">
        <v>0</v>
      </c>
      <c r="KG41" s="109">
        <v>1345536</v>
      </c>
      <c r="KH41" s="109">
        <v>2634679</v>
      </c>
      <c r="KI41" s="109">
        <v>2021830</v>
      </c>
      <c r="KJ41" s="109">
        <v>850305</v>
      </c>
      <c r="KK41" s="109">
        <v>612588</v>
      </c>
      <c r="KL41" s="110">
        <v>7464938</v>
      </c>
      <c r="KM41" s="130">
        <v>7550287</v>
      </c>
      <c r="KN41" s="215">
        <v>0</v>
      </c>
      <c r="KO41" s="219">
        <v>0</v>
      </c>
      <c r="KP41" s="220">
        <v>0</v>
      </c>
      <c r="KQ41" s="443">
        <v>0</v>
      </c>
      <c r="KR41" s="109">
        <v>1334140</v>
      </c>
      <c r="KS41" s="109">
        <v>5002440</v>
      </c>
      <c r="KT41" s="109">
        <v>3007068</v>
      </c>
      <c r="KU41" s="109">
        <v>2363002</v>
      </c>
      <c r="KV41" s="109">
        <v>1423128</v>
      </c>
      <c r="KW41" s="110">
        <v>13129778</v>
      </c>
      <c r="KX41" s="292">
        <v>13129778</v>
      </c>
      <c r="KY41" s="129">
        <v>0</v>
      </c>
      <c r="KZ41" s="109">
        <v>0</v>
      </c>
      <c r="LA41" s="110">
        <v>0</v>
      </c>
      <c r="LB41" s="443">
        <v>0</v>
      </c>
      <c r="LC41" s="109">
        <v>0</v>
      </c>
      <c r="LD41" s="109">
        <v>0</v>
      </c>
      <c r="LE41" s="109">
        <v>0</v>
      </c>
      <c r="LF41" s="109">
        <v>0</v>
      </c>
      <c r="LG41" s="109">
        <v>0</v>
      </c>
      <c r="LH41" s="110">
        <v>0</v>
      </c>
      <c r="LI41" s="111">
        <v>0</v>
      </c>
      <c r="LJ41" s="129">
        <v>0</v>
      </c>
      <c r="LK41" s="109">
        <v>0</v>
      </c>
      <c r="LL41" s="110">
        <v>0</v>
      </c>
      <c r="LM41" s="443">
        <v>0</v>
      </c>
      <c r="LN41" s="109">
        <v>0</v>
      </c>
      <c r="LO41" s="109">
        <v>0</v>
      </c>
      <c r="LP41" s="109">
        <v>0</v>
      </c>
      <c r="LQ41" s="109">
        <v>0</v>
      </c>
      <c r="LR41" s="109">
        <v>0</v>
      </c>
      <c r="LS41" s="110">
        <v>0</v>
      </c>
      <c r="LT41" s="292">
        <v>0</v>
      </c>
      <c r="LU41" s="129">
        <v>0</v>
      </c>
      <c r="LV41" s="109">
        <v>0</v>
      </c>
      <c r="LW41" s="110">
        <v>0</v>
      </c>
      <c r="LX41" s="443">
        <v>0</v>
      </c>
      <c r="LY41" s="109">
        <v>0</v>
      </c>
      <c r="LZ41" s="109">
        <v>0</v>
      </c>
      <c r="MA41" s="109">
        <v>0</v>
      </c>
      <c r="MB41" s="109">
        <v>327049</v>
      </c>
      <c r="MC41" s="109">
        <v>0</v>
      </c>
      <c r="MD41" s="110">
        <v>327049</v>
      </c>
      <c r="ME41" s="111">
        <v>327049</v>
      </c>
      <c r="MF41" s="129">
        <v>0</v>
      </c>
      <c r="MG41" s="109">
        <v>0</v>
      </c>
      <c r="MH41" s="110">
        <v>0</v>
      </c>
      <c r="MI41" s="443">
        <v>0</v>
      </c>
      <c r="MJ41" s="109">
        <v>3167543</v>
      </c>
      <c r="MK41" s="109">
        <v>6482513</v>
      </c>
      <c r="ML41" s="109">
        <v>25036854</v>
      </c>
      <c r="MM41" s="109">
        <v>42054966</v>
      </c>
      <c r="MN41" s="109">
        <v>27403713</v>
      </c>
      <c r="MO41" s="110">
        <v>104145589</v>
      </c>
      <c r="MP41" s="130">
        <v>104145589</v>
      </c>
      <c r="MQ41" s="129">
        <v>0</v>
      </c>
      <c r="MR41" s="109">
        <v>0</v>
      </c>
      <c r="MS41" s="110">
        <v>0</v>
      </c>
      <c r="MT41" s="443">
        <v>0</v>
      </c>
      <c r="MU41" s="109">
        <v>0</v>
      </c>
      <c r="MV41" s="109">
        <v>718951</v>
      </c>
      <c r="MW41" s="109">
        <v>16112843</v>
      </c>
      <c r="MX41" s="109">
        <v>22706387</v>
      </c>
      <c r="MY41" s="109">
        <v>19488763</v>
      </c>
      <c r="MZ41" s="110">
        <v>59026944</v>
      </c>
      <c r="NA41" s="130">
        <v>59026944</v>
      </c>
      <c r="NB41" s="129">
        <v>0</v>
      </c>
      <c r="NC41" s="109">
        <v>0</v>
      </c>
      <c r="ND41" s="110">
        <v>0</v>
      </c>
      <c r="NE41" s="443">
        <v>0</v>
      </c>
      <c r="NF41" s="109">
        <v>3167543</v>
      </c>
      <c r="NG41" s="109">
        <v>5763562</v>
      </c>
      <c r="NH41" s="109">
        <v>8924011</v>
      </c>
      <c r="NI41" s="109">
        <v>15908454</v>
      </c>
      <c r="NJ41" s="109">
        <v>6681307</v>
      </c>
      <c r="NK41" s="110">
        <v>40444877</v>
      </c>
      <c r="NL41" s="292">
        <v>40444877</v>
      </c>
      <c r="NM41" s="129">
        <v>0</v>
      </c>
      <c r="NN41" s="109">
        <v>0</v>
      </c>
      <c r="NO41" s="110">
        <v>0</v>
      </c>
      <c r="NP41" s="443">
        <v>0</v>
      </c>
      <c r="NQ41" s="109">
        <v>0</v>
      </c>
      <c r="NR41" s="109">
        <v>0</v>
      </c>
      <c r="NS41" s="109">
        <v>0</v>
      </c>
      <c r="NT41" s="109">
        <v>347832</v>
      </c>
      <c r="NU41" s="109">
        <v>350051</v>
      </c>
      <c r="NV41" s="110">
        <v>697883</v>
      </c>
      <c r="NW41" s="111">
        <v>697883</v>
      </c>
      <c r="NX41" s="129">
        <v>0</v>
      </c>
      <c r="NY41" s="109">
        <v>0</v>
      </c>
      <c r="NZ41" s="110">
        <v>0</v>
      </c>
      <c r="OA41" s="443">
        <v>0</v>
      </c>
      <c r="OB41" s="109">
        <v>0</v>
      </c>
      <c r="OC41" s="109">
        <v>0</v>
      </c>
      <c r="OD41" s="109">
        <v>0</v>
      </c>
      <c r="OE41" s="109">
        <v>3092293</v>
      </c>
      <c r="OF41" s="109">
        <v>883592</v>
      </c>
      <c r="OG41" s="110">
        <v>3975885</v>
      </c>
      <c r="OH41" s="111">
        <v>3975885</v>
      </c>
      <c r="OI41" s="129">
        <v>1405889</v>
      </c>
      <c r="OJ41" s="109">
        <v>3123265</v>
      </c>
      <c r="OK41" s="128">
        <v>4529154</v>
      </c>
      <c r="OL41" s="108">
        <v>0</v>
      </c>
      <c r="OM41" s="109">
        <v>30453018</v>
      </c>
      <c r="ON41" s="109">
        <v>47313714</v>
      </c>
      <c r="OO41" s="109">
        <v>56884102</v>
      </c>
      <c r="OP41" s="109">
        <v>66070878</v>
      </c>
      <c r="OQ41" s="109">
        <v>49222982</v>
      </c>
      <c r="OR41" s="110">
        <v>249944694</v>
      </c>
      <c r="OS41" s="130">
        <v>254473848</v>
      </c>
    </row>
    <row r="42" spans="2:409" ht="21" customHeight="1" thickBot="1" x14ac:dyDescent="0.25">
      <c r="B42" s="438" t="s">
        <v>37</v>
      </c>
      <c r="C42" s="107">
        <v>384861</v>
      </c>
      <c r="D42" s="161">
        <v>8163</v>
      </c>
      <c r="E42" s="162">
        <v>393024</v>
      </c>
      <c r="F42" s="163">
        <v>0</v>
      </c>
      <c r="G42" s="161">
        <v>1411870</v>
      </c>
      <c r="H42" s="161">
        <v>1969204</v>
      </c>
      <c r="I42" s="161">
        <v>2072346</v>
      </c>
      <c r="J42" s="161">
        <v>1873130</v>
      </c>
      <c r="K42" s="161">
        <v>1021644</v>
      </c>
      <c r="L42" s="163">
        <v>8348194</v>
      </c>
      <c r="M42" s="164">
        <v>8741218</v>
      </c>
      <c r="N42" s="107">
        <v>96636</v>
      </c>
      <c r="O42" s="161">
        <v>0</v>
      </c>
      <c r="P42" s="162">
        <v>96636</v>
      </c>
      <c r="Q42" s="107">
        <v>0</v>
      </c>
      <c r="R42" s="161">
        <v>300691</v>
      </c>
      <c r="S42" s="161">
        <v>382103</v>
      </c>
      <c r="T42" s="161">
        <v>594832</v>
      </c>
      <c r="U42" s="161">
        <v>600423</v>
      </c>
      <c r="V42" s="161">
        <v>589724</v>
      </c>
      <c r="W42" s="162">
        <v>2467773</v>
      </c>
      <c r="X42" s="164">
        <v>2564409</v>
      </c>
      <c r="Y42" s="107">
        <v>0</v>
      </c>
      <c r="Z42" s="161">
        <v>0</v>
      </c>
      <c r="AA42" s="162">
        <v>0</v>
      </c>
      <c r="AB42" s="107">
        <v>0</v>
      </c>
      <c r="AC42" s="161">
        <v>149108</v>
      </c>
      <c r="AD42" s="161">
        <v>185078</v>
      </c>
      <c r="AE42" s="161">
        <v>413355</v>
      </c>
      <c r="AF42" s="161">
        <v>199957</v>
      </c>
      <c r="AG42" s="161">
        <v>240736</v>
      </c>
      <c r="AH42" s="162">
        <v>1188234</v>
      </c>
      <c r="AI42" s="164">
        <v>1188234</v>
      </c>
      <c r="AJ42" s="107">
        <v>0</v>
      </c>
      <c r="AK42" s="161">
        <v>0</v>
      </c>
      <c r="AL42" s="162">
        <v>0</v>
      </c>
      <c r="AM42" s="107">
        <v>0</v>
      </c>
      <c r="AN42" s="161">
        <v>0</v>
      </c>
      <c r="AO42" s="161">
        <v>0</v>
      </c>
      <c r="AP42" s="161">
        <v>0</v>
      </c>
      <c r="AQ42" s="161">
        <v>0</v>
      </c>
      <c r="AR42" s="161">
        <v>28770</v>
      </c>
      <c r="AS42" s="162">
        <v>28770</v>
      </c>
      <c r="AT42" s="164">
        <v>28770</v>
      </c>
      <c r="AU42" s="107">
        <v>57504</v>
      </c>
      <c r="AV42" s="161">
        <v>0</v>
      </c>
      <c r="AW42" s="162">
        <v>57504</v>
      </c>
      <c r="AX42" s="107">
        <v>0</v>
      </c>
      <c r="AY42" s="161">
        <v>96815</v>
      </c>
      <c r="AZ42" s="161">
        <v>159819</v>
      </c>
      <c r="BA42" s="161">
        <v>124660</v>
      </c>
      <c r="BB42" s="161">
        <v>221637</v>
      </c>
      <c r="BC42" s="161">
        <v>227062</v>
      </c>
      <c r="BD42" s="162">
        <v>829993</v>
      </c>
      <c r="BE42" s="164">
        <v>887497</v>
      </c>
      <c r="BF42" s="107">
        <v>0</v>
      </c>
      <c r="BG42" s="161">
        <v>0</v>
      </c>
      <c r="BH42" s="166">
        <v>0</v>
      </c>
      <c r="BI42" s="165">
        <v>0</v>
      </c>
      <c r="BJ42" s="161">
        <v>8211</v>
      </c>
      <c r="BK42" s="161">
        <v>22536</v>
      </c>
      <c r="BL42" s="161">
        <v>0</v>
      </c>
      <c r="BM42" s="161">
        <v>41426</v>
      </c>
      <c r="BN42" s="161">
        <v>14381</v>
      </c>
      <c r="BO42" s="162">
        <v>86554</v>
      </c>
      <c r="BP42" s="164">
        <v>86554</v>
      </c>
      <c r="BQ42" s="107">
        <v>39132</v>
      </c>
      <c r="BR42" s="161">
        <v>0</v>
      </c>
      <c r="BS42" s="162">
        <v>39132</v>
      </c>
      <c r="BT42" s="107">
        <v>0</v>
      </c>
      <c r="BU42" s="161">
        <v>46557</v>
      </c>
      <c r="BV42" s="161">
        <v>14670</v>
      </c>
      <c r="BW42" s="161">
        <v>56817</v>
      </c>
      <c r="BX42" s="161">
        <v>137403</v>
      </c>
      <c r="BY42" s="161">
        <v>78775</v>
      </c>
      <c r="BZ42" s="162">
        <v>334222</v>
      </c>
      <c r="CA42" s="164">
        <v>373354</v>
      </c>
      <c r="CB42" s="107">
        <v>89433</v>
      </c>
      <c r="CC42" s="161">
        <v>0</v>
      </c>
      <c r="CD42" s="162">
        <v>89433</v>
      </c>
      <c r="CE42" s="107">
        <v>0</v>
      </c>
      <c r="CF42" s="161">
        <v>557495</v>
      </c>
      <c r="CG42" s="161">
        <v>778331</v>
      </c>
      <c r="CH42" s="161">
        <v>711817</v>
      </c>
      <c r="CI42" s="161">
        <v>649071</v>
      </c>
      <c r="CJ42" s="161">
        <v>176864</v>
      </c>
      <c r="CK42" s="162">
        <v>2873578</v>
      </c>
      <c r="CL42" s="164">
        <v>2963011</v>
      </c>
      <c r="CM42" s="107">
        <v>0</v>
      </c>
      <c r="CN42" s="161">
        <v>0</v>
      </c>
      <c r="CO42" s="162">
        <v>0</v>
      </c>
      <c r="CP42" s="165">
        <v>0</v>
      </c>
      <c r="CQ42" s="161">
        <v>320887</v>
      </c>
      <c r="CR42" s="161">
        <v>422406</v>
      </c>
      <c r="CS42" s="161">
        <v>625276</v>
      </c>
      <c r="CT42" s="161">
        <v>419737</v>
      </c>
      <c r="CU42" s="161">
        <v>84159</v>
      </c>
      <c r="CV42" s="162">
        <v>1872465</v>
      </c>
      <c r="CW42" s="164">
        <v>1872465</v>
      </c>
      <c r="CX42" s="107">
        <v>89433</v>
      </c>
      <c r="CY42" s="161">
        <v>0</v>
      </c>
      <c r="CZ42" s="162">
        <v>89433</v>
      </c>
      <c r="DA42" s="107">
        <v>0</v>
      </c>
      <c r="DB42" s="161">
        <v>236608</v>
      </c>
      <c r="DC42" s="161">
        <v>355925</v>
      </c>
      <c r="DD42" s="161">
        <v>86541</v>
      </c>
      <c r="DE42" s="161">
        <v>229334</v>
      </c>
      <c r="DF42" s="161">
        <v>92705</v>
      </c>
      <c r="DG42" s="162">
        <v>1001113</v>
      </c>
      <c r="DH42" s="164">
        <v>1090546</v>
      </c>
      <c r="DI42" s="107">
        <v>0</v>
      </c>
      <c r="DJ42" s="161">
        <v>0</v>
      </c>
      <c r="DK42" s="166">
        <v>0</v>
      </c>
      <c r="DL42" s="165">
        <v>0</v>
      </c>
      <c r="DM42" s="161">
        <v>0</v>
      </c>
      <c r="DN42" s="161">
        <v>47048</v>
      </c>
      <c r="DO42" s="161">
        <v>216625</v>
      </c>
      <c r="DP42" s="161">
        <v>212658</v>
      </c>
      <c r="DQ42" s="161">
        <v>44754</v>
      </c>
      <c r="DR42" s="162">
        <v>521085</v>
      </c>
      <c r="DS42" s="164">
        <v>521085</v>
      </c>
      <c r="DT42" s="107">
        <v>0</v>
      </c>
      <c r="DU42" s="161">
        <v>0</v>
      </c>
      <c r="DV42" s="162">
        <v>0</v>
      </c>
      <c r="DW42" s="107">
        <v>0</v>
      </c>
      <c r="DX42" s="161">
        <v>0</v>
      </c>
      <c r="DY42" s="161">
        <v>47048</v>
      </c>
      <c r="DZ42" s="161">
        <v>216625</v>
      </c>
      <c r="EA42" s="161">
        <v>132549</v>
      </c>
      <c r="EB42" s="161">
        <v>0</v>
      </c>
      <c r="EC42" s="162">
        <v>396222</v>
      </c>
      <c r="ED42" s="164">
        <v>396222</v>
      </c>
      <c r="EE42" s="107">
        <v>0</v>
      </c>
      <c r="EF42" s="166">
        <v>0</v>
      </c>
      <c r="EG42" s="162">
        <v>0</v>
      </c>
      <c r="EH42" s="107">
        <v>0</v>
      </c>
      <c r="EI42" s="161">
        <v>0</v>
      </c>
      <c r="EJ42" s="161">
        <v>0</v>
      </c>
      <c r="EK42" s="161">
        <v>0</v>
      </c>
      <c r="EL42" s="161">
        <v>80109</v>
      </c>
      <c r="EM42" s="161">
        <v>44754</v>
      </c>
      <c r="EN42" s="166">
        <v>124863</v>
      </c>
      <c r="EO42" s="164">
        <v>124863</v>
      </c>
      <c r="EP42" s="107">
        <v>0</v>
      </c>
      <c r="EQ42" s="161">
        <v>0</v>
      </c>
      <c r="ER42" s="166">
        <v>0</v>
      </c>
      <c r="ES42" s="165">
        <v>0</v>
      </c>
      <c r="ET42" s="161">
        <v>0</v>
      </c>
      <c r="EU42" s="161">
        <v>0</v>
      </c>
      <c r="EV42" s="161">
        <v>0</v>
      </c>
      <c r="EW42" s="161">
        <v>0</v>
      </c>
      <c r="EX42" s="161">
        <v>0</v>
      </c>
      <c r="EY42" s="162">
        <v>0</v>
      </c>
      <c r="EZ42" s="164">
        <v>0</v>
      </c>
      <c r="FA42" s="107">
        <v>0</v>
      </c>
      <c r="FB42" s="161">
        <v>0</v>
      </c>
      <c r="FC42" s="166">
        <v>0</v>
      </c>
      <c r="FD42" s="307">
        <v>0</v>
      </c>
      <c r="FE42" s="161">
        <v>0</v>
      </c>
      <c r="FF42" s="161">
        <v>0</v>
      </c>
      <c r="FG42" s="161">
        <v>0</v>
      </c>
      <c r="FH42" s="161">
        <v>0</v>
      </c>
      <c r="FI42" s="161">
        <v>0</v>
      </c>
      <c r="FJ42" s="162">
        <v>0</v>
      </c>
      <c r="FK42" s="164">
        <v>0</v>
      </c>
      <c r="FL42" s="107">
        <v>107532</v>
      </c>
      <c r="FM42" s="161">
        <v>3600</v>
      </c>
      <c r="FN42" s="162">
        <v>111132</v>
      </c>
      <c r="FO42" s="107">
        <v>0</v>
      </c>
      <c r="FP42" s="161">
        <v>166422</v>
      </c>
      <c r="FQ42" s="161">
        <v>488105</v>
      </c>
      <c r="FR42" s="161">
        <v>283518</v>
      </c>
      <c r="FS42" s="161">
        <v>205250</v>
      </c>
      <c r="FT42" s="161">
        <v>97550</v>
      </c>
      <c r="FU42" s="162">
        <v>1240845</v>
      </c>
      <c r="FV42" s="164">
        <v>1351977</v>
      </c>
      <c r="FW42" s="167">
        <v>107532</v>
      </c>
      <c r="FX42" s="161">
        <v>3600</v>
      </c>
      <c r="FY42" s="166">
        <v>111132</v>
      </c>
      <c r="FZ42" s="165">
        <v>0</v>
      </c>
      <c r="GA42" s="161">
        <v>166422</v>
      </c>
      <c r="GB42" s="161">
        <v>350604</v>
      </c>
      <c r="GC42" s="161">
        <v>283518</v>
      </c>
      <c r="GD42" s="161">
        <v>205250</v>
      </c>
      <c r="GE42" s="161">
        <v>97550</v>
      </c>
      <c r="GF42" s="162">
        <v>1103344</v>
      </c>
      <c r="GG42" s="291">
        <v>1214476</v>
      </c>
      <c r="GH42" s="167">
        <v>0</v>
      </c>
      <c r="GI42" s="161">
        <v>0</v>
      </c>
      <c r="GJ42" s="166">
        <v>0</v>
      </c>
      <c r="GK42" s="165">
        <v>0</v>
      </c>
      <c r="GL42" s="161">
        <v>0</v>
      </c>
      <c r="GM42" s="161">
        <v>0</v>
      </c>
      <c r="GN42" s="161">
        <v>0</v>
      </c>
      <c r="GO42" s="161">
        <v>0</v>
      </c>
      <c r="GP42" s="161">
        <v>0</v>
      </c>
      <c r="GQ42" s="162">
        <v>0</v>
      </c>
      <c r="GR42" s="164">
        <v>0</v>
      </c>
      <c r="GS42" s="107">
        <v>0</v>
      </c>
      <c r="GT42" s="161">
        <v>0</v>
      </c>
      <c r="GU42" s="162">
        <v>0</v>
      </c>
      <c r="GV42" s="107">
        <v>0</v>
      </c>
      <c r="GW42" s="161">
        <v>0</v>
      </c>
      <c r="GX42" s="161">
        <v>137501</v>
      </c>
      <c r="GY42" s="161">
        <v>0</v>
      </c>
      <c r="GZ42" s="161">
        <v>0</v>
      </c>
      <c r="HA42" s="161">
        <v>0</v>
      </c>
      <c r="HB42" s="166">
        <v>137501</v>
      </c>
      <c r="HC42" s="164">
        <v>137501</v>
      </c>
      <c r="HD42" s="107">
        <v>0</v>
      </c>
      <c r="HE42" s="161">
        <v>0</v>
      </c>
      <c r="HF42" s="166">
        <v>0</v>
      </c>
      <c r="HG42" s="165">
        <v>0</v>
      </c>
      <c r="HH42" s="161">
        <v>0</v>
      </c>
      <c r="HI42" s="161">
        <v>0</v>
      </c>
      <c r="HJ42" s="161">
        <v>0</v>
      </c>
      <c r="HK42" s="161">
        <v>0</v>
      </c>
      <c r="HL42" s="161">
        <v>0</v>
      </c>
      <c r="HM42" s="162">
        <v>0</v>
      </c>
      <c r="HN42" s="163">
        <v>0</v>
      </c>
      <c r="HO42" s="167">
        <v>91260</v>
      </c>
      <c r="HP42" s="161">
        <v>4563</v>
      </c>
      <c r="HQ42" s="162">
        <v>95823</v>
      </c>
      <c r="HR42" s="107">
        <v>0</v>
      </c>
      <c r="HS42" s="161">
        <v>387262</v>
      </c>
      <c r="HT42" s="161">
        <v>273617</v>
      </c>
      <c r="HU42" s="161">
        <v>265554</v>
      </c>
      <c r="HV42" s="161">
        <v>205728</v>
      </c>
      <c r="HW42" s="161">
        <v>112752</v>
      </c>
      <c r="HX42" s="166">
        <v>1244913</v>
      </c>
      <c r="HY42" s="164">
        <v>1340736</v>
      </c>
      <c r="HZ42" s="136">
        <v>0</v>
      </c>
      <c r="IA42" s="137">
        <v>0</v>
      </c>
      <c r="IB42" s="138">
        <v>0</v>
      </c>
      <c r="IC42" s="139">
        <v>0</v>
      </c>
      <c r="ID42" s="140">
        <v>1537167</v>
      </c>
      <c r="IE42" s="141">
        <v>441756</v>
      </c>
      <c r="IF42" s="142">
        <v>1173077</v>
      </c>
      <c r="IG42" s="140">
        <v>1527165</v>
      </c>
      <c r="IH42" s="142">
        <v>891828</v>
      </c>
      <c r="II42" s="143">
        <v>5570993</v>
      </c>
      <c r="IJ42" s="144">
        <v>5570993</v>
      </c>
      <c r="IK42" s="216">
        <v>0</v>
      </c>
      <c r="IL42" s="221">
        <v>0</v>
      </c>
      <c r="IM42" s="222">
        <v>0</v>
      </c>
      <c r="IN42" s="145">
        <v>0</v>
      </c>
      <c r="IO42" s="146">
        <v>0</v>
      </c>
      <c r="IP42" s="146">
        <v>0</v>
      </c>
      <c r="IQ42" s="146">
        <v>0</v>
      </c>
      <c r="IR42" s="146">
        <v>225832</v>
      </c>
      <c r="IS42" s="146">
        <v>0</v>
      </c>
      <c r="IT42" s="147">
        <v>225832</v>
      </c>
      <c r="IU42" s="293">
        <v>225832</v>
      </c>
      <c r="IV42" s="148">
        <v>0</v>
      </c>
      <c r="IW42" s="146">
        <v>0</v>
      </c>
      <c r="IX42" s="150">
        <v>0</v>
      </c>
      <c r="IY42" s="444">
        <v>0</v>
      </c>
      <c r="IZ42" s="146">
        <v>0</v>
      </c>
      <c r="JA42" s="146">
        <v>0</v>
      </c>
      <c r="JB42" s="146">
        <v>0</v>
      </c>
      <c r="JC42" s="146">
        <v>0</v>
      </c>
      <c r="JD42" s="146">
        <v>0</v>
      </c>
      <c r="JE42" s="150">
        <v>0</v>
      </c>
      <c r="JF42" s="151">
        <v>0</v>
      </c>
      <c r="JG42" s="148">
        <v>0</v>
      </c>
      <c r="JH42" s="146">
        <v>0</v>
      </c>
      <c r="JI42" s="147">
        <v>0</v>
      </c>
      <c r="JJ42" s="149">
        <v>0</v>
      </c>
      <c r="JK42" s="146">
        <v>972981</v>
      </c>
      <c r="JL42" s="146">
        <v>441756</v>
      </c>
      <c r="JM42" s="146">
        <v>617085</v>
      </c>
      <c r="JN42" s="146">
        <v>0</v>
      </c>
      <c r="JO42" s="146">
        <v>301674</v>
      </c>
      <c r="JP42" s="150">
        <v>2333496</v>
      </c>
      <c r="JQ42" s="293">
        <v>2333496</v>
      </c>
      <c r="JR42" s="148">
        <v>0</v>
      </c>
      <c r="JS42" s="146">
        <v>0</v>
      </c>
      <c r="JT42" s="147">
        <v>0</v>
      </c>
      <c r="JU42" s="149">
        <v>0</v>
      </c>
      <c r="JV42" s="146">
        <v>37577</v>
      </c>
      <c r="JW42" s="146">
        <v>0</v>
      </c>
      <c r="JX42" s="146">
        <v>0</v>
      </c>
      <c r="JY42" s="146">
        <v>149953</v>
      </c>
      <c r="JZ42" s="146">
        <v>0</v>
      </c>
      <c r="KA42" s="150">
        <v>187530</v>
      </c>
      <c r="KB42" s="293">
        <v>187530</v>
      </c>
      <c r="KC42" s="218">
        <v>0</v>
      </c>
      <c r="KD42" s="214">
        <v>0</v>
      </c>
      <c r="KE42" s="150">
        <v>0</v>
      </c>
      <c r="KF42" s="149">
        <v>0</v>
      </c>
      <c r="KG42" s="146">
        <v>0</v>
      </c>
      <c r="KH42" s="146">
        <v>0</v>
      </c>
      <c r="KI42" s="146">
        <v>0</v>
      </c>
      <c r="KJ42" s="146">
        <v>0</v>
      </c>
      <c r="KK42" s="146">
        <v>0</v>
      </c>
      <c r="KL42" s="150">
        <v>0</v>
      </c>
      <c r="KM42" s="152">
        <v>0</v>
      </c>
      <c r="KN42" s="216">
        <v>0</v>
      </c>
      <c r="KO42" s="221">
        <v>0</v>
      </c>
      <c r="KP42" s="222">
        <v>0</v>
      </c>
      <c r="KQ42" s="444">
        <v>0</v>
      </c>
      <c r="KR42" s="146">
        <v>526609</v>
      </c>
      <c r="KS42" s="146">
        <v>0</v>
      </c>
      <c r="KT42" s="146">
        <v>555992</v>
      </c>
      <c r="KU42" s="146">
        <v>1151380</v>
      </c>
      <c r="KV42" s="146">
        <v>590154</v>
      </c>
      <c r="KW42" s="150">
        <v>2824135</v>
      </c>
      <c r="KX42" s="293">
        <v>2824135</v>
      </c>
      <c r="KY42" s="148">
        <v>0</v>
      </c>
      <c r="KZ42" s="146">
        <v>0</v>
      </c>
      <c r="LA42" s="150">
        <v>0</v>
      </c>
      <c r="LB42" s="444">
        <v>0</v>
      </c>
      <c r="LC42" s="146">
        <v>0</v>
      </c>
      <c r="LD42" s="146">
        <v>0</v>
      </c>
      <c r="LE42" s="146">
        <v>0</v>
      </c>
      <c r="LF42" s="146">
        <v>0</v>
      </c>
      <c r="LG42" s="146">
        <v>0</v>
      </c>
      <c r="LH42" s="150">
        <v>0</v>
      </c>
      <c r="LI42" s="151">
        <v>0</v>
      </c>
      <c r="LJ42" s="148">
        <v>0</v>
      </c>
      <c r="LK42" s="146">
        <v>0</v>
      </c>
      <c r="LL42" s="150">
        <v>0</v>
      </c>
      <c r="LM42" s="444">
        <v>0</v>
      </c>
      <c r="LN42" s="146">
        <v>0</v>
      </c>
      <c r="LO42" s="146">
        <v>0</v>
      </c>
      <c r="LP42" s="146">
        <v>0</v>
      </c>
      <c r="LQ42" s="146">
        <v>0</v>
      </c>
      <c r="LR42" s="146">
        <v>0</v>
      </c>
      <c r="LS42" s="150">
        <v>0</v>
      </c>
      <c r="LT42" s="293">
        <v>0</v>
      </c>
      <c r="LU42" s="148">
        <v>0</v>
      </c>
      <c r="LV42" s="146">
        <v>0</v>
      </c>
      <c r="LW42" s="150">
        <v>0</v>
      </c>
      <c r="LX42" s="444">
        <v>0</v>
      </c>
      <c r="LY42" s="146">
        <v>0</v>
      </c>
      <c r="LZ42" s="146">
        <v>0</v>
      </c>
      <c r="MA42" s="146">
        <v>0</v>
      </c>
      <c r="MB42" s="146">
        <v>0</v>
      </c>
      <c r="MC42" s="146">
        <v>0</v>
      </c>
      <c r="MD42" s="150">
        <v>0</v>
      </c>
      <c r="ME42" s="151">
        <v>0</v>
      </c>
      <c r="MF42" s="148">
        <v>0</v>
      </c>
      <c r="MG42" s="146">
        <v>0</v>
      </c>
      <c r="MH42" s="150">
        <v>0</v>
      </c>
      <c r="MI42" s="444">
        <v>0</v>
      </c>
      <c r="MJ42" s="146">
        <v>512964</v>
      </c>
      <c r="MK42" s="146">
        <v>834579</v>
      </c>
      <c r="ML42" s="146">
        <v>3979967</v>
      </c>
      <c r="MM42" s="146">
        <v>2919641</v>
      </c>
      <c r="MN42" s="146">
        <v>2865913</v>
      </c>
      <c r="MO42" s="150">
        <v>11113064</v>
      </c>
      <c r="MP42" s="152">
        <v>11113064</v>
      </c>
      <c r="MQ42" s="148">
        <v>0</v>
      </c>
      <c r="MR42" s="146">
        <v>0</v>
      </c>
      <c r="MS42" s="150">
        <v>0</v>
      </c>
      <c r="MT42" s="444">
        <v>0</v>
      </c>
      <c r="MU42" s="146">
        <v>0</v>
      </c>
      <c r="MV42" s="146">
        <v>0</v>
      </c>
      <c r="MW42" s="146">
        <v>1349530</v>
      </c>
      <c r="MX42" s="146">
        <v>2563281</v>
      </c>
      <c r="MY42" s="146">
        <v>2195732</v>
      </c>
      <c r="MZ42" s="150">
        <v>6108543</v>
      </c>
      <c r="NA42" s="152">
        <v>6108543</v>
      </c>
      <c r="NB42" s="148">
        <v>0</v>
      </c>
      <c r="NC42" s="146">
        <v>0</v>
      </c>
      <c r="ND42" s="150">
        <v>0</v>
      </c>
      <c r="NE42" s="444">
        <v>0</v>
      </c>
      <c r="NF42" s="146">
        <v>512964</v>
      </c>
      <c r="NG42" s="146">
        <v>834579</v>
      </c>
      <c r="NH42" s="146">
        <v>2630437</v>
      </c>
      <c r="NI42" s="146">
        <v>356360</v>
      </c>
      <c r="NJ42" s="146">
        <v>670181</v>
      </c>
      <c r="NK42" s="150">
        <v>5004521</v>
      </c>
      <c r="NL42" s="293">
        <v>5004521</v>
      </c>
      <c r="NM42" s="148">
        <v>0</v>
      </c>
      <c r="NN42" s="146">
        <v>0</v>
      </c>
      <c r="NO42" s="150">
        <v>0</v>
      </c>
      <c r="NP42" s="444">
        <v>0</v>
      </c>
      <c r="NQ42" s="146">
        <v>0</v>
      </c>
      <c r="NR42" s="146">
        <v>0</v>
      </c>
      <c r="NS42" s="146">
        <v>0</v>
      </c>
      <c r="NT42" s="146">
        <v>0</v>
      </c>
      <c r="NU42" s="146">
        <v>0</v>
      </c>
      <c r="NV42" s="150">
        <v>0</v>
      </c>
      <c r="NW42" s="151">
        <v>0</v>
      </c>
      <c r="NX42" s="148">
        <v>0</v>
      </c>
      <c r="NY42" s="146">
        <v>0</v>
      </c>
      <c r="NZ42" s="150">
        <v>0</v>
      </c>
      <c r="OA42" s="444">
        <v>0</v>
      </c>
      <c r="OB42" s="146">
        <v>0</v>
      </c>
      <c r="OC42" s="146">
        <v>0</v>
      </c>
      <c r="OD42" s="146">
        <v>0</v>
      </c>
      <c r="OE42" s="146">
        <v>0</v>
      </c>
      <c r="OF42" s="146">
        <v>0</v>
      </c>
      <c r="OG42" s="150">
        <v>0</v>
      </c>
      <c r="OH42" s="151">
        <v>0</v>
      </c>
      <c r="OI42" s="148">
        <v>384861</v>
      </c>
      <c r="OJ42" s="146">
        <v>8163</v>
      </c>
      <c r="OK42" s="147">
        <v>393024</v>
      </c>
      <c r="OL42" s="149">
        <v>0</v>
      </c>
      <c r="OM42" s="146">
        <v>3462001</v>
      </c>
      <c r="ON42" s="146">
        <v>3245539</v>
      </c>
      <c r="OO42" s="146">
        <v>7225390</v>
      </c>
      <c r="OP42" s="146">
        <v>6319936</v>
      </c>
      <c r="OQ42" s="146">
        <v>4779385</v>
      </c>
      <c r="OR42" s="150">
        <v>25032251</v>
      </c>
      <c r="OS42" s="152">
        <v>25425275</v>
      </c>
    </row>
    <row r="43" spans="2:409" x14ac:dyDescent="0.2">
      <c r="B43" s="1"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218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10"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296" customWidth="1"/>
    <col min="83" max="83" width="7.6640625" style="296" customWidth="1"/>
    <col min="84" max="84" width="9.88671875" style="296" customWidth="1"/>
    <col min="85" max="85" width="10" style="296" customWidth="1"/>
    <col min="86" max="86" width="9.77734375" style="296" customWidth="1"/>
    <col min="87" max="87" width="9.21875" style="296" customWidth="1"/>
    <col min="88" max="88" width="8.77734375" style="296" customWidth="1"/>
    <col min="89" max="89" width="9.88671875" style="296" customWidth="1"/>
    <col min="90" max="90" width="9.77734375" style="296"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296" customWidth="1"/>
    <col min="116" max="116" width="7.21875" style="296" customWidth="1"/>
    <col min="117" max="121" width="8.21875" style="296" customWidth="1"/>
    <col min="122" max="122" width="10.109375" style="296" customWidth="1"/>
    <col min="123" max="123" width="9.77734375" style="296"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296" customWidth="1"/>
    <col min="171" max="171" width="6.6640625" style="296" customWidth="1"/>
    <col min="172" max="176" width="8.21875" style="296" customWidth="1"/>
    <col min="177" max="177" width="10.109375" style="296" customWidth="1"/>
    <col min="178" max="178" width="9.88671875" style="296"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1:409" ht="24" customHeight="1" x14ac:dyDescent="0.2">
      <c r="B1" s="15" t="s">
        <v>134</v>
      </c>
      <c r="E1" s="433">
        <f>第１表!F2</f>
        <v>6</v>
      </c>
      <c r="F1" s="229">
        <f>第１表!G2</f>
        <v>3</v>
      </c>
      <c r="G1" s="696">
        <f>IF(F1&lt;3,F1-2+12,F1-2)</f>
        <v>1</v>
      </c>
      <c r="H1" s="696"/>
      <c r="IB1" s="323"/>
      <c r="IC1" s="235"/>
      <c r="ID1" s="612"/>
      <c r="IE1" s="612"/>
    </row>
    <row r="2" spans="1:409" ht="24" customHeight="1" x14ac:dyDescent="0.2">
      <c r="B2" s="15" t="s">
        <v>145</v>
      </c>
      <c r="E2" s="232"/>
      <c r="F2" s="233"/>
      <c r="G2" s="301"/>
      <c r="H2" s="301"/>
      <c r="IB2" s="234"/>
      <c r="IC2" s="235"/>
      <c r="ID2" s="326"/>
      <c r="IE2" s="326"/>
    </row>
    <row r="3" spans="1:409" ht="24" customHeight="1" thickBot="1" x14ac:dyDescent="0.25">
      <c r="B3" s="15" t="s">
        <v>135</v>
      </c>
    </row>
    <row r="4" spans="1:409" ht="21" customHeight="1" thickBot="1" x14ac:dyDescent="0.25">
      <c r="B4" s="649" t="s">
        <v>42</v>
      </c>
      <c r="C4" s="652" t="s">
        <v>63</v>
      </c>
      <c r="D4" s="652"/>
      <c r="E4" s="652"/>
      <c r="F4" s="652"/>
      <c r="G4" s="652"/>
      <c r="H4" s="652"/>
      <c r="I4" s="652"/>
      <c r="J4" s="652"/>
      <c r="K4" s="652"/>
      <c r="L4" s="652"/>
      <c r="M4" s="652"/>
      <c r="N4" s="655"/>
      <c r="O4" s="655"/>
      <c r="P4" s="655"/>
      <c r="Q4" s="655"/>
      <c r="R4" s="655"/>
      <c r="S4" s="655"/>
      <c r="T4" s="655"/>
      <c r="U4" s="655"/>
      <c r="V4" s="655"/>
      <c r="W4" s="655"/>
      <c r="X4" s="655"/>
      <c r="Y4" s="655"/>
      <c r="Z4" s="655"/>
      <c r="AA4" s="655"/>
      <c r="AB4" s="655"/>
      <c r="AC4" s="655"/>
      <c r="AD4" s="655"/>
      <c r="AE4" s="655"/>
      <c r="AF4" s="655"/>
      <c r="AG4" s="655"/>
      <c r="AH4" s="655"/>
      <c r="AI4" s="655"/>
      <c r="AJ4" s="655"/>
      <c r="AK4" s="655"/>
      <c r="AL4" s="655"/>
      <c r="AM4" s="655"/>
      <c r="AN4" s="655"/>
      <c r="AO4" s="655"/>
      <c r="AP4" s="655"/>
      <c r="AQ4" s="655"/>
      <c r="AR4" s="655"/>
      <c r="AS4" s="655"/>
      <c r="AT4" s="655"/>
      <c r="AU4" s="655"/>
      <c r="AV4" s="655"/>
      <c r="AW4" s="655"/>
      <c r="AX4" s="655"/>
      <c r="AY4" s="655"/>
      <c r="AZ4" s="655"/>
      <c r="BA4" s="655"/>
      <c r="BB4" s="655"/>
      <c r="BC4" s="655"/>
      <c r="BD4" s="655"/>
      <c r="BE4" s="655"/>
      <c r="BF4" s="655"/>
      <c r="BG4" s="655"/>
      <c r="BH4" s="655"/>
      <c r="BI4" s="655"/>
      <c r="BJ4" s="655"/>
      <c r="BK4" s="655"/>
      <c r="BL4" s="655"/>
      <c r="BM4" s="655"/>
      <c r="BN4" s="655"/>
      <c r="BO4" s="655"/>
      <c r="BP4" s="655"/>
      <c r="BQ4" s="655"/>
      <c r="BR4" s="655"/>
      <c r="BS4" s="655"/>
      <c r="BT4" s="655"/>
      <c r="BU4" s="655"/>
      <c r="BV4" s="655"/>
      <c r="BW4" s="655"/>
      <c r="BX4" s="655"/>
      <c r="BY4" s="655"/>
      <c r="BZ4" s="655"/>
      <c r="CA4" s="655"/>
      <c r="CB4" s="655"/>
      <c r="CC4" s="655"/>
      <c r="CD4" s="655"/>
      <c r="CE4" s="655"/>
      <c r="CF4" s="655"/>
      <c r="CG4" s="655"/>
      <c r="CH4" s="655"/>
      <c r="CI4" s="655"/>
      <c r="CJ4" s="655"/>
      <c r="CK4" s="655"/>
      <c r="CL4" s="655"/>
      <c r="CM4" s="655"/>
      <c r="CN4" s="655"/>
      <c r="CO4" s="655"/>
      <c r="CP4" s="655"/>
      <c r="CQ4" s="655"/>
      <c r="CR4" s="655"/>
      <c r="CS4" s="655"/>
      <c r="CT4" s="655"/>
      <c r="CU4" s="655"/>
      <c r="CV4" s="655"/>
      <c r="CW4" s="655"/>
      <c r="CX4" s="655"/>
      <c r="CY4" s="655"/>
      <c r="CZ4" s="655"/>
      <c r="DA4" s="655"/>
      <c r="DB4" s="655"/>
      <c r="DC4" s="655"/>
      <c r="DD4" s="655"/>
      <c r="DE4" s="655"/>
      <c r="DF4" s="655"/>
      <c r="DG4" s="655"/>
      <c r="DH4" s="655"/>
      <c r="DI4" s="655"/>
      <c r="DJ4" s="655"/>
      <c r="DK4" s="655"/>
      <c r="DL4" s="655"/>
      <c r="DM4" s="655"/>
      <c r="DN4" s="655"/>
      <c r="DO4" s="655"/>
      <c r="DP4" s="655"/>
      <c r="DQ4" s="655"/>
      <c r="DR4" s="655"/>
      <c r="DS4" s="655"/>
      <c r="DT4" s="655"/>
      <c r="DU4" s="655"/>
      <c r="DV4" s="655"/>
      <c r="DW4" s="655"/>
      <c r="DX4" s="655"/>
      <c r="DY4" s="655"/>
      <c r="DZ4" s="655"/>
      <c r="EA4" s="655"/>
      <c r="EB4" s="655"/>
      <c r="EC4" s="655"/>
      <c r="ED4" s="655"/>
      <c r="EE4" s="655"/>
      <c r="EF4" s="655"/>
      <c r="EG4" s="655"/>
      <c r="EH4" s="655"/>
      <c r="EI4" s="655"/>
      <c r="EJ4" s="655"/>
      <c r="EK4" s="655"/>
      <c r="EL4" s="655"/>
      <c r="EM4" s="655"/>
      <c r="EN4" s="655"/>
      <c r="EO4" s="655"/>
      <c r="EP4" s="655"/>
      <c r="EQ4" s="655"/>
      <c r="ER4" s="655"/>
      <c r="ES4" s="655"/>
      <c r="ET4" s="655"/>
      <c r="EU4" s="655"/>
      <c r="EV4" s="655"/>
      <c r="EW4" s="655"/>
      <c r="EX4" s="655"/>
      <c r="EY4" s="655"/>
      <c r="EZ4" s="655"/>
      <c r="FA4" s="655"/>
      <c r="FB4" s="655"/>
      <c r="FC4" s="655"/>
      <c r="FD4" s="655"/>
      <c r="FE4" s="655"/>
      <c r="FF4" s="655"/>
      <c r="FG4" s="655"/>
      <c r="FH4" s="655"/>
      <c r="FI4" s="655"/>
      <c r="FJ4" s="655"/>
      <c r="FK4" s="655"/>
      <c r="FL4" s="655"/>
      <c r="FM4" s="655"/>
      <c r="FN4" s="655"/>
      <c r="FO4" s="655"/>
      <c r="FP4" s="655"/>
      <c r="FQ4" s="655"/>
      <c r="FR4" s="655"/>
      <c r="FS4" s="655"/>
      <c r="FT4" s="655"/>
      <c r="FU4" s="655"/>
      <c r="FV4" s="655"/>
      <c r="FW4" s="655"/>
      <c r="FX4" s="655"/>
      <c r="FY4" s="655"/>
      <c r="FZ4" s="655"/>
      <c r="GA4" s="655"/>
      <c r="GB4" s="655"/>
      <c r="GC4" s="655"/>
      <c r="GD4" s="655"/>
      <c r="GE4" s="655"/>
      <c r="GF4" s="655"/>
      <c r="GG4" s="655"/>
      <c r="GH4" s="655"/>
      <c r="GI4" s="655"/>
      <c r="GJ4" s="655"/>
      <c r="GK4" s="655"/>
      <c r="GL4" s="655"/>
      <c r="GM4" s="655"/>
      <c r="GN4" s="655"/>
      <c r="GO4" s="655"/>
      <c r="GP4" s="655"/>
      <c r="GQ4" s="655"/>
      <c r="GR4" s="655"/>
      <c r="GS4" s="655"/>
      <c r="GT4" s="655"/>
      <c r="GU4" s="655"/>
      <c r="GV4" s="655"/>
      <c r="GW4" s="655"/>
      <c r="GX4" s="655"/>
      <c r="GY4" s="655"/>
      <c r="GZ4" s="655"/>
      <c r="HA4" s="655"/>
      <c r="HB4" s="655"/>
      <c r="HC4" s="655"/>
      <c r="HD4" s="655"/>
      <c r="HE4" s="655"/>
      <c r="HF4" s="655"/>
      <c r="HG4" s="655"/>
      <c r="HH4" s="655"/>
      <c r="HI4" s="655"/>
      <c r="HJ4" s="655"/>
      <c r="HK4" s="655"/>
      <c r="HL4" s="655"/>
      <c r="HM4" s="655"/>
      <c r="HN4" s="655"/>
      <c r="HO4" s="655"/>
      <c r="HP4" s="655"/>
      <c r="HQ4" s="655"/>
      <c r="HR4" s="655"/>
      <c r="HS4" s="655"/>
      <c r="HT4" s="655"/>
      <c r="HU4" s="655"/>
      <c r="HV4" s="655"/>
      <c r="HW4" s="655"/>
      <c r="HX4" s="655"/>
      <c r="HY4" s="656"/>
      <c r="HZ4" s="609" t="s">
        <v>85</v>
      </c>
      <c r="IA4" s="610"/>
      <c r="IB4" s="610"/>
      <c r="IC4" s="610"/>
      <c r="ID4" s="610"/>
      <c r="IE4" s="610"/>
      <c r="IF4" s="610"/>
      <c r="IG4" s="610"/>
      <c r="IH4" s="610"/>
      <c r="II4" s="610"/>
      <c r="IJ4" s="610"/>
      <c r="IK4" s="610"/>
      <c r="IL4" s="610"/>
      <c r="IM4" s="610"/>
      <c r="IN4" s="610"/>
      <c r="IO4" s="610"/>
      <c r="IP4" s="610"/>
      <c r="IQ4" s="610"/>
      <c r="IR4" s="610"/>
      <c r="IS4" s="610"/>
      <c r="IT4" s="610"/>
      <c r="IU4" s="610"/>
      <c r="IV4" s="610"/>
      <c r="IW4" s="610"/>
      <c r="IX4" s="610"/>
      <c r="IY4" s="610"/>
      <c r="IZ4" s="610"/>
      <c r="JA4" s="610"/>
      <c r="JB4" s="610"/>
      <c r="JC4" s="610"/>
      <c r="JD4" s="610"/>
      <c r="JE4" s="610"/>
      <c r="JF4" s="610"/>
      <c r="JG4" s="610"/>
      <c r="JH4" s="610"/>
      <c r="JI4" s="610"/>
      <c r="JJ4" s="610"/>
      <c r="JK4" s="610"/>
      <c r="JL4" s="610"/>
      <c r="JM4" s="610"/>
      <c r="JN4" s="610"/>
      <c r="JO4" s="610"/>
      <c r="JP4" s="610"/>
      <c r="JQ4" s="610"/>
      <c r="JR4" s="610"/>
      <c r="JS4" s="610"/>
      <c r="JT4" s="610"/>
      <c r="JU4" s="610"/>
      <c r="JV4" s="610"/>
      <c r="JW4" s="610"/>
      <c r="JX4" s="610"/>
      <c r="JY4" s="610"/>
      <c r="JZ4" s="610"/>
      <c r="KA4" s="610"/>
      <c r="KB4" s="610"/>
      <c r="KC4" s="610"/>
      <c r="KD4" s="610"/>
      <c r="KE4" s="610"/>
      <c r="KF4" s="610"/>
      <c r="KG4" s="610"/>
      <c r="KH4" s="610"/>
      <c r="KI4" s="610"/>
      <c r="KJ4" s="610"/>
      <c r="KK4" s="610"/>
      <c r="KL4" s="610"/>
      <c r="KM4" s="610"/>
      <c r="KN4" s="610"/>
      <c r="KO4" s="610"/>
      <c r="KP4" s="610"/>
      <c r="KQ4" s="610"/>
      <c r="KR4" s="610"/>
      <c r="KS4" s="610"/>
      <c r="KT4" s="610"/>
      <c r="KU4" s="610"/>
      <c r="KV4" s="610"/>
      <c r="KW4" s="610"/>
      <c r="KX4" s="610"/>
      <c r="KY4" s="610"/>
      <c r="KZ4" s="610"/>
      <c r="LA4" s="610"/>
      <c r="LB4" s="610"/>
      <c r="LC4" s="610"/>
      <c r="LD4" s="610"/>
      <c r="LE4" s="610"/>
      <c r="LF4" s="610"/>
      <c r="LG4" s="610"/>
      <c r="LH4" s="610"/>
      <c r="LI4" s="610"/>
      <c r="LJ4" s="610"/>
      <c r="LK4" s="610"/>
      <c r="LL4" s="610"/>
      <c r="LM4" s="610"/>
      <c r="LN4" s="610"/>
      <c r="LO4" s="610"/>
      <c r="LP4" s="610"/>
      <c r="LQ4" s="610"/>
      <c r="LR4" s="610"/>
      <c r="LS4" s="610"/>
      <c r="LT4" s="610"/>
      <c r="LU4" s="610"/>
      <c r="LV4" s="610"/>
      <c r="LW4" s="610"/>
      <c r="LX4" s="610"/>
      <c r="LY4" s="610"/>
      <c r="LZ4" s="610"/>
      <c r="MA4" s="610"/>
      <c r="MB4" s="610"/>
      <c r="MC4" s="610"/>
      <c r="MD4" s="610"/>
      <c r="ME4" s="611"/>
      <c r="MF4" s="609" t="s">
        <v>86</v>
      </c>
      <c r="MG4" s="610"/>
      <c r="MH4" s="610"/>
      <c r="MI4" s="610"/>
      <c r="MJ4" s="610"/>
      <c r="MK4" s="610"/>
      <c r="ML4" s="610"/>
      <c r="MM4" s="610"/>
      <c r="MN4" s="610"/>
      <c r="MO4" s="610"/>
      <c r="MP4" s="610"/>
      <c r="MQ4" s="610"/>
      <c r="MR4" s="610"/>
      <c r="MS4" s="610"/>
      <c r="MT4" s="610"/>
      <c r="MU4" s="610"/>
      <c r="MV4" s="610"/>
      <c r="MW4" s="610"/>
      <c r="MX4" s="610"/>
      <c r="MY4" s="610"/>
      <c r="MZ4" s="610"/>
      <c r="NA4" s="610"/>
      <c r="NB4" s="610"/>
      <c r="NC4" s="610"/>
      <c r="ND4" s="610"/>
      <c r="NE4" s="610"/>
      <c r="NF4" s="610"/>
      <c r="NG4" s="610"/>
      <c r="NH4" s="610"/>
      <c r="NI4" s="610"/>
      <c r="NJ4" s="610"/>
      <c r="NK4" s="610"/>
      <c r="NL4" s="610"/>
      <c r="NM4" s="610"/>
      <c r="NN4" s="610"/>
      <c r="NO4" s="610"/>
      <c r="NP4" s="610"/>
      <c r="NQ4" s="610"/>
      <c r="NR4" s="610"/>
      <c r="NS4" s="610"/>
      <c r="NT4" s="610"/>
      <c r="NU4" s="610"/>
      <c r="NV4" s="610"/>
      <c r="NW4" s="610"/>
      <c r="NX4" s="610"/>
      <c r="NY4" s="610"/>
      <c r="NZ4" s="610"/>
      <c r="OA4" s="610"/>
      <c r="OB4" s="610"/>
      <c r="OC4" s="610"/>
      <c r="OD4" s="610"/>
      <c r="OE4" s="610"/>
      <c r="OF4" s="610"/>
      <c r="OG4" s="610"/>
      <c r="OH4" s="611"/>
      <c r="OI4" s="564" t="s">
        <v>60</v>
      </c>
      <c r="OJ4" s="474"/>
      <c r="OK4" s="474"/>
      <c r="OL4" s="474"/>
      <c r="OM4" s="474"/>
      <c r="ON4" s="474"/>
      <c r="OO4" s="474"/>
      <c r="OP4" s="474"/>
      <c r="OQ4" s="474"/>
      <c r="OR4" s="474"/>
      <c r="OS4" s="475"/>
    </row>
    <row r="5" spans="1:409" ht="21" customHeight="1" thickBot="1" x14ac:dyDescent="0.25">
      <c r="B5" s="650"/>
      <c r="C5" s="653"/>
      <c r="D5" s="653"/>
      <c r="E5" s="653"/>
      <c r="F5" s="653"/>
      <c r="G5" s="653"/>
      <c r="H5" s="653"/>
      <c r="I5" s="653"/>
      <c r="J5" s="653"/>
      <c r="K5" s="653"/>
      <c r="L5" s="653"/>
      <c r="M5" s="653"/>
      <c r="N5" s="657" t="s">
        <v>64</v>
      </c>
      <c r="O5" s="658"/>
      <c r="P5" s="658"/>
      <c r="Q5" s="658"/>
      <c r="R5" s="658"/>
      <c r="S5" s="658"/>
      <c r="T5" s="658"/>
      <c r="U5" s="658"/>
      <c r="V5" s="658"/>
      <c r="W5" s="658"/>
      <c r="X5" s="658"/>
      <c r="Y5" s="658"/>
      <c r="Z5" s="658"/>
      <c r="AA5" s="658"/>
      <c r="AB5" s="658"/>
      <c r="AC5" s="658"/>
      <c r="AD5" s="658"/>
      <c r="AE5" s="658"/>
      <c r="AF5" s="658"/>
      <c r="AG5" s="658"/>
      <c r="AH5" s="658"/>
      <c r="AI5" s="658"/>
      <c r="AJ5" s="658"/>
      <c r="AK5" s="658"/>
      <c r="AL5" s="658"/>
      <c r="AM5" s="658"/>
      <c r="AN5" s="658"/>
      <c r="AO5" s="658"/>
      <c r="AP5" s="658"/>
      <c r="AQ5" s="658"/>
      <c r="AR5" s="658"/>
      <c r="AS5" s="658"/>
      <c r="AT5" s="658"/>
      <c r="AU5" s="658"/>
      <c r="AV5" s="658"/>
      <c r="AW5" s="658"/>
      <c r="AX5" s="658"/>
      <c r="AY5" s="658"/>
      <c r="AZ5" s="658"/>
      <c r="BA5" s="658"/>
      <c r="BB5" s="658"/>
      <c r="BC5" s="658"/>
      <c r="BD5" s="658"/>
      <c r="BE5" s="658"/>
      <c r="BF5" s="658"/>
      <c r="BG5" s="658"/>
      <c r="BH5" s="658"/>
      <c r="BI5" s="658"/>
      <c r="BJ5" s="658"/>
      <c r="BK5" s="658"/>
      <c r="BL5" s="658"/>
      <c r="BM5" s="658"/>
      <c r="BN5" s="658"/>
      <c r="BO5" s="658"/>
      <c r="BP5" s="658"/>
      <c r="BQ5" s="658"/>
      <c r="BR5" s="658"/>
      <c r="BS5" s="658"/>
      <c r="BT5" s="658"/>
      <c r="BU5" s="658"/>
      <c r="BV5" s="658"/>
      <c r="BW5" s="658"/>
      <c r="BX5" s="658"/>
      <c r="BY5" s="658"/>
      <c r="BZ5" s="658"/>
      <c r="CA5" s="659"/>
      <c r="CB5" s="657" t="s">
        <v>65</v>
      </c>
      <c r="CC5" s="658"/>
      <c r="CD5" s="658"/>
      <c r="CE5" s="658"/>
      <c r="CF5" s="658"/>
      <c r="CG5" s="658"/>
      <c r="CH5" s="658"/>
      <c r="CI5" s="658"/>
      <c r="CJ5" s="658"/>
      <c r="CK5" s="658"/>
      <c r="CL5" s="658"/>
      <c r="CM5" s="658"/>
      <c r="CN5" s="658"/>
      <c r="CO5" s="658"/>
      <c r="CP5" s="658"/>
      <c r="CQ5" s="658"/>
      <c r="CR5" s="658"/>
      <c r="CS5" s="658"/>
      <c r="CT5" s="658"/>
      <c r="CU5" s="658"/>
      <c r="CV5" s="658"/>
      <c r="CW5" s="658"/>
      <c r="CX5" s="658"/>
      <c r="CY5" s="658"/>
      <c r="CZ5" s="658"/>
      <c r="DA5" s="658"/>
      <c r="DB5" s="658"/>
      <c r="DC5" s="658"/>
      <c r="DD5" s="658"/>
      <c r="DE5" s="658"/>
      <c r="DF5" s="658"/>
      <c r="DG5" s="658"/>
      <c r="DH5" s="659"/>
      <c r="DI5" s="478" t="s">
        <v>66</v>
      </c>
      <c r="DJ5" s="479"/>
      <c r="DK5" s="479"/>
      <c r="DL5" s="479"/>
      <c r="DM5" s="479"/>
      <c r="DN5" s="479"/>
      <c r="DO5" s="479"/>
      <c r="DP5" s="479"/>
      <c r="DQ5" s="479"/>
      <c r="DR5" s="479"/>
      <c r="DS5" s="479"/>
      <c r="DT5" s="479"/>
      <c r="DU5" s="479"/>
      <c r="DV5" s="479"/>
      <c r="DW5" s="479"/>
      <c r="DX5" s="479"/>
      <c r="DY5" s="479"/>
      <c r="DZ5" s="479"/>
      <c r="EA5" s="479"/>
      <c r="EB5" s="479"/>
      <c r="EC5" s="479"/>
      <c r="ED5" s="479"/>
      <c r="EE5" s="479"/>
      <c r="EF5" s="479"/>
      <c r="EG5" s="479"/>
      <c r="EH5" s="479"/>
      <c r="EI5" s="479"/>
      <c r="EJ5" s="479"/>
      <c r="EK5" s="479"/>
      <c r="EL5" s="479"/>
      <c r="EM5" s="479"/>
      <c r="EN5" s="479"/>
      <c r="EO5" s="479"/>
      <c r="EP5" s="479"/>
      <c r="EQ5" s="479"/>
      <c r="ER5" s="479"/>
      <c r="ES5" s="479"/>
      <c r="ET5" s="479"/>
      <c r="EU5" s="479"/>
      <c r="EV5" s="479"/>
      <c r="EW5" s="479"/>
      <c r="EX5" s="479"/>
      <c r="EY5" s="479"/>
      <c r="EZ5" s="479"/>
      <c r="FA5" s="479"/>
      <c r="FB5" s="479"/>
      <c r="FC5" s="479"/>
      <c r="FD5" s="479"/>
      <c r="FE5" s="479"/>
      <c r="FF5" s="479"/>
      <c r="FG5" s="479"/>
      <c r="FH5" s="479"/>
      <c r="FI5" s="479"/>
      <c r="FJ5" s="479"/>
      <c r="FK5" s="480"/>
      <c r="FL5" s="657" t="s">
        <v>67</v>
      </c>
      <c r="FM5" s="658"/>
      <c r="FN5" s="658"/>
      <c r="FO5" s="658"/>
      <c r="FP5" s="658"/>
      <c r="FQ5" s="658"/>
      <c r="FR5" s="658"/>
      <c r="FS5" s="658"/>
      <c r="FT5" s="658"/>
      <c r="FU5" s="658"/>
      <c r="FV5" s="658"/>
      <c r="FW5" s="658"/>
      <c r="FX5" s="658"/>
      <c r="FY5" s="658"/>
      <c r="FZ5" s="658"/>
      <c r="GA5" s="658"/>
      <c r="GB5" s="658"/>
      <c r="GC5" s="658"/>
      <c r="GD5" s="658"/>
      <c r="GE5" s="658"/>
      <c r="GF5" s="658"/>
      <c r="GG5" s="658"/>
      <c r="GH5" s="658"/>
      <c r="GI5" s="658"/>
      <c r="GJ5" s="658"/>
      <c r="GK5" s="658"/>
      <c r="GL5" s="658"/>
      <c r="GM5" s="658"/>
      <c r="GN5" s="658"/>
      <c r="GO5" s="658"/>
      <c r="GP5" s="658"/>
      <c r="GQ5" s="658"/>
      <c r="GR5" s="658"/>
      <c r="GS5" s="658"/>
      <c r="GT5" s="658"/>
      <c r="GU5" s="658"/>
      <c r="GV5" s="658"/>
      <c r="GW5" s="658"/>
      <c r="GX5" s="658"/>
      <c r="GY5" s="658"/>
      <c r="GZ5" s="658"/>
      <c r="HA5" s="658"/>
      <c r="HB5" s="658"/>
      <c r="HC5" s="659"/>
      <c r="HD5" s="660" t="s">
        <v>68</v>
      </c>
      <c r="HE5" s="661"/>
      <c r="HF5" s="661"/>
      <c r="HG5" s="661"/>
      <c r="HH5" s="661"/>
      <c r="HI5" s="661"/>
      <c r="HJ5" s="661"/>
      <c r="HK5" s="661"/>
      <c r="HL5" s="661"/>
      <c r="HM5" s="661"/>
      <c r="HN5" s="662"/>
      <c r="HO5" s="660" t="s">
        <v>69</v>
      </c>
      <c r="HP5" s="661"/>
      <c r="HQ5" s="661"/>
      <c r="HR5" s="661"/>
      <c r="HS5" s="661"/>
      <c r="HT5" s="661"/>
      <c r="HU5" s="661"/>
      <c r="HV5" s="661"/>
      <c r="HW5" s="661"/>
      <c r="HX5" s="661"/>
      <c r="HY5" s="662"/>
      <c r="HZ5" s="588"/>
      <c r="IA5" s="589"/>
      <c r="IB5" s="589"/>
      <c r="IC5" s="589"/>
      <c r="ID5" s="589"/>
      <c r="IE5" s="589"/>
      <c r="IF5" s="589"/>
      <c r="IG5" s="589"/>
      <c r="IH5" s="589"/>
      <c r="II5" s="589"/>
      <c r="IJ5" s="590"/>
      <c r="IK5" s="564" t="s">
        <v>94</v>
      </c>
      <c r="IL5" s="474"/>
      <c r="IM5" s="474"/>
      <c r="IN5" s="474"/>
      <c r="IO5" s="474"/>
      <c r="IP5" s="474"/>
      <c r="IQ5" s="474"/>
      <c r="IR5" s="474"/>
      <c r="IS5" s="474"/>
      <c r="IT5" s="474"/>
      <c r="IU5" s="475"/>
      <c r="IV5" s="564" t="s">
        <v>88</v>
      </c>
      <c r="IW5" s="474"/>
      <c r="IX5" s="474"/>
      <c r="IY5" s="474"/>
      <c r="IZ5" s="474"/>
      <c r="JA5" s="474"/>
      <c r="JB5" s="474"/>
      <c r="JC5" s="474"/>
      <c r="JD5" s="474"/>
      <c r="JE5" s="474"/>
      <c r="JF5" s="475"/>
      <c r="JG5" s="594" t="s">
        <v>142</v>
      </c>
      <c r="JH5" s="595"/>
      <c r="JI5" s="595"/>
      <c r="JJ5" s="595"/>
      <c r="JK5" s="595"/>
      <c r="JL5" s="595"/>
      <c r="JM5" s="595"/>
      <c r="JN5" s="595"/>
      <c r="JO5" s="595"/>
      <c r="JP5" s="595"/>
      <c r="JQ5" s="596"/>
      <c r="JR5" s="564" t="s">
        <v>90</v>
      </c>
      <c r="JS5" s="474"/>
      <c r="JT5" s="474"/>
      <c r="JU5" s="474"/>
      <c r="JV5" s="474"/>
      <c r="JW5" s="474"/>
      <c r="JX5" s="474"/>
      <c r="JY5" s="474"/>
      <c r="JZ5" s="474"/>
      <c r="KA5" s="474"/>
      <c r="KB5" s="475"/>
      <c r="KC5" s="564" t="s">
        <v>89</v>
      </c>
      <c r="KD5" s="474"/>
      <c r="KE5" s="474"/>
      <c r="KF5" s="474"/>
      <c r="KG5" s="474"/>
      <c r="KH5" s="474"/>
      <c r="KI5" s="474"/>
      <c r="KJ5" s="474"/>
      <c r="KK5" s="474"/>
      <c r="KL5" s="474"/>
      <c r="KM5" s="475"/>
      <c r="KN5" s="564" t="s">
        <v>91</v>
      </c>
      <c r="KO5" s="474"/>
      <c r="KP5" s="474"/>
      <c r="KQ5" s="474"/>
      <c r="KR5" s="474"/>
      <c r="KS5" s="474"/>
      <c r="KT5" s="474"/>
      <c r="KU5" s="474"/>
      <c r="KV5" s="474"/>
      <c r="KW5" s="474"/>
      <c r="KX5" s="475"/>
      <c r="KY5" s="564" t="s">
        <v>92</v>
      </c>
      <c r="KZ5" s="474"/>
      <c r="LA5" s="474"/>
      <c r="LB5" s="474"/>
      <c r="LC5" s="474"/>
      <c r="LD5" s="474"/>
      <c r="LE5" s="474"/>
      <c r="LF5" s="474"/>
      <c r="LG5" s="474"/>
      <c r="LH5" s="474"/>
      <c r="LI5" s="475"/>
      <c r="LJ5" s="600" t="s">
        <v>93</v>
      </c>
      <c r="LK5" s="601"/>
      <c r="LL5" s="601"/>
      <c r="LM5" s="601"/>
      <c r="LN5" s="601"/>
      <c r="LO5" s="601"/>
      <c r="LP5" s="601"/>
      <c r="LQ5" s="601"/>
      <c r="LR5" s="601"/>
      <c r="LS5" s="601"/>
      <c r="LT5" s="602"/>
      <c r="LU5" s="603" t="s">
        <v>143</v>
      </c>
      <c r="LV5" s="604"/>
      <c r="LW5" s="604"/>
      <c r="LX5" s="604"/>
      <c r="LY5" s="604"/>
      <c r="LZ5" s="604"/>
      <c r="MA5" s="604"/>
      <c r="MB5" s="604"/>
      <c r="MC5" s="604"/>
      <c r="MD5" s="604"/>
      <c r="ME5" s="605"/>
      <c r="MF5" s="588"/>
      <c r="MG5" s="589"/>
      <c r="MH5" s="589"/>
      <c r="MI5" s="589"/>
      <c r="MJ5" s="589"/>
      <c r="MK5" s="589"/>
      <c r="ML5" s="589"/>
      <c r="MM5" s="589"/>
      <c r="MN5" s="589"/>
      <c r="MO5" s="589"/>
      <c r="MP5" s="590"/>
      <c r="MQ5" s="564" t="s">
        <v>57</v>
      </c>
      <c r="MR5" s="474"/>
      <c r="MS5" s="474"/>
      <c r="MT5" s="474"/>
      <c r="MU5" s="474"/>
      <c r="MV5" s="474"/>
      <c r="MW5" s="474"/>
      <c r="MX5" s="474"/>
      <c r="MY5" s="474"/>
      <c r="MZ5" s="474"/>
      <c r="NA5" s="475"/>
      <c r="NB5" s="564" t="s">
        <v>58</v>
      </c>
      <c r="NC5" s="474"/>
      <c r="ND5" s="474"/>
      <c r="NE5" s="474"/>
      <c r="NF5" s="474"/>
      <c r="NG5" s="474"/>
      <c r="NH5" s="474"/>
      <c r="NI5" s="474"/>
      <c r="NJ5" s="474"/>
      <c r="NK5" s="474"/>
      <c r="NL5" s="475"/>
      <c r="NM5" s="564" t="s">
        <v>59</v>
      </c>
      <c r="NN5" s="474"/>
      <c r="NO5" s="474"/>
      <c r="NP5" s="474"/>
      <c r="NQ5" s="474"/>
      <c r="NR5" s="474"/>
      <c r="NS5" s="474"/>
      <c r="NT5" s="474"/>
      <c r="NU5" s="474"/>
      <c r="NV5" s="474"/>
      <c r="NW5" s="475"/>
      <c r="NX5" s="613" t="s">
        <v>149</v>
      </c>
      <c r="NY5" s="614"/>
      <c r="NZ5" s="614"/>
      <c r="OA5" s="614"/>
      <c r="OB5" s="614"/>
      <c r="OC5" s="614"/>
      <c r="OD5" s="614"/>
      <c r="OE5" s="614"/>
      <c r="OF5" s="614"/>
      <c r="OG5" s="614"/>
      <c r="OH5" s="615"/>
      <c r="OI5" s="585"/>
      <c r="OJ5" s="586"/>
      <c r="OK5" s="586"/>
      <c r="OL5" s="586"/>
      <c r="OM5" s="586"/>
      <c r="ON5" s="586"/>
      <c r="OO5" s="586"/>
      <c r="OP5" s="586"/>
      <c r="OQ5" s="586"/>
      <c r="OR5" s="586"/>
      <c r="OS5" s="587"/>
    </row>
    <row r="6" spans="1:409" ht="21" customHeight="1" thickBot="1" x14ac:dyDescent="0.25">
      <c r="B6" s="650"/>
      <c r="C6" s="654"/>
      <c r="D6" s="654"/>
      <c r="E6" s="654"/>
      <c r="F6" s="654"/>
      <c r="G6" s="654"/>
      <c r="H6" s="654"/>
      <c r="I6" s="654"/>
      <c r="J6" s="654"/>
      <c r="K6" s="654"/>
      <c r="L6" s="654"/>
      <c r="M6" s="654"/>
      <c r="N6" s="487"/>
      <c r="O6" s="488"/>
      <c r="P6" s="488"/>
      <c r="Q6" s="488"/>
      <c r="R6" s="488"/>
      <c r="S6" s="488"/>
      <c r="T6" s="488"/>
      <c r="U6" s="488"/>
      <c r="V6" s="488"/>
      <c r="W6" s="488"/>
      <c r="X6" s="489"/>
      <c r="Y6" s="669" t="s">
        <v>70</v>
      </c>
      <c r="Z6" s="491"/>
      <c r="AA6" s="491"/>
      <c r="AB6" s="491"/>
      <c r="AC6" s="491"/>
      <c r="AD6" s="491"/>
      <c r="AE6" s="491"/>
      <c r="AF6" s="491"/>
      <c r="AG6" s="491"/>
      <c r="AH6" s="491"/>
      <c r="AI6" s="492"/>
      <c r="AJ6" s="666" t="s">
        <v>71</v>
      </c>
      <c r="AK6" s="667"/>
      <c r="AL6" s="667"/>
      <c r="AM6" s="667"/>
      <c r="AN6" s="667"/>
      <c r="AO6" s="667"/>
      <c r="AP6" s="667"/>
      <c r="AQ6" s="667"/>
      <c r="AR6" s="667"/>
      <c r="AS6" s="667"/>
      <c r="AT6" s="668"/>
      <c r="AU6" s="666" t="s">
        <v>72</v>
      </c>
      <c r="AV6" s="667"/>
      <c r="AW6" s="667"/>
      <c r="AX6" s="667"/>
      <c r="AY6" s="667"/>
      <c r="AZ6" s="667"/>
      <c r="BA6" s="667"/>
      <c r="BB6" s="667"/>
      <c r="BC6" s="667"/>
      <c r="BD6" s="667"/>
      <c r="BE6" s="668"/>
      <c r="BF6" s="666" t="s">
        <v>73</v>
      </c>
      <c r="BG6" s="667"/>
      <c r="BH6" s="667"/>
      <c r="BI6" s="667"/>
      <c r="BJ6" s="667"/>
      <c r="BK6" s="667"/>
      <c r="BL6" s="667"/>
      <c r="BM6" s="667"/>
      <c r="BN6" s="667"/>
      <c r="BO6" s="667"/>
      <c r="BP6" s="668"/>
      <c r="BQ6" s="666" t="s">
        <v>74</v>
      </c>
      <c r="BR6" s="667"/>
      <c r="BS6" s="667"/>
      <c r="BT6" s="667"/>
      <c r="BU6" s="667"/>
      <c r="BV6" s="667"/>
      <c r="BW6" s="667"/>
      <c r="BX6" s="667"/>
      <c r="BY6" s="667"/>
      <c r="BZ6" s="667"/>
      <c r="CA6" s="668"/>
      <c r="CB6" s="670"/>
      <c r="CC6" s="671"/>
      <c r="CD6" s="671"/>
      <c r="CE6" s="671"/>
      <c r="CF6" s="671"/>
      <c r="CG6" s="671"/>
      <c r="CH6" s="671"/>
      <c r="CI6" s="671"/>
      <c r="CJ6" s="671"/>
      <c r="CK6" s="671"/>
      <c r="CL6" s="672"/>
      <c r="CM6" s="666" t="s">
        <v>75</v>
      </c>
      <c r="CN6" s="667"/>
      <c r="CO6" s="667"/>
      <c r="CP6" s="667"/>
      <c r="CQ6" s="667"/>
      <c r="CR6" s="667"/>
      <c r="CS6" s="667"/>
      <c r="CT6" s="667"/>
      <c r="CU6" s="667"/>
      <c r="CV6" s="667"/>
      <c r="CW6" s="668"/>
      <c r="CX6" s="666" t="s">
        <v>76</v>
      </c>
      <c r="CY6" s="667"/>
      <c r="CZ6" s="667"/>
      <c r="DA6" s="667"/>
      <c r="DB6" s="667"/>
      <c r="DC6" s="667"/>
      <c r="DD6" s="667"/>
      <c r="DE6" s="667"/>
      <c r="DF6" s="667"/>
      <c r="DG6" s="667"/>
      <c r="DH6" s="668"/>
      <c r="DI6" s="670"/>
      <c r="DJ6" s="671"/>
      <c r="DK6" s="671"/>
      <c r="DL6" s="671"/>
      <c r="DM6" s="671"/>
      <c r="DN6" s="671"/>
      <c r="DO6" s="671"/>
      <c r="DP6" s="671"/>
      <c r="DQ6" s="671"/>
      <c r="DR6" s="671"/>
      <c r="DS6" s="671"/>
      <c r="DT6" s="666" t="s">
        <v>77</v>
      </c>
      <c r="DU6" s="667"/>
      <c r="DV6" s="667"/>
      <c r="DW6" s="667"/>
      <c r="DX6" s="667"/>
      <c r="DY6" s="667"/>
      <c r="DZ6" s="667"/>
      <c r="EA6" s="667"/>
      <c r="EB6" s="667"/>
      <c r="EC6" s="667"/>
      <c r="ED6" s="668"/>
      <c r="EE6" s="666" t="s">
        <v>78</v>
      </c>
      <c r="EF6" s="667"/>
      <c r="EG6" s="667"/>
      <c r="EH6" s="667"/>
      <c r="EI6" s="667"/>
      <c r="EJ6" s="667"/>
      <c r="EK6" s="667"/>
      <c r="EL6" s="667"/>
      <c r="EM6" s="667"/>
      <c r="EN6" s="667"/>
      <c r="EO6" s="668"/>
      <c r="EP6" s="666" t="s">
        <v>79</v>
      </c>
      <c r="EQ6" s="667"/>
      <c r="ER6" s="667"/>
      <c r="ES6" s="667"/>
      <c r="ET6" s="667"/>
      <c r="EU6" s="667"/>
      <c r="EV6" s="667"/>
      <c r="EW6" s="667"/>
      <c r="EX6" s="667"/>
      <c r="EY6" s="667"/>
      <c r="EZ6" s="668"/>
      <c r="FA6" s="647" t="s">
        <v>150</v>
      </c>
      <c r="FB6" s="667"/>
      <c r="FC6" s="667"/>
      <c r="FD6" s="667"/>
      <c r="FE6" s="667"/>
      <c r="FF6" s="667"/>
      <c r="FG6" s="667"/>
      <c r="FH6" s="667"/>
      <c r="FI6" s="667"/>
      <c r="FJ6" s="667"/>
      <c r="FK6" s="668"/>
      <c r="FL6" s="670"/>
      <c r="FM6" s="671"/>
      <c r="FN6" s="671"/>
      <c r="FO6" s="671"/>
      <c r="FP6" s="671"/>
      <c r="FQ6" s="671"/>
      <c r="FR6" s="671"/>
      <c r="FS6" s="671"/>
      <c r="FT6" s="671"/>
      <c r="FU6" s="671"/>
      <c r="FV6" s="671"/>
      <c r="FW6" s="666" t="s">
        <v>80</v>
      </c>
      <c r="FX6" s="667"/>
      <c r="FY6" s="667"/>
      <c r="FZ6" s="667"/>
      <c r="GA6" s="667"/>
      <c r="GB6" s="667"/>
      <c r="GC6" s="667"/>
      <c r="GD6" s="667"/>
      <c r="GE6" s="667"/>
      <c r="GF6" s="667"/>
      <c r="GG6" s="668"/>
      <c r="GH6" s="669" t="s">
        <v>81</v>
      </c>
      <c r="GI6" s="491"/>
      <c r="GJ6" s="491"/>
      <c r="GK6" s="491"/>
      <c r="GL6" s="491"/>
      <c r="GM6" s="491"/>
      <c r="GN6" s="491"/>
      <c r="GO6" s="491"/>
      <c r="GP6" s="491"/>
      <c r="GQ6" s="491"/>
      <c r="GR6" s="492"/>
      <c r="GS6" s="669" t="s">
        <v>82</v>
      </c>
      <c r="GT6" s="491"/>
      <c r="GU6" s="491"/>
      <c r="GV6" s="491"/>
      <c r="GW6" s="491"/>
      <c r="GX6" s="491"/>
      <c r="GY6" s="491"/>
      <c r="GZ6" s="491"/>
      <c r="HA6" s="491"/>
      <c r="HB6" s="491"/>
      <c r="HC6" s="492"/>
      <c r="HD6" s="663"/>
      <c r="HE6" s="664"/>
      <c r="HF6" s="664"/>
      <c r="HG6" s="664"/>
      <c r="HH6" s="664"/>
      <c r="HI6" s="664"/>
      <c r="HJ6" s="664"/>
      <c r="HK6" s="664"/>
      <c r="HL6" s="664"/>
      <c r="HM6" s="664"/>
      <c r="HN6" s="665"/>
      <c r="HO6" s="663"/>
      <c r="HP6" s="664"/>
      <c r="HQ6" s="664"/>
      <c r="HR6" s="664"/>
      <c r="HS6" s="664"/>
      <c r="HT6" s="664"/>
      <c r="HU6" s="664"/>
      <c r="HV6" s="664"/>
      <c r="HW6" s="664"/>
      <c r="HX6" s="664"/>
      <c r="HY6" s="665"/>
      <c r="HZ6" s="591"/>
      <c r="IA6" s="592"/>
      <c r="IB6" s="592"/>
      <c r="IC6" s="592"/>
      <c r="ID6" s="592"/>
      <c r="IE6" s="592"/>
      <c r="IF6" s="592"/>
      <c r="IG6" s="592"/>
      <c r="IH6" s="592"/>
      <c r="II6" s="592"/>
      <c r="IJ6" s="593"/>
      <c r="IK6" s="565"/>
      <c r="IL6" s="556"/>
      <c r="IM6" s="556"/>
      <c r="IN6" s="556"/>
      <c r="IO6" s="556"/>
      <c r="IP6" s="556"/>
      <c r="IQ6" s="556"/>
      <c r="IR6" s="556"/>
      <c r="IS6" s="556"/>
      <c r="IT6" s="556"/>
      <c r="IU6" s="566"/>
      <c r="IV6" s="565"/>
      <c r="IW6" s="556"/>
      <c r="IX6" s="556"/>
      <c r="IY6" s="556"/>
      <c r="IZ6" s="556"/>
      <c r="JA6" s="556"/>
      <c r="JB6" s="556"/>
      <c r="JC6" s="556"/>
      <c r="JD6" s="556"/>
      <c r="JE6" s="556"/>
      <c r="JF6" s="566"/>
      <c r="JG6" s="597"/>
      <c r="JH6" s="598"/>
      <c r="JI6" s="598"/>
      <c r="JJ6" s="598"/>
      <c r="JK6" s="598"/>
      <c r="JL6" s="598"/>
      <c r="JM6" s="598"/>
      <c r="JN6" s="598"/>
      <c r="JO6" s="598"/>
      <c r="JP6" s="598"/>
      <c r="JQ6" s="599"/>
      <c r="JR6" s="565"/>
      <c r="JS6" s="556"/>
      <c r="JT6" s="556"/>
      <c r="JU6" s="556"/>
      <c r="JV6" s="556"/>
      <c r="JW6" s="556"/>
      <c r="JX6" s="556"/>
      <c r="JY6" s="556"/>
      <c r="JZ6" s="556"/>
      <c r="KA6" s="556"/>
      <c r="KB6" s="566"/>
      <c r="KC6" s="565"/>
      <c r="KD6" s="556"/>
      <c r="KE6" s="556"/>
      <c r="KF6" s="556"/>
      <c r="KG6" s="556"/>
      <c r="KH6" s="556"/>
      <c r="KI6" s="556"/>
      <c r="KJ6" s="556"/>
      <c r="KK6" s="556"/>
      <c r="KL6" s="556"/>
      <c r="KM6" s="566"/>
      <c r="KN6" s="565"/>
      <c r="KO6" s="556"/>
      <c r="KP6" s="556"/>
      <c r="KQ6" s="556"/>
      <c r="KR6" s="556"/>
      <c r="KS6" s="556"/>
      <c r="KT6" s="556"/>
      <c r="KU6" s="556"/>
      <c r="KV6" s="556"/>
      <c r="KW6" s="556"/>
      <c r="KX6" s="566"/>
      <c r="KY6" s="565"/>
      <c r="KZ6" s="556"/>
      <c r="LA6" s="556"/>
      <c r="LB6" s="556"/>
      <c r="LC6" s="556"/>
      <c r="LD6" s="556"/>
      <c r="LE6" s="556"/>
      <c r="LF6" s="556"/>
      <c r="LG6" s="556"/>
      <c r="LH6" s="556"/>
      <c r="LI6" s="566"/>
      <c r="LJ6" s="591"/>
      <c r="LK6" s="592"/>
      <c r="LL6" s="592"/>
      <c r="LM6" s="592"/>
      <c r="LN6" s="592"/>
      <c r="LO6" s="592"/>
      <c r="LP6" s="592"/>
      <c r="LQ6" s="592"/>
      <c r="LR6" s="592"/>
      <c r="LS6" s="592"/>
      <c r="LT6" s="593"/>
      <c r="LU6" s="606"/>
      <c r="LV6" s="607"/>
      <c r="LW6" s="607"/>
      <c r="LX6" s="607"/>
      <c r="LY6" s="607"/>
      <c r="LZ6" s="607"/>
      <c r="MA6" s="607"/>
      <c r="MB6" s="607"/>
      <c r="MC6" s="607"/>
      <c r="MD6" s="607"/>
      <c r="ME6" s="608"/>
      <c r="MF6" s="591"/>
      <c r="MG6" s="592"/>
      <c r="MH6" s="592"/>
      <c r="MI6" s="592"/>
      <c r="MJ6" s="592"/>
      <c r="MK6" s="592"/>
      <c r="ML6" s="592"/>
      <c r="MM6" s="592"/>
      <c r="MN6" s="592"/>
      <c r="MO6" s="592"/>
      <c r="MP6" s="593"/>
      <c r="MQ6" s="565"/>
      <c r="MR6" s="556"/>
      <c r="MS6" s="556"/>
      <c r="MT6" s="556"/>
      <c r="MU6" s="556"/>
      <c r="MV6" s="556"/>
      <c r="MW6" s="556"/>
      <c r="MX6" s="556"/>
      <c r="MY6" s="556"/>
      <c r="MZ6" s="556"/>
      <c r="NA6" s="566"/>
      <c r="NB6" s="565"/>
      <c r="NC6" s="556"/>
      <c r="ND6" s="556"/>
      <c r="NE6" s="556"/>
      <c r="NF6" s="556"/>
      <c r="NG6" s="556"/>
      <c r="NH6" s="556"/>
      <c r="NI6" s="556"/>
      <c r="NJ6" s="556"/>
      <c r="NK6" s="556"/>
      <c r="NL6" s="566"/>
      <c r="NM6" s="565"/>
      <c r="NN6" s="556"/>
      <c r="NO6" s="556"/>
      <c r="NP6" s="556"/>
      <c r="NQ6" s="556"/>
      <c r="NR6" s="556"/>
      <c r="NS6" s="556"/>
      <c r="NT6" s="556"/>
      <c r="NU6" s="556"/>
      <c r="NV6" s="556"/>
      <c r="NW6" s="566"/>
      <c r="NX6" s="616"/>
      <c r="NY6" s="617"/>
      <c r="NZ6" s="617"/>
      <c r="OA6" s="617"/>
      <c r="OB6" s="617"/>
      <c r="OC6" s="617"/>
      <c r="OD6" s="617"/>
      <c r="OE6" s="617"/>
      <c r="OF6" s="617"/>
      <c r="OG6" s="617"/>
      <c r="OH6" s="618"/>
      <c r="OI6" s="565"/>
      <c r="OJ6" s="556"/>
      <c r="OK6" s="556"/>
      <c r="OL6" s="556"/>
      <c r="OM6" s="556"/>
      <c r="ON6" s="556"/>
      <c r="OO6" s="556"/>
      <c r="OP6" s="556"/>
      <c r="OQ6" s="556"/>
      <c r="OR6" s="556"/>
      <c r="OS6" s="566"/>
    </row>
    <row r="7" spans="1:409" ht="21" customHeight="1" x14ac:dyDescent="0.2">
      <c r="B7" s="650"/>
      <c r="C7" s="673" t="s">
        <v>61</v>
      </c>
      <c r="D7" s="673"/>
      <c r="E7" s="673"/>
      <c r="F7" s="674" t="s">
        <v>62</v>
      </c>
      <c r="G7" s="673"/>
      <c r="H7" s="673"/>
      <c r="I7" s="673"/>
      <c r="J7" s="673"/>
      <c r="K7" s="673"/>
      <c r="L7" s="673"/>
      <c r="M7" s="674" t="s">
        <v>52</v>
      </c>
      <c r="N7" s="676" t="s">
        <v>61</v>
      </c>
      <c r="O7" s="673"/>
      <c r="P7" s="673"/>
      <c r="Q7" s="674" t="s">
        <v>62</v>
      </c>
      <c r="R7" s="673"/>
      <c r="S7" s="673"/>
      <c r="T7" s="673"/>
      <c r="U7" s="673"/>
      <c r="V7" s="673"/>
      <c r="W7" s="677"/>
      <c r="X7" s="681" t="s">
        <v>52</v>
      </c>
      <c r="Y7" s="487" t="s">
        <v>61</v>
      </c>
      <c r="Z7" s="488"/>
      <c r="AA7" s="683"/>
      <c r="AB7" s="684" t="s">
        <v>62</v>
      </c>
      <c r="AC7" s="488"/>
      <c r="AD7" s="488"/>
      <c r="AE7" s="488"/>
      <c r="AF7" s="488"/>
      <c r="AG7" s="488"/>
      <c r="AH7" s="683"/>
      <c r="AI7" s="489" t="s">
        <v>52</v>
      </c>
      <c r="AJ7" s="686" t="s">
        <v>61</v>
      </c>
      <c r="AK7" s="679"/>
      <c r="AL7" s="687"/>
      <c r="AM7" s="678" t="s">
        <v>62</v>
      </c>
      <c r="AN7" s="679"/>
      <c r="AO7" s="679"/>
      <c r="AP7" s="679"/>
      <c r="AQ7" s="679"/>
      <c r="AR7" s="679"/>
      <c r="AS7" s="680"/>
      <c r="AT7" s="489" t="s">
        <v>52</v>
      </c>
      <c r="AU7" s="686" t="s">
        <v>61</v>
      </c>
      <c r="AV7" s="679"/>
      <c r="AW7" s="687"/>
      <c r="AX7" s="678" t="s">
        <v>62</v>
      </c>
      <c r="AY7" s="679"/>
      <c r="AZ7" s="679"/>
      <c r="BA7" s="679"/>
      <c r="BB7" s="679"/>
      <c r="BC7" s="679"/>
      <c r="BD7" s="680"/>
      <c r="BE7" s="489" t="s">
        <v>52</v>
      </c>
      <c r="BF7" s="686" t="s">
        <v>61</v>
      </c>
      <c r="BG7" s="679"/>
      <c r="BH7" s="687"/>
      <c r="BI7" s="678" t="s">
        <v>62</v>
      </c>
      <c r="BJ7" s="679"/>
      <c r="BK7" s="679"/>
      <c r="BL7" s="679"/>
      <c r="BM7" s="679"/>
      <c r="BN7" s="679"/>
      <c r="BO7" s="680"/>
      <c r="BP7" s="489" t="s">
        <v>52</v>
      </c>
      <c r="BQ7" s="686" t="s">
        <v>61</v>
      </c>
      <c r="BR7" s="679"/>
      <c r="BS7" s="687"/>
      <c r="BT7" s="678" t="s">
        <v>62</v>
      </c>
      <c r="BU7" s="679"/>
      <c r="BV7" s="679"/>
      <c r="BW7" s="679"/>
      <c r="BX7" s="679"/>
      <c r="BY7" s="679"/>
      <c r="BZ7" s="680"/>
      <c r="CA7" s="489" t="s">
        <v>52</v>
      </c>
      <c r="CB7" s="688" t="s">
        <v>61</v>
      </c>
      <c r="CC7" s="689"/>
      <c r="CD7" s="690"/>
      <c r="CE7" s="691" t="s">
        <v>62</v>
      </c>
      <c r="CF7" s="689"/>
      <c r="CG7" s="689"/>
      <c r="CH7" s="689"/>
      <c r="CI7" s="689"/>
      <c r="CJ7" s="689"/>
      <c r="CK7" s="692"/>
      <c r="CL7" s="681" t="s">
        <v>52</v>
      </c>
      <c r="CM7" s="686" t="s">
        <v>61</v>
      </c>
      <c r="CN7" s="679"/>
      <c r="CO7" s="680"/>
      <c r="CP7" s="678" t="s">
        <v>62</v>
      </c>
      <c r="CQ7" s="679"/>
      <c r="CR7" s="679"/>
      <c r="CS7" s="679"/>
      <c r="CT7" s="679"/>
      <c r="CU7" s="679"/>
      <c r="CV7" s="680"/>
      <c r="CW7" s="693" t="s">
        <v>52</v>
      </c>
      <c r="CX7" s="686" t="s">
        <v>61</v>
      </c>
      <c r="CY7" s="679"/>
      <c r="CZ7" s="680"/>
      <c r="DA7" s="678" t="s">
        <v>62</v>
      </c>
      <c r="DB7" s="679"/>
      <c r="DC7" s="679"/>
      <c r="DD7" s="679"/>
      <c r="DE7" s="679"/>
      <c r="DF7" s="679"/>
      <c r="DG7" s="680"/>
      <c r="DH7" s="693" t="s">
        <v>52</v>
      </c>
      <c r="DI7" s="688" t="s">
        <v>61</v>
      </c>
      <c r="DJ7" s="689"/>
      <c r="DK7" s="692"/>
      <c r="DL7" s="691" t="s">
        <v>62</v>
      </c>
      <c r="DM7" s="689"/>
      <c r="DN7" s="689"/>
      <c r="DO7" s="689"/>
      <c r="DP7" s="689"/>
      <c r="DQ7" s="689"/>
      <c r="DR7" s="692"/>
      <c r="DS7" s="681" t="s">
        <v>52</v>
      </c>
      <c r="DT7" s="686" t="s">
        <v>61</v>
      </c>
      <c r="DU7" s="679"/>
      <c r="DV7" s="687"/>
      <c r="DW7" s="678" t="s">
        <v>62</v>
      </c>
      <c r="DX7" s="679"/>
      <c r="DY7" s="679"/>
      <c r="DZ7" s="679"/>
      <c r="EA7" s="679"/>
      <c r="EB7" s="679"/>
      <c r="EC7" s="680"/>
      <c r="ED7" s="489" t="s">
        <v>52</v>
      </c>
      <c r="EE7" s="686" t="s">
        <v>61</v>
      </c>
      <c r="EF7" s="679"/>
      <c r="EG7" s="687"/>
      <c r="EH7" s="678" t="s">
        <v>62</v>
      </c>
      <c r="EI7" s="679"/>
      <c r="EJ7" s="679"/>
      <c r="EK7" s="679"/>
      <c r="EL7" s="679"/>
      <c r="EM7" s="679"/>
      <c r="EN7" s="680"/>
      <c r="EO7" s="489" t="s">
        <v>52</v>
      </c>
      <c r="EP7" s="686" t="s">
        <v>61</v>
      </c>
      <c r="EQ7" s="679"/>
      <c r="ER7" s="687"/>
      <c r="ES7" s="678" t="s">
        <v>62</v>
      </c>
      <c r="ET7" s="679"/>
      <c r="EU7" s="679"/>
      <c r="EV7" s="679"/>
      <c r="EW7" s="679"/>
      <c r="EX7" s="679"/>
      <c r="EY7" s="680"/>
      <c r="EZ7" s="489" t="s">
        <v>52</v>
      </c>
      <c r="FA7" s="686" t="s">
        <v>61</v>
      </c>
      <c r="FB7" s="679"/>
      <c r="FC7" s="687"/>
      <c r="FD7" s="678" t="s">
        <v>62</v>
      </c>
      <c r="FE7" s="679"/>
      <c r="FF7" s="679"/>
      <c r="FG7" s="679"/>
      <c r="FH7" s="679"/>
      <c r="FI7" s="679"/>
      <c r="FJ7" s="680"/>
      <c r="FK7" s="489" t="s">
        <v>52</v>
      </c>
      <c r="FL7" s="688" t="s">
        <v>61</v>
      </c>
      <c r="FM7" s="689"/>
      <c r="FN7" s="690"/>
      <c r="FO7" s="691" t="s">
        <v>62</v>
      </c>
      <c r="FP7" s="689"/>
      <c r="FQ7" s="689"/>
      <c r="FR7" s="689"/>
      <c r="FS7" s="689"/>
      <c r="FT7" s="689"/>
      <c r="FU7" s="692"/>
      <c r="FV7" s="673" t="s">
        <v>52</v>
      </c>
      <c r="FW7" s="686" t="s">
        <v>61</v>
      </c>
      <c r="FX7" s="679"/>
      <c r="FY7" s="687"/>
      <c r="FZ7" s="678" t="s">
        <v>62</v>
      </c>
      <c r="GA7" s="679"/>
      <c r="GB7" s="679"/>
      <c r="GC7" s="679"/>
      <c r="GD7" s="679"/>
      <c r="GE7" s="679"/>
      <c r="GF7" s="680"/>
      <c r="GG7" s="489" t="s">
        <v>52</v>
      </c>
      <c r="GH7" s="487" t="s">
        <v>61</v>
      </c>
      <c r="GI7" s="488"/>
      <c r="GJ7" s="488"/>
      <c r="GK7" s="684" t="s">
        <v>62</v>
      </c>
      <c r="GL7" s="488"/>
      <c r="GM7" s="488"/>
      <c r="GN7" s="488"/>
      <c r="GO7" s="488"/>
      <c r="GP7" s="488"/>
      <c r="GQ7" s="683"/>
      <c r="GR7" s="694" t="s">
        <v>52</v>
      </c>
      <c r="GS7" s="487" t="s">
        <v>61</v>
      </c>
      <c r="GT7" s="488"/>
      <c r="GU7" s="683"/>
      <c r="GV7" s="684" t="s">
        <v>62</v>
      </c>
      <c r="GW7" s="488"/>
      <c r="GX7" s="488"/>
      <c r="GY7" s="488"/>
      <c r="GZ7" s="488"/>
      <c r="HA7" s="488"/>
      <c r="HB7" s="683"/>
      <c r="HC7" s="694" t="s">
        <v>52</v>
      </c>
      <c r="HD7" s="686" t="s">
        <v>61</v>
      </c>
      <c r="HE7" s="679"/>
      <c r="HF7" s="687"/>
      <c r="HG7" s="678" t="s">
        <v>62</v>
      </c>
      <c r="HH7" s="679"/>
      <c r="HI7" s="679"/>
      <c r="HJ7" s="679"/>
      <c r="HK7" s="679"/>
      <c r="HL7" s="679"/>
      <c r="HM7" s="680"/>
      <c r="HN7" s="489" t="s">
        <v>52</v>
      </c>
      <c r="HO7" s="686" t="s">
        <v>61</v>
      </c>
      <c r="HP7" s="679"/>
      <c r="HQ7" s="687"/>
      <c r="HR7" s="678" t="s">
        <v>62</v>
      </c>
      <c r="HS7" s="679"/>
      <c r="HT7" s="679"/>
      <c r="HU7" s="679"/>
      <c r="HV7" s="679"/>
      <c r="HW7" s="679"/>
      <c r="HX7" s="680"/>
      <c r="HY7" s="489" t="s">
        <v>52</v>
      </c>
      <c r="HZ7" s="543" t="s">
        <v>61</v>
      </c>
      <c r="IA7" s="544"/>
      <c r="IB7" s="545"/>
      <c r="IC7" s="580" t="s">
        <v>62</v>
      </c>
      <c r="ID7" s="544"/>
      <c r="IE7" s="544"/>
      <c r="IF7" s="544"/>
      <c r="IG7" s="544"/>
      <c r="IH7" s="544"/>
      <c r="II7" s="581"/>
      <c r="IJ7" s="547" t="s">
        <v>52</v>
      </c>
      <c r="IK7" s="560" t="s">
        <v>61</v>
      </c>
      <c r="IL7" s="553"/>
      <c r="IM7" s="554"/>
      <c r="IN7" s="583" t="s">
        <v>62</v>
      </c>
      <c r="IO7" s="553"/>
      <c r="IP7" s="553"/>
      <c r="IQ7" s="553"/>
      <c r="IR7" s="553"/>
      <c r="IS7" s="553"/>
      <c r="IT7" s="584"/>
      <c r="IU7" s="566" t="s">
        <v>52</v>
      </c>
      <c r="IV7" s="560" t="s">
        <v>61</v>
      </c>
      <c r="IW7" s="553"/>
      <c r="IX7" s="584"/>
      <c r="IY7" s="583" t="s">
        <v>62</v>
      </c>
      <c r="IZ7" s="553"/>
      <c r="JA7" s="553"/>
      <c r="JB7" s="553"/>
      <c r="JC7" s="553"/>
      <c r="JD7" s="553"/>
      <c r="JE7" s="584"/>
      <c r="JF7" s="566" t="s">
        <v>52</v>
      </c>
      <c r="JG7" s="560" t="s">
        <v>61</v>
      </c>
      <c r="JH7" s="553"/>
      <c r="JI7" s="554"/>
      <c r="JJ7" s="583" t="s">
        <v>62</v>
      </c>
      <c r="JK7" s="553"/>
      <c r="JL7" s="553"/>
      <c r="JM7" s="553"/>
      <c r="JN7" s="553"/>
      <c r="JO7" s="553"/>
      <c r="JP7" s="584"/>
      <c r="JQ7" s="578" t="s">
        <v>52</v>
      </c>
      <c r="JR7" s="560" t="s">
        <v>61</v>
      </c>
      <c r="JS7" s="553"/>
      <c r="JT7" s="554"/>
      <c r="JU7" s="583" t="s">
        <v>62</v>
      </c>
      <c r="JV7" s="553"/>
      <c r="JW7" s="553"/>
      <c r="JX7" s="553"/>
      <c r="JY7" s="553"/>
      <c r="JZ7" s="553"/>
      <c r="KA7" s="584"/>
      <c r="KB7" s="578" t="s">
        <v>52</v>
      </c>
      <c r="KC7" s="560" t="s">
        <v>61</v>
      </c>
      <c r="KD7" s="553"/>
      <c r="KE7" s="554"/>
      <c r="KF7" s="583" t="s">
        <v>62</v>
      </c>
      <c r="KG7" s="553"/>
      <c r="KH7" s="553"/>
      <c r="KI7" s="553"/>
      <c r="KJ7" s="553"/>
      <c r="KK7" s="553"/>
      <c r="KL7" s="584"/>
      <c r="KM7" s="578" t="s">
        <v>52</v>
      </c>
      <c r="KN7" s="560" t="s">
        <v>61</v>
      </c>
      <c r="KO7" s="553"/>
      <c r="KP7" s="554"/>
      <c r="KQ7" s="583" t="s">
        <v>62</v>
      </c>
      <c r="KR7" s="553"/>
      <c r="KS7" s="553"/>
      <c r="KT7" s="553"/>
      <c r="KU7" s="553"/>
      <c r="KV7" s="553"/>
      <c r="KW7" s="584"/>
      <c r="KX7" s="578" t="s">
        <v>52</v>
      </c>
      <c r="KY7" s="560" t="s">
        <v>61</v>
      </c>
      <c r="KZ7" s="553"/>
      <c r="LA7" s="554"/>
      <c r="LB7" s="583" t="s">
        <v>62</v>
      </c>
      <c r="LC7" s="553"/>
      <c r="LD7" s="553"/>
      <c r="LE7" s="553"/>
      <c r="LF7" s="553"/>
      <c r="LG7" s="553"/>
      <c r="LH7" s="584"/>
      <c r="LI7" s="578" t="s">
        <v>52</v>
      </c>
      <c r="LJ7" s="560" t="s">
        <v>61</v>
      </c>
      <c r="LK7" s="553"/>
      <c r="LL7" s="554"/>
      <c r="LM7" s="583" t="s">
        <v>62</v>
      </c>
      <c r="LN7" s="553"/>
      <c r="LO7" s="553"/>
      <c r="LP7" s="553"/>
      <c r="LQ7" s="553"/>
      <c r="LR7" s="553"/>
      <c r="LS7" s="584"/>
      <c r="LT7" s="578" t="s">
        <v>52</v>
      </c>
      <c r="LU7" s="560" t="s">
        <v>61</v>
      </c>
      <c r="LV7" s="553"/>
      <c r="LW7" s="554"/>
      <c r="LX7" s="583" t="s">
        <v>62</v>
      </c>
      <c r="LY7" s="553"/>
      <c r="LZ7" s="553"/>
      <c r="MA7" s="553"/>
      <c r="MB7" s="553"/>
      <c r="MC7" s="553"/>
      <c r="MD7" s="584"/>
      <c r="ME7" s="578" t="s">
        <v>52</v>
      </c>
      <c r="MF7" s="543" t="s">
        <v>61</v>
      </c>
      <c r="MG7" s="544"/>
      <c r="MH7" s="545"/>
      <c r="MI7" s="580" t="s">
        <v>62</v>
      </c>
      <c r="MJ7" s="544"/>
      <c r="MK7" s="544"/>
      <c r="ML7" s="544"/>
      <c r="MM7" s="544"/>
      <c r="MN7" s="544"/>
      <c r="MO7" s="581"/>
      <c r="MP7" s="582" t="s">
        <v>52</v>
      </c>
      <c r="MQ7" s="560" t="s">
        <v>61</v>
      </c>
      <c r="MR7" s="553"/>
      <c r="MS7" s="554"/>
      <c r="MT7" s="583" t="s">
        <v>62</v>
      </c>
      <c r="MU7" s="553"/>
      <c r="MV7" s="553"/>
      <c r="MW7" s="553"/>
      <c r="MX7" s="553"/>
      <c r="MY7" s="553"/>
      <c r="MZ7" s="584"/>
      <c r="NA7" s="578" t="s">
        <v>52</v>
      </c>
      <c r="NB7" s="560" t="s">
        <v>61</v>
      </c>
      <c r="NC7" s="553"/>
      <c r="ND7" s="554"/>
      <c r="NE7" s="583" t="s">
        <v>62</v>
      </c>
      <c r="NF7" s="553"/>
      <c r="NG7" s="553"/>
      <c r="NH7" s="553"/>
      <c r="NI7" s="553"/>
      <c r="NJ7" s="553"/>
      <c r="NK7" s="584"/>
      <c r="NL7" s="578" t="s">
        <v>52</v>
      </c>
      <c r="NM7" s="560" t="s">
        <v>61</v>
      </c>
      <c r="NN7" s="553"/>
      <c r="NO7" s="554"/>
      <c r="NP7" s="583" t="s">
        <v>62</v>
      </c>
      <c r="NQ7" s="553"/>
      <c r="NR7" s="553"/>
      <c r="NS7" s="553"/>
      <c r="NT7" s="553"/>
      <c r="NU7" s="553"/>
      <c r="NV7" s="584"/>
      <c r="NW7" s="578" t="s">
        <v>52</v>
      </c>
      <c r="NX7" s="560" t="s">
        <v>61</v>
      </c>
      <c r="NY7" s="553"/>
      <c r="NZ7" s="554"/>
      <c r="OA7" s="583" t="s">
        <v>62</v>
      </c>
      <c r="OB7" s="553"/>
      <c r="OC7" s="553"/>
      <c r="OD7" s="553"/>
      <c r="OE7" s="553"/>
      <c r="OF7" s="553"/>
      <c r="OG7" s="584"/>
      <c r="OH7" s="578" t="s">
        <v>52</v>
      </c>
      <c r="OI7" s="543" t="s">
        <v>61</v>
      </c>
      <c r="OJ7" s="544"/>
      <c r="OK7" s="545"/>
      <c r="OL7" s="580" t="s">
        <v>62</v>
      </c>
      <c r="OM7" s="544"/>
      <c r="ON7" s="544"/>
      <c r="OO7" s="544"/>
      <c r="OP7" s="544"/>
      <c r="OQ7" s="544"/>
      <c r="OR7" s="581"/>
      <c r="OS7" s="582" t="s">
        <v>52</v>
      </c>
    </row>
    <row r="8" spans="1:409" ht="30" customHeight="1" thickBot="1" x14ac:dyDescent="0.25">
      <c r="B8" s="651"/>
      <c r="C8" s="297" t="s">
        <v>43</v>
      </c>
      <c r="D8" s="41" t="s">
        <v>44</v>
      </c>
      <c r="E8" s="298" t="s">
        <v>45</v>
      </c>
      <c r="F8" s="44" t="s">
        <v>83</v>
      </c>
      <c r="G8" s="41" t="s">
        <v>47</v>
      </c>
      <c r="H8" s="41" t="s">
        <v>48</v>
      </c>
      <c r="I8" s="41" t="s">
        <v>49</v>
      </c>
      <c r="J8" s="41" t="s">
        <v>50</v>
      </c>
      <c r="K8" s="41" t="s">
        <v>51</v>
      </c>
      <c r="L8" s="42" t="s">
        <v>45</v>
      </c>
      <c r="M8" s="675"/>
      <c r="N8" s="43" t="s">
        <v>43</v>
      </c>
      <c r="O8" s="41" t="s">
        <v>44</v>
      </c>
      <c r="P8" s="42" t="s">
        <v>45</v>
      </c>
      <c r="Q8" s="44" t="s">
        <v>83</v>
      </c>
      <c r="R8" s="41" t="s">
        <v>47</v>
      </c>
      <c r="S8" s="41" t="s">
        <v>48</v>
      </c>
      <c r="T8" s="41" t="s">
        <v>49</v>
      </c>
      <c r="U8" s="41" t="s">
        <v>50</v>
      </c>
      <c r="V8" s="41" t="s">
        <v>51</v>
      </c>
      <c r="W8" s="42" t="s">
        <v>45</v>
      </c>
      <c r="X8" s="682"/>
      <c r="Y8" s="43" t="s">
        <v>43</v>
      </c>
      <c r="Z8" s="41" t="s">
        <v>44</v>
      </c>
      <c r="AA8" s="42" t="s">
        <v>45</v>
      </c>
      <c r="AB8" s="44" t="s">
        <v>83</v>
      </c>
      <c r="AC8" s="41" t="s">
        <v>47</v>
      </c>
      <c r="AD8" s="41" t="s">
        <v>48</v>
      </c>
      <c r="AE8" s="41" t="s">
        <v>49</v>
      </c>
      <c r="AF8" s="41" t="s">
        <v>50</v>
      </c>
      <c r="AG8" s="41" t="s">
        <v>51</v>
      </c>
      <c r="AH8" s="42" t="s">
        <v>45</v>
      </c>
      <c r="AI8" s="685"/>
      <c r="AJ8" s="43" t="s">
        <v>43</v>
      </c>
      <c r="AK8" s="41" t="s">
        <v>44</v>
      </c>
      <c r="AL8" s="298" t="s">
        <v>45</v>
      </c>
      <c r="AM8" s="44" t="s">
        <v>83</v>
      </c>
      <c r="AN8" s="41" t="s">
        <v>47</v>
      </c>
      <c r="AO8" s="41" t="s">
        <v>48</v>
      </c>
      <c r="AP8" s="41" t="s">
        <v>49</v>
      </c>
      <c r="AQ8" s="41" t="s">
        <v>50</v>
      </c>
      <c r="AR8" s="41" t="s">
        <v>51</v>
      </c>
      <c r="AS8" s="42" t="s">
        <v>45</v>
      </c>
      <c r="AT8" s="685"/>
      <c r="AU8" s="43" t="s">
        <v>43</v>
      </c>
      <c r="AV8" s="41" t="s">
        <v>44</v>
      </c>
      <c r="AW8" s="298" t="s">
        <v>45</v>
      </c>
      <c r="AX8" s="44" t="s">
        <v>83</v>
      </c>
      <c r="AY8" s="41" t="s">
        <v>47</v>
      </c>
      <c r="AZ8" s="41" t="s">
        <v>48</v>
      </c>
      <c r="BA8" s="41" t="s">
        <v>49</v>
      </c>
      <c r="BB8" s="41" t="s">
        <v>50</v>
      </c>
      <c r="BC8" s="41" t="s">
        <v>51</v>
      </c>
      <c r="BD8" s="42" t="s">
        <v>45</v>
      </c>
      <c r="BE8" s="685"/>
      <c r="BF8" s="299" t="s">
        <v>43</v>
      </c>
      <c r="BG8" s="41" t="s">
        <v>44</v>
      </c>
      <c r="BH8" s="298" t="s">
        <v>45</v>
      </c>
      <c r="BI8" s="44" t="s">
        <v>83</v>
      </c>
      <c r="BJ8" s="41" t="s">
        <v>47</v>
      </c>
      <c r="BK8" s="41" t="s">
        <v>48</v>
      </c>
      <c r="BL8" s="41" t="s">
        <v>49</v>
      </c>
      <c r="BM8" s="41" t="s">
        <v>50</v>
      </c>
      <c r="BN8" s="41" t="s">
        <v>51</v>
      </c>
      <c r="BO8" s="42" t="s">
        <v>45</v>
      </c>
      <c r="BP8" s="685"/>
      <c r="BQ8" s="43" t="s">
        <v>43</v>
      </c>
      <c r="BR8" s="41" t="s">
        <v>44</v>
      </c>
      <c r="BS8" s="298" t="s">
        <v>45</v>
      </c>
      <c r="BT8" s="44" t="s">
        <v>83</v>
      </c>
      <c r="BU8" s="41" t="s">
        <v>47</v>
      </c>
      <c r="BV8" s="41" t="s">
        <v>48</v>
      </c>
      <c r="BW8" s="41" t="s">
        <v>49</v>
      </c>
      <c r="BX8" s="41" t="s">
        <v>50</v>
      </c>
      <c r="BY8" s="41" t="s">
        <v>51</v>
      </c>
      <c r="BZ8" s="42" t="s">
        <v>45</v>
      </c>
      <c r="CA8" s="685"/>
      <c r="CB8" s="43" t="s">
        <v>43</v>
      </c>
      <c r="CC8" s="41" t="s">
        <v>44</v>
      </c>
      <c r="CD8" s="298" t="s">
        <v>45</v>
      </c>
      <c r="CE8" s="44" t="s">
        <v>83</v>
      </c>
      <c r="CF8" s="41" t="s">
        <v>47</v>
      </c>
      <c r="CG8" s="41" t="s">
        <v>48</v>
      </c>
      <c r="CH8" s="41" t="s">
        <v>49</v>
      </c>
      <c r="CI8" s="41" t="s">
        <v>50</v>
      </c>
      <c r="CJ8" s="41" t="s">
        <v>51</v>
      </c>
      <c r="CK8" s="42" t="s">
        <v>45</v>
      </c>
      <c r="CL8" s="682"/>
      <c r="CM8" s="43" t="s">
        <v>43</v>
      </c>
      <c r="CN8" s="41" t="s">
        <v>44</v>
      </c>
      <c r="CO8" s="42" t="s">
        <v>45</v>
      </c>
      <c r="CP8" s="44" t="s">
        <v>83</v>
      </c>
      <c r="CQ8" s="41" t="s">
        <v>47</v>
      </c>
      <c r="CR8" s="41" t="s">
        <v>48</v>
      </c>
      <c r="CS8" s="41" t="s">
        <v>49</v>
      </c>
      <c r="CT8" s="41" t="s">
        <v>50</v>
      </c>
      <c r="CU8" s="41" t="s">
        <v>51</v>
      </c>
      <c r="CV8" s="42" t="s">
        <v>45</v>
      </c>
      <c r="CW8" s="682"/>
      <c r="CX8" s="43" t="s">
        <v>43</v>
      </c>
      <c r="CY8" s="41" t="s">
        <v>44</v>
      </c>
      <c r="CZ8" s="42" t="s">
        <v>45</v>
      </c>
      <c r="DA8" s="44" t="s">
        <v>83</v>
      </c>
      <c r="DB8" s="41" t="s">
        <v>47</v>
      </c>
      <c r="DC8" s="41" t="s">
        <v>48</v>
      </c>
      <c r="DD8" s="41" t="s">
        <v>49</v>
      </c>
      <c r="DE8" s="41" t="s">
        <v>50</v>
      </c>
      <c r="DF8" s="41" t="s">
        <v>51</v>
      </c>
      <c r="DG8" s="42" t="s">
        <v>45</v>
      </c>
      <c r="DH8" s="682"/>
      <c r="DI8" s="43" t="s">
        <v>43</v>
      </c>
      <c r="DJ8" s="41" t="s">
        <v>44</v>
      </c>
      <c r="DK8" s="42" t="s">
        <v>45</v>
      </c>
      <c r="DL8" s="44" t="s">
        <v>83</v>
      </c>
      <c r="DM8" s="41" t="s">
        <v>47</v>
      </c>
      <c r="DN8" s="41" t="s">
        <v>48</v>
      </c>
      <c r="DO8" s="41" t="s">
        <v>49</v>
      </c>
      <c r="DP8" s="41" t="s">
        <v>50</v>
      </c>
      <c r="DQ8" s="41" t="s">
        <v>51</v>
      </c>
      <c r="DR8" s="42" t="s">
        <v>45</v>
      </c>
      <c r="DS8" s="682"/>
      <c r="DT8" s="43" t="s">
        <v>43</v>
      </c>
      <c r="DU8" s="41" t="s">
        <v>44</v>
      </c>
      <c r="DV8" s="298" t="s">
        <v>45</v>
      </c>
      <c r="DW8" s="44" t="s">
        <v>83</v>
      </c>
      <c r="DX8" s="41" t="s">
        <v>47</v>
      </c>
      <c r="DY8" s="41" t="s">
        <v>48</v>
      </c>
      <c r="DZ8" s="41" t="s">
        <v>49</v>
      </c>
      <c r="EA8" s="41" t="s">
        <v>50</v>
      </c>
      <c r="EB8" s="41" t="s">
        <v>51</v>
      </c>
      <c r="EC8" s="42" t="s">
        <v>45</v>
      </c>
      <c r="ED8" s="685"/>
      <c r="EE8" s="43" t="s">
        <v>43</v>
      </c>
      <c r="EF8" s="41" t="s">
        <v>44</v>
      </c>
      <c r="EG8" s="298" t="s">
        <v>45</v>
      </c>
      <c r="EH8" s="44" t="s">
        <v>83</v>
      </c>
      <c r="EI8" s="41" t="s">
        <v>47</v>
      </c>
      <c r="EJ8" s="41" t="s">
        <v>48</v>
      </c>
      <c r="EK8" s="41" t="s">
        <v>49</v>
      </c>
      <c r="EL8" s="41" t="s">
        <v>50</v>
      </c>
      <c r="EM8" s="41" t="s">
        <v>51</v>
      </c>
      <c r="EN8" s="42" t="s">
        <v>45</v>
      </c>
      <c r="EO8" s="685"/>
      <c r="EP8" s="43" t="s">
        <v>43</v>
      </c>
      <c r="EQ8" s="41" t="s">
        <v>44</v>
      </c>
      <c r="ER8" s="298" t="s">
        <v>45</v>
      </c>
      <c r="ES8" s="44" t="s">
        <v>83</v>
      </c>
      <c r="ET8" s="41" t="s">
        <v>47</v>
      </c>
      <c r="EU8" s="41" t="s">
        <v>48</v>
      </c>
      <c r="EV8" s="41" t="s">
        <v>49</v>
      </c>
      <c r="EW8" s="41" t="s">
        <v>50</v>
      </c>
      <c r="EX8" s="41" t="s">
        <v>51</v>
      </c>
      <c r="EY8" s="42" t="s">
        <v>45</v>
      </c>
      <c r="EZ8" s="685"/>
      <c r="FA8" s="43" t="s">
        <v>43</v>
      </c>
      <c r="FB8" s="41" t="s">
        <v>44</v>
      </c>
      <c r="FC8" s="298" t="s">
        <v>45</v>
      </c>
      <c r="FD8" s="44" t="s">
        <v>83</v>
      </c>
      <c r="FE8" s="41" t="s">
        <v>47</v>
      </c>
      <c r="FF8" s="41" t="s">
        <v>48</v>
      </c>
      <c r="FG8" s="41" t="s">
        <v>49</v>
      </c>
      <c r="FH8" s="41" t="s">
        <v>50</v>
      </c>
      <c r="FI8" s="41" t="s">
        <v>51</v>
      </c>
      <c r="FJ8" s="42" t="s">
        <v>45</v>
      </c>
      <c r="FK8" s="685"/>
      <c r="FL8" s="43" t="s">
        <v>43</v>
      </c>
      <c r="FM8" s="41" t="s">
        <v>44</v>
      </c>
      <c r="FN8" s="298" t="s">
        <v>45</v>
      </c>
      <c r="FO8" s="44" t="s">
        <v>83</v>
      </c>
      <c r="FP8" s="41" t="s">
        <v>47</v>
      </c>
      <c r="FQ8" s="41" t="s">
        <v>48</v>
      </c>
      <c r="FR8" s="41" t="s">
        <v>49</v>
      </c>
      <c r="FS8" s="41" t="s">
        <v>50</v>
      </c>
      <c r="FT8" s="41" t="s">
        <v>51</v>
      </c>
      <c r="FU8" s="42" t="s">
        <v>45</v>
      </c>
      <c r="FV8" s="697"/>
      <c r="FW8" s="43" t="s">
        <v>43</v>
      </c>
      <c r="FX8" s="41" t="s">
        <v>44</v>
      </c>
      <c r="FY8" s="298" t="s">
        <v>45</v>
      </c>
      <c r="FZ8" s="44" t="s">
        <v>83</v>
      </c>
      <c r="GA8" s="41" t="s">
        <v>47</v>
      </c>
      <c r="GB8" s="41" t="s">
        <v>48</v>
      </c>
      <c r="GC8" s="41" t="s">
        <v>49</v>
      </c>
      <c r="GD8" s="41" t="s">
        <v>50</v>
      </c>
      <c r="GE8" s="41" t="s">
        <v>51</v>
      </c>
      <c r="GF8" s="42" t="s">
        <v>45</v>
      </c>
      <c r="GG8" s="685"/>
      <c r="GH8" s="43" t="s">
        <v>43</v>
      </c>
      <c r="GI8" s="41" t="s">
        <v>44</v>
      </c>
      <c r="GJ8" s="298" t="s">
        <v>45</v>
      </c>
      <c r="GK8" s="44" t="s">
        <v>83</v>
      </c>
      <c r="GL8" s="41" t="s">
        <v>47</v>
      </c>
      <c r="GM8" s="41" t="s">
        <v>48</v>
      </c>
      <c r="GN8" s="41" t="s">
        <v>49</v>
      </c>
      <c r="GO8" s="41" t="s">
        <v>50</v>
      </c>
      <c r="GP8" s="41" t="s">
        <v>51</v>
      </c>
      <c r="GQ8" s="42" t="s">
        <v>45</v>
      </c>
      <c r="GR8" s="695"/>
      <c r="GS8" s="43" t="s">
        <v>43</v>
      </c>
      <c r="GT8" s="41" t="s">
        <v>44</v>
      </c>
      <c r="GU8" s="298" t="s">
        <v>45</v>
      </c>
      <c r="GV8" s="44" t="s">
        <v>83</v>
      </c>
      <c r="GW8" s="41" t="s">
        <v>47</v>
      </c>
      <c r="GX8" s="41" t="s">
        <v>48</v>
      </c>
      <c r="GY8" s="41" t="s">
        <v>49</v>
      </c>
      <c r="GZ8" s="41" t="s">
        <v>50</v>
      </c>
      <c r="HA8" s="41" t="s">
        <v>51</v>
      </c>
      <c r="HB8" s="42" t="s">
        <v>45</v>
      </c>
      <c r="HC8" s="695"/>
      <c r="HD8" s="43" t="s">
        <v>43</v>
      </c>
      <c r="HE8" s="41" t="s">
        <v>44</v>
      </c>
      <c r="HF8" s="298" t="s">
        <v>45</v>
      </c>
      <c r="HG8" s="44" t="s">
        <v>83</v>
      </c>
      <c r="HH8" s="41" t="s">
        <v>47</v>
      </c>
      <c r="HI8" s="41" t="s">
        <v>48</v>
      </c>
      <c r="HJ8" s="41" t="s">
        <v>49</v>
      </c>
      <c r="HK8" s="41" t="s">
        <v>50</v>
      </c>
      <c r="HL8" s="41" t="s">
        <v>51</v>
      </c>
      <c r="HM8" s="42" t="s">
        <v>45</v>
      </c>
      <c r="HN8" s="685"/>
      <c r="HO8" s="43" t="s">
        <v>43</v>
      </c>
      <c r="HP8" s="41" t="s">
        <v>44</v>
      </c>
      <c r="HQ8" s="298" t="s">
        <v>45</v>
      </c>
      <c r="HR8" s="44" t="s">
        <v>83</v>
      </c>
      <c r="HS8" s="41" t="s">
        <v>47</v>
      </c>
      <c r="HT8" s="41" t="s">
        <v>48</v>
      </c>
      <c r="HU8" s="41" t="s">
        <v>49</v>
      </c>
      <c r="HV8" s="41" t="s">
        <v>50</v>
      </c>
      <c r="HW8" s="41" t="s">
        <v>51</v>
      </c>
      <c r="HX8" s="42" t="s">
        <v>45</v>
      </c>
      <c r="HY8" s="685"/>
      <c r="HZ8" s="324" t="s">
        <v>43</v>
      </c>
      <c r="IA8" s="325" t="s">
        <v>44</v>
      </c>
      <c r="IB8" s="36" t="s">
        <v>45</v>
      </c>
      <c r="IC8" s="37" t="s">
        <v>83</v>
      </c>
      <c r="ID8" s="325" t="s">
        <v>47</v>
      </c>
      <c r="IE8" s="325" t="s">
        <v>48</v>
      </c>
      <c r="IF8" s="325" t="s">
        <v>49</v>
      </c>
      <c r="IG8" s="325" t="s">
        <v>50</v>
      </c>
      <c r="IH8" s="325" t="s">
        <v>51</v>
      </c>
      <c r="II8" s="14" t="s">
        <v>45</v>
      </c>
      <c r="IJ8" s="620"/>
      <c r="IK8" s="324" t="s">
        <v>43</v>
      </c>
      <c r="IL8" s="325" t="s">
        <v>44</v>
      </c>
      <c r="IM8" s="36" t="s">
        <v>45</v>
      </c>
      <c r="IN8" s="37" t="s">
        <v>83</v>
      </c>
      <c r="IO8" s="51" t="s">
        <v>47</v>
      </c>
      <c r="IP8" s="51" t="s">
        <v>48</v>
      </c>
      <c r="IQ8" s="51" t="s">
        <v>49</v>
      </c>
      <c r="IR8" s="51" t="s">
        <v>50</v>
      </c>
      <c r="IS8" s="51" t="s">
        <v>51</v>
      </c>
      <c r="IT8" s="54" t="s">
        <v>45</v>
      </c>
      <c r="IU8" s="619"/>
      <c r="IV8" s="53" t="s">
        <v>43</v>
      </c>
      <c r="IW8" s="51" t="s">
        <v>44</v>
      </c>
      <c r="IX8" s="54" t="s">
        <v>45</v>
      </c>
      <c r="IY8" s="28" t="s">
        <v>83</v>
      </c>
      <c r="IZ8" s="51" t="s">
        <v>47</v>
      </c>
      <c r="JA8" s="51" t="s">
        <v>48</v>
      </c>
      <c r="JB8" s="51" t="s">
        <v>49</v>
      </c>
      <c r="JC8" s="51" t="s">
        <v>50</v>
      </c>
      <c r="JD8" s="51" t="s">
        <v>51</v>
      </c>
      <c r="JE8" s="54" t="s">
        <v>45</v>
      </c>
      <c r="JF8" s="619"/>
      <c r="JG8" s="53" t="s">
        <v>43</v>
      </c>
      <c r="JH8" s="51" t="s">
        <v>44</v>
      </c>
      <c r="JI8" s="52" t="s">
        <v>45</v>
      </c>
      <c r="JJ8" s="28" t="s">
        <v>83</v>
      </c>
      <c r="JK8" s="51" t="s">
        <v>47</v>
      </c>
      <c r="JL8" s="51" t="s">
        <v>48</v>
      </c>
      <c r="JM8" s="51" t="s">
        <v>49</v>
      </c>
      <c r="JN8" s="51" t="s">
        <v>50</v>
      </c>
      <c r="JO8" s="51" t="s">
        <v>51</v>
      </c>
      <c r="JP8" s="54" t="s">
        <v>45</v>
      </c>
      <c r="JQ8" s="579"/>
      <c r="JR8" s="53" t="s">
        <v>43</v>
      </c>
      <c r="JS8" s="51" t="s">
        <v>44</v>
      </c>
      <c r="JT8" s="52" t="s">
        <v>45</v>
      </c>
      <c r="JU8" s="28" t="s">
        <v>83</v>
      </c>
      <c r="JV8" s="51" t="s">
        <v>47</v>
      </c>
      <c r="JW8" s="51" t="s">
        <v>48</v>
      </c>
      <c r="JX8" s="51" t="s">
        <v>49</v>
      </c>
      <c r="JY8" s="51" t="s">
        <v>50</v>
      </c>
      <c r="JZ8" s="51" t="s">
        <v>51</v>
      </c>
      <c r="KA8" s="54" t="s">
        <v>45</v>
      </c>
      <c r="KB8" s="579"/>
      <c r="KC8" s="53" t="s">
        <v>43</v>
      </c>
      <c r="KD8" s="51" t="s">
        <v>44</v>
      </c>
      <c r="KE8" s="52" t="s">
        <v>45</v>
      </c>
      <c r="KF8" s="28" t="s">
        <v>83</v>
      </c>
      <c r="KG8" s="51" t="s">
        <v>47</v>
      </c>
      <c r="KH8" s="51" t="s">
        <v>48</v>
      </c>
      <c r="KI8" s="51" t="s">
        <v>49</v>
      </c>
      <c r="KJ8" s="51" t="s">
        <v>50</v>
      </c>
      <c r="KK8" s="51" t="s">
        <v>51</v>
      </c>
      <c r="KL8" s="54" t="s">
        <v>45</v>
      </c>
      <c r="KM8" s="579"/>
      <c r="KN8" s="53" t="s">
        <v>43</v>
      </c>
      <c r="KO8" s="51" t="s">
        <v>44</v>
      </c>
      <c r="KP8" s="52" t="s">
        <v>45</v>
      </c>
      <c r="KQ8" s="37" t="s">
        <v>83</v>
      </c>
      <c r="KR8" s="51" t="s">
        <v>47</v>
      </c>
      <c r="KS8" s="51" t="s">
        <v>48</v>
      </c>
      <c r="KT8" s="51" t="s">
        <v>49</v>
      </c>
      <c r="KU8" s="51" t="s">
        <v>50</v>
      </c>
      <c r="KV8" s="51" t="s">
        <v>51</v>
      </c>
      <c r="KW8" s="54" t="s">
        <v>45</v>
      </c>
      <c r="KX8" s="579"/>
      <c r="KY8" s="53" t="s">
        <v>43</v>
      </c>
      <c r="KZ8" s="51" t="s">
        <v>44</v>
      </c>
      <c r="LA8" s="52" t="s">
        <v>45</v>
      </c>
      <c r="LB8" s="37" t="s">
        <v>83</v>
      </c>
      <c r="LC8" s="51" t="s">
        <v>47</v>
      </c>
      <c r="LD8" s="51" t="s">
        <v>48</v>
      </c>
      <c r="LE8" s="51" t="s">
        <v>49</v>
      </c>
      <c r="LF8" s="51" t="s">
        <v>50</v>
      </c>
      <c r="LG8" s="51" t="s">
        <v>51</v>
      </c>
      <c r="LH8" s="54" t="s">
        <v>45</v>
      </c>
      <c r="LI8" s="579"/>
      <c r="LJ8" s="53" t="s">
        <v>43</v>
      </c>
      <c r="LK8" s="51" t="s">
        <v>44</v>
      </c>
      <c r="LL8" s="52" t="s">
        <v>45</v>
      </c>
      <c r="LM8" s="37" t="s">
        <v>83</v>
      </c>
      <c r="LN8" s="51" t="s">
        <v>47</v>
      </c>
      <c r="LO8" s="51" t="s">
        <v>48</v>
      </c>
      <c r="LP8" s="51" t="s">
        <v>49</v>
      </c>
      <c r="LQ8" s="51" t="s">
        <v>50</v>
      </c>
      <c r="LR8" s="51" t="s">
        <v>51</v>
      </c>
      <c r="LS8" s="54" t="s">
        <v>45</v>
      </c>
      <c r="LT8" s="579"/>
      <c r="LU8" s="53" t="s">
        <v>43</v>
      </c>
      <c r="LV8" s="51" t="s">
        <v>44</v>
      </c>
      <c r="LW8" s="52" t="s">
        <v>45</v>
      </c>
      <c r="LX8" s="37" t="s">
        <v>83</v>
      </c>
      <c r="LY8" s="51" t="s">
        <v>47</v>
      </c>
      <c r="LZ8" s="51" t="s">
        <v>48</v>
      </c>
      <c r="MA8" s="51" t="s">
        <v>49</v>
      </c>
      <c r="MB8" s="51" t="s">
        <v>50</v>
      </c>
      <c r="MC8" s="51" t="s">
        <v>51</v>
      </c>
      <c r="MD8" s="54" t="s">
        <v>45</v>
      </c>
      <c r="ME8" s="579"/>
      <c r="MF8" s="53" t="s">
        <v>43</v>
      </c>
      <c r="MG8" s="51" t="s">
        <v>44</v>
      </c>
      <c r="MH8" s="52" t="s">
        <v>45</v>
      </c>
      <c r="MI8" s="37" t="s">
        <v>83</v>
      </c>
      <c r="MJ8" s="51" t="s">
        <v>47</v>
      </c>
      <c r="MK8" s="51" t="s">
        <v>48</v>
      </c>
      <c r="ML8" s="51" t="s">
        <v>49</v>
      </c>
      <c r="MM8" s="51" t="s">
        <v>50</v>
      </c>
      <c r="MN8" s="51" t="s">
        <v>51</v>
      </c>
      <c r="MO8" s="54" t="s">
        <v>45</v>
      </c>
      <c r="MP8" s="579"/>
      <c r="MQ8" s="53" t="s">
        <v>43</v>
      </c>
      <c r="MR8" s="51" t="s">
        <v>44</v>
      </c>
      <c r="MS8" s="52" t="s">
        <v>45</v>
      </c>
      <c r="MT8" s="37" t="s">
        <v>83</v>
      </c>
      <c r="MU8" s="51" t="s">
        <v>47</v>
      </c>
      <c r="MV8" s="51" t="s">
        <v>48</v>
      </c>
      <c r="MW8" s="51" t="s">
        <v>49</v>
      </c>
      <c r="MX8" s="51" t="s">
        <v>50</v>
      </c>
      <c r="MY8" s="51" t="s">
        <v>51</v>
      </c>
      <c r="MZ8" s="54" t="s">
        <v>45</v>
      </c>
      <c r="NA8" s="579"/>
      <c r="NB8" s="53" t="s">
        <v>43</v>
      </c>
      <c r="NC8" s="51" t="s">
        <v>44</v>
      </c>
      <c r="ND8" s="52" t="s">
        <v>45</v>
      </c>
      <c r="NE8" s="37" t="s">
        <v>83</v>
      </c>
      <c r="NF8" s="51" t="s">
        <v>47</v>
      </c>
      <c r="NG8" s="51" t="s">
        <v>48</v>
      </c>
      <c r="NH8" s="51" t="s">
        <v>49</v>
      </c>
      <c r="NI8" s="51" t="s">
        <v>50</v>
      </c>
      <c r="NJ8" s="51" t="s">
        <v>51</v>
      </c>
      <c r="NK8" s="54" t="s">
        <v>45</v>
      </c>
      <c r="NL8" s="579"/>
      <c r="NM8" s="53" t="s">
        <v>43</v>
      </c>
      <c r="NN8" s="51" t="s">
        <v>44</v>
      </c>
      <c r="NO8" s="52" t="s">
        <v>45</v>
      </c>
      <c r="NP8" s="37" t="s">
        <v>83</v>
      </c>
      <c r="NQ8" s="51" t="s">
        <v>47</v>
      </c>
      <c r="NR8" s="51" t="s">
        <v>48</v>
      </c>
      <c r="NS8" s="51" t="s">
        <v>49</v>
      </c>
      <c r="NT8" s="51" t="s">
        <v>50</v>
      </c>
      <c r="NU8" s="51" t="s">
        <v>51</v>
      </c>
      <c r="NV8" s="54" t="s">
        <v>45</v>
      </c>
      <c r="NW8" s="579"/>
      <c r="NX8" s="53" t="s">
        <v>43</v>
      </c>
      <c r="NY8" s="51" t="s">
        <v>44</v>
      </c>
      <c r="NZ8" s="52" t="s">
        <v>45</v>
      </c>
      <c r="OA8" s="37" t="s">
        <v>83</v>
      </c>
      <c r="OB8" s="51" t="s">
        <v>47</v>
      </c>
      <c r="OC8" s="51" t="s">
        <v>48</v>
      </c>
      <c r="OD8" s="51" t="s">
        <v>49</v>
      </c>
      <c r="OE8" s="51" t="s">
        <v>50</v>
      </c>
      <c r="OF8" s="51" t="s">
        <v>51</v>
      </c>
      <c r="OG8" s="54" t="s">
        <v>45</v>
      </c>
      <c r="OH8" s="579"/>
      <c r="OI8" s="53" t="s">
        <v>43</v>
      </c>
      <c r="OJ8" s="51" t="s">
        <v>44</v>
      </c>
      <c r="OK8" s="52" t="s">
        <v>45</v>
      </c>
      <c r="OL8" s="28" t="s">
        <v>83</v>
      </c>
      <c r="OM8" s="51" t="s">
        <v>47</v>
      </c>
      <c r="ON8" s="51" t="s">
        <v>48</v>
      </c>
      <c r="OO8" s="51" t="s">
        <v>49</v>
      </c>
      <c r="OP8" s="51" t="s">
        <v>50</v>
      </c>
      <c r="OQ8" s="51" t="s">
        <v>51</v>
      </c>
      <c r="OR8" s="54" t="s">
        <v>45</v>
      </c>
      <c r="OS8" s="579"/>
    </row>
    <row r="9" spans="1:409" s="417" customFormat="1" ht="21" customHeight="1" x14ac:dyDescent="0.2">
      <c r="A9" s="39"/>
      <c r="B9" s="435" t="s">
        <v>4</v>
      </c>
      <c r="C9" s="342">
        <v>27955222</v>
      </c>
      <c r="D9" s="343">
        <v>47497939</v>
      </c>
      <c r="E9" s="344">
        <v>75453161</v>
      </c>
      <c r="F9" s="345">
        <v>0</v>
      </c>
      <c r="G9" s="343">
        <v>288230708</v>
      </c>
      <c r="H9" s="343">
        <v>380528957</v>
      </c>
      <c r="I9" s="343">
        <v>320808532</v>
      </c>
      <c r="J9" s="343">
        <v>301269611</v>
      </c>
      <c r="K9" s="343">
        <v>194371272</v>
      </c>
      <c r="L9" s="346">
        <v>1485209080</v>
      </c>
      <c r="M9" s="347">
        <v>1560662241</v>
      </c>
      <c r="N9" s="342">
        <v>7891243</v>
      </c>
      <c r="O9" s="343">
        <v>16090751</v>
      </c>
      <c r="P9" s="348">
        <v>23981994</v>
      </c>
      <c r="Q9" s="342">
        <v>0</v>
      </c>
      <c r="R9" s="343">
        <v>92802795</v>
      </c>
      <c r="S9" s="343">
        <v>131985477</v>
      </c>
      <c r="T9" s="343">
        <v>109866659</v>
      </c>
      <c r="U9" s="343">
        <v>113635130</v>
      </c>
      <c r="V9" s="343">
        <v>101902456</v>
      </c>
      <c r="W9" s="348">
        <v>550192517</v>
      </c>
      <c r="X9" s="347">
        <v>574174511</v>
      </c>
      <c r="Y9" s="342">
        <v>0</v>
      </c>
      <c r="Z9" s="343">
        <v>0</v>
      </c>
      <c r="AA9" s="348">
        <v>0</v>
      </c>
      <c r="AB9" s="349">
        <v>0</v>
      </c>
      <c r="AC9" s="350">
        <v>39873847</v>
      </c>
      <c r="AD9" s="350">
        <v>55441906</v>
      </c>
      <c r="AE9" s="350">
        <v>52509802</v>
      </c>
      <c r="AF9" s="350">
        <v>60000222</v>
      </c>
      <c r="AG9" s="350">
        <v>56787243</v>
      </c>
      <c r="AH9" s="348">
        <v>264613020</v>
      </c>
      <c r="AI9" s="347">
        <v>264613020</v>
      </c>
      <c r="AJ9" s="351">
        <v>0</v>
      </c>
      <c r="AK9" s="350">
        <v>16439</v>
      </c>
      <c r="AL9" s="348">
        <v>16439</v>
      </c>
      <c r="AM9" s="349">
        <v>0</v>
      </c>
      <c r="AN9" s="350">
        <v>276835</v>
      </c>
      <c r="AO9" s="346">
        <v>1001127</v>
      </c>
      <c r="AP9" s="350">
        <v>3138063</v>
      </c>
      <c r="AQ9" s="350">
        <v>6522785</v>
      </c>
      <c r="AR9" s="350">
        <v>11853502</v>
      </c>
      <c r="AS9" s="348">
        <v>22792312</v>
      </c>
      <c r="AT9" s="347">
        <v>22808751</v>
      </c>
      <c r="AU9" s="351">
        <v>3994017</v>
      </c>
      <c r="AV9" s="350">
        <v>11036383</v>
      </c>
      <c r="AW9" s="348">
        <v>15030400</v>
      </c>
      <c r="AX9" s="349">
        <v>0</v>
      </c>
      <c r="AY9" s="350">
        <v>32965225</v>
      </c>
      <c r="AZ9" s="350">
        <v>51374934</v>
      </c>
      <c r="BA9" s="350">
        <v>33094874</v>
      </c>
      <c r="BB9" s="350">
        <v>27953259</v>
      </c>
      <c r="BC9" s="350">
        <v>20659885</v>
      </c>
      <c r="BD9" s="348">
        <v>166048177</v>
      </c>
      <c r="BE9" s="352">
        <v>181078577</v>
      </c>
      <c r="BF9" s="351">
        <v>522474</v>
      </c>
      <c r="BG9" s="346">
        <v>1507825</v>
      </c>
      <c r="BH9" s="353">
        <v>2030299</v>
      </c>
      <c r="BI9" s="349">
        <v>0</v>
      </c>
      <c r="BJ9" s="350">
        <v>2405504</v>
      </c>
      <c r="BK9" s="350">
        <v>3256142</v>
      </c>
      <c r="BL9" s="350">
        <v>2886744</v>
      </c>
      <c r="BM9" s="350">
        <v>2487166</v>
      </c>
      <c r="BN9" s="350">
        <v>1196429</v>
      </c>
      <c r="BO9" s="348">
        <v>12231985</v>
      </c>
      <c r="BP9" s="347">
        <v>14262284</v>
      </c>
      <c r="BQ9" s="351">
        <v>3374752</v>
      </c>
      <c r="BR9" s="350">
        <v>3530104</v>
      </c>
      <c r="BS9" s="348">
        <v>6904856</v>
      </c>
      <c r="BT9" s="349">
        <v>0</v>
      </c>
      <c r="BU9" s="350">
        <v>17281384</v>
      </c>
      <c r="BV9" s="350">
        <v>20911368</v>
      </c>
      <c r="BW9" s="350">
        <v>18237176</v>
      </c>
      <c r="BX9" s="350">
        <v>16671698</v>
      </c>
      <c r="BY9" s="350">
        <v>11405397</v>
      </c>
      <c r="BZ9" s="348">
        <v>84507023</v>
      </c>
      <c r="CA9" s="347">
        <v>91411879</v>
      </c>
      <c r="CB9" s="351">
        <v>3034947</v>
      </c>
      <c r="CC9" s="350">
        <v>7406566</v>
      </c>
      <c r="CD9" s="348">
        <v>10441513</v>
      </c>
      <c r="CE9" s="349">
        <v>0</v>
      </c>
      <c r="CF9" s="350">
        <v>84142668</v>
      </c>
      <c r="CG9" s="350">
        <v>105306361</v>
      </c>
      <c r="CH9" s="354">
        <v>76417678</v>
      </c>
      <c r="CI9" s="350">
        <v>42567633</v>
      </c>
      <c r="CJ9" s="350">
        <v>17096179</v>
      </c>
      <c r="CK9" s="348">
        <v>325530519</v>
      </c>
      <c r="CL9" s="347">
        <v>335972032</v>
      </c>
      <c r="CM9" s="342">
        <v>0</v>
      </c>
      <c r="CN9" s="343">
        <v>0</v>
      </c>
      <c r="CO9" s="348">
        <v>0</v>
      </c>
      <c r="CP9" s="349">
        <v>0</v>
      </c>
      <c r="CQ9" s="350">
        <v>68425566</v>
      </c>
      <c r="CR9" s="350">
        <v>78032724</v>
      </c>
      <c r="CS9" s="350">
        <v>55610820</v>
      </c>
      <c r="CT9" s="350">
        <v>28885500</v>
      </c>
      <c r="CU9" s="350">
        <v>13508605</v>
      </c>
      <c r="CV9" s="355">
        <v>244463215</v>
      </c>
      <c r="CW9" s="347">
        <v>244463215</v>
      </c>
      <c r="CX9" s="351">
        <v>3034947</v>
      </c>
      <c r="CY9" s="350">
        <v>7406566</v>
      </c>
      <c r="CZ9" s="348">
        <v>10441513</v>
      </c>
      <c r="DA9" s="349">
        <v>0</v>
      </c>
      <c r="DB9" s="350">
        <v>15717102</v>
      </c>
      <c r="DC9" s="350">
        <v>27273637</v>
      </c>
      <c r="DD9" s="350">
        <v>20806858</v>
      </c>
      <c r="DE9" s="350">
        <v>13682133</v>
      </c>
      <c r="DF9" s="350">
        <v>3587574</v>
      </c>
      <c r="DG9" s="348">
        <v>81067304</v>
      </c>
      <c r="DH9" s="347">
        <v>91508817</v>
      </c>
      <c r="DI9" s="351">
        <v>77456</v>
      </c>
      <c r="DJ9" s="350">
        <v>881664</v>
      </c>
      <c r="DK9" s="353">
        <v>959120</v>
      </c>
      <c r="DL9" s="349">
        <v>0</v>
      </c>
      <c r="DM9" s="350">
        <v>8890200</v>
      </c>
      <c r="DN9" s="350">
        <v>16085660</v>
      </c>
      <c r="DO9" s="350">
        <v>28852742</v>
      </c>
      <c r="DP9" s="350">
        <v>27624885</v>
      </c>
      <c r="DQ9" s="350">
        <v>11523112</v>
      </c>
      <c r="DR9" s="356">
        <v>92976599</v>
      </c>
      <c r="DS9" s="347">
        <v>93935719</v>
      </c>
      <c r="DT9" s="351">
        <v>77456</v>
      </c>
      <c r="DU9" s="350">
        <v>757023</v>
      </c>
      <c r="DV9" s="348">
        <v>834479</v>
      </c>
      <c r="DW9" s="349">
        <v>0</v>
      </c>
      <c r="DX9" s="350">
        <v>8179685</v>
      </c>
      <c r="DY9" s="350">
        <v>13743744</v>
      </c>
      <c r="DZ9" s="350">
        <v>24832314</v>
      </c>
      <c r="EA9" s="350">
        <v>23992661</v>
      </c>
      <c r="EB9" s="350">
        <v>9642837</v>
      </c>
      <c r="EC9" s="348">
        <v>80391241</v>
      </c>
      <c r="ED9" s="347">
        <v>81225720</v>
      </c>
      <c r="EE9" s="351">
        <v>0</v>
      </c>
      <c r="EF9" s="346">
        <v>124641</v>
      </c>
      <c r="EG9" s="348">
        <v>124641</v>
      </c>
      <c r="EH9" s="352">
        <v>0</v>
      </c>
      <c r="EI9" s="350">
        <v>710515</v>
      </c>
      <c r="EJ9" s="350">
        <v>2341916</v>
      </c>
      <c r="EK9" s="350">
        <v>4020428</v>
      </c>
      <c r="EL9" s="350">
        <v>3632224</v>
      </c>
      <c r="EM9" s="354">
        <v>1880275</v>
      </c>
      <c r="EN9" s="346">
        <v>12585358</v>
      </c>
      <c r="EO9" s="347">
        <v>12709999</v>
      </c>
      <c r="EP9" s="351">
        <v>0</v>
      </c>
      <c r="EQ9" s="350">
        <v>0</v>
      </c>
      <c r="ER9" s="346">
        <v>0</v>
      </c>
      <c r="ES9" s="349">
        <v>0</v>
      </c>
      <c r="ET9" s="350">
        <v>0</v>
      </c>
      <c r="EU9" s="350">
        <v>0</v>
      </c>
      <c r="EV9" s="350">
        <v>0</v>
      </c>
      <c r="EW9" s="350">
        <v>0</v>
      </c>
      <c r="EX9" s="350">
        <v>0</v>
      </c>
      <c r="EY9" s="355">
        <v>0</v>
      </c>
      <c r="EZ9" s="347">
        <v>0</v>
      </c>
      <c r="FA9" s="351">
        <v>0</v>
      </c>
      <c r="FB9" s="350">
        <v>0</v>
      </c>
      <c r="FC9" s="346">
        <v>0</v>
      </c>
      <c r="FD9" s="357">
        <v>0</v>
      </c>
      <c r="FE9" s="350">
        <v>0</v>
      </c>
      <c r="FF9" s="350">
        <v>0</v>
      </c>
      <c r="FG9" s="350">
        <v>0</v>
      </c>
      <c r="FH9" s="350">
        <v>0</v>
      </c>
      <c r="FI9" s="350">
        <v>0</v>
      </c>
      <c r="FJ9" s="355">
        <v>0</v>
      </c>
      <c r="FK9" s="347">
        <v>0</v>
      </c>
      <c r="FL9" s="351">
        <v>6658596</v>
      </c>
      <c r="FM9" s="350">
        <v>11260561</v>
      </c>
      <c r="FN9" s="348">
        <v>17919157</v>
      </c>
      <c r="FO9" s="349">
        <v>0</v>
      </c>
      <c r="FP9" s="350">
        <v>13967580</v>
      </c>
      <c r="FQ9" s="350">
        <v>34989946</v>
      </c>
      <c r="FR9" s="350">
        <v>26002703</v>
      </c>
      <c r="FS9" s="350">
        <v>21165153</v>
      </c>
      <c r="FT9" s="350">
        <v>13719422</v>
      </c>
      <c r="FU9" s="348">
        <v>109844804</v>
      </c>
      <c r="FV9" s="347">
        <v>127763961</v>
      </c>
      <c r="FW9" s="351">
        <v>2569336</v>
      </c>
      <c r="FX9" s="350">
        <v>6657758</v>
      </c>
      <c r="FY9" s="346">
        <v>9227094</v>
      </c>
      <c r="FZ9" s="352">
        <v>0</v>
      </c>
      <c r="GA9" s="350">
        <v>9195380</v>
      </c>
      <c r="GB9" s="358">
        <v>31184181</v>
      </c>
      <c r="GC9" s="350">
        <v>23264390</v>
      </c>
      <c r="GD9" s="358">
        <v>19459208</v>
      </c>
      <c r="GE9" s="350">
        <v>12825166</v>
      </c>
      <c r="GF9" s="355">
        <v>95928325</v>
      </c>
      <c r="GG9" s="359">
        <v>105155419</v>
      </c>
      <c r="GH9" s="360">
        <v>272487</v>
      </c>
      <c r="GI9" s="350">
        <v>554755</v>
      </c>
      <c r="GJ9" s="358">
        <v>827242</v>
      </c>
      <c r="GK9" s="345">
        <v>0</v>
      </c>
      <c r="GL9" s="350">
        <v>618368</v>
      </c>
      <c r="GM9" s="346">
        <v>1070557</v>
      </c>
      <c r="GN9" s="350">
        <v>855913</v>
      </c>
      <c r="GO9" s="346">
        <v>562363</v>
      </c>
      <c r="GP9" s="350">
        <v>567776</v>
      </c>
      <c r="GQ9" s="356">
        <v>3674977</v>
      </c>
      <c r="GR9" s="347">
        <v>4502219</v>
      </c>
      <c r="GS9" s="346">
        <v>3816773</v>
      </c>
      <c r="GT9" s="350">
        <v>4048048</v>
      </c>
      <c r="GU9" s="348">
        <v>7864821</v>
      </c>
      <c r="GV9" s="346">
        <v>0</v>
      </c>
      <c r="GW9" s="350">
        <v>4153832</v>
      </c>
      <c r="GX9" s="346">
        <v>2735208</v>
      </c>
      <c r="GY9" s="350">
        <v>1882400</v>
      </c>
      <c r="GZ9" s="346">
        <v>1143582</v>
      </c>
      <c r="HA9" s="350">
        <v>326480</v>
      </c>
      <c r="HB9" s="346">
        <v>10241502</v>
      </c>
      <c r="HC9" s="347">
        <v>18106323</v>
      </c>
      <c r="HD9" s="346">
        <v>10292980</v>
      </c>
      <c r="HE9" s="350">
        <v>11858397</v>
      </c>
      <c r="HF9" s="346">
        <v>22151377</v>
      </c>
      <c r="HG9" s="352">
        <v>0</v>
      </c>
      <c r="HH9" s="350">
        <v>88427465</v>
      </c>
      <c r="HI9" s="358">
        <v>92161513</v>
      </c>
      <c r="HJ9" s="350">
        <v>79668750</v>
      </c>
      <c r="HK9" s="358">
        <v>96276810</v>
      </c>
      <c r="HL9" s="350">
        <v>50130103</v>
      </c>
      <c r="HM9" s="355">
        <v>406664641</v>
      </c>
      <c r="HN9" s="346">
        <v>428816018</v>
      </c>
      <c r="HO9" s="445">
        <v>0</v>
      </c>
      <c r="HP9" s="446">
        <v>0</v>
      </c>
      <c r="HQ9" s="447">
        <v>0</v>
      </c>
      <c r="HR9" s="448">
        <v>0</v>
      </c>
      <c r="HS9" s="446">
        <v>0</v>
      </c>
      <c r="HT9" s="448">
        <v>0</v>
      </c>
      <c r="HU9" s="446">
        <v>0</v>
      </c>
      <c r="HV9" s="448">
        <v>0</v>
      </c>
      <c r="HW9" s="446">
        <v>0</v>
      </c>
      <c r="HX9" s="448">
        <v>0</v>
      </c>
      <c r="HY9" s="449">
        <v>0</v>
      </c>
      <c r="HZ9" s="361">
        <v>530546</v>
      </c>
      <c r="IA9" s="362">
        <v>705491</v>
      </c>
      <c r="IB9" s="363">
        <v>1236037</v>
      </c>
      <c r="IC9" s="364">
        <v>0</v>
      </c>
      <c r="ID9" s="362">
        <v>73636506</v>
      </c>
      <c r="IE9" s="365">
        <v>102067939</v>
      </c>
      <c r="IF9" s="366">
        <v>105371974</v>
      </c>
      <c r="IG9" s="362">
        <v>78691200</v>
      </c>
      <c r="IH9" s="366">
        <v>49374234</v>
      </c>
      <c r="II9" s="367">
        <v>409141853</v>
      </c>
      <c r="IJ9" s="368">
        <v>410377890</v>
      </c>
      <c r="IK9" s="369">
        <v>0</v>
      </c>
      <c r="IL9" s="370">
        <v>0</v>
      </c>
      <c r="IM9" s="371">
        <v>0</v>
      </c>
      <c r="IN9" s="468">
        <v>0</v>
      </c>
      <c r="IO9" s="373">
        <v>1155308</v>
      </c>
      <c r="IP9" s="373">
        <v>2692229</v>
      </c>
      <c r="IQ9" s="373">
        <v>3892870</v>
      </c>
      <c r="IR9" s="373">
        <v>6180047</v>
      </c>
      <c r="IS9" s="373">
        <v>3277371</v>
      </c>
      <c r="IT9" s="374">
        <v>17197825</v>
      </c>
      <c r="IU9" s="375">
        <v>17197825</v>
      </c>
      <c r="IV9" s="376">
        <v>0</v>
      </c>
      <c r="IW9" s="373">
        <v>0</v>
      </c>
      <c r="IX9" s="377">
        <v>0</v>
      </c>
      <c r="IY9" s="468">
        <v>0</v>
      </c>
      <c r="IZ9" s="373">
        <v>117030</v>
      </c>
      <c r="JA9" s="373">
        <v>636919</v>
      </c>
      <c r="JB9" s="373">
        <v>659713</v>
      </c>
      <c r="JC9" s="373">
        <v>975932</v>
      </c>
      <c r="JD9" s="373">
        <v>770704</v>
      </c>
      <c r="JE9" s="377">
        <v>3160298</v>
      </c>
      <c r="JF9" s="378">
        <v>3160298</v>
      </c>
      <c r="JG9" s="376">
        <v>0</v>
      </c>
      <c r="JH9" s="373">
        <v>0</v>
      </c>
      <c r="JI9" s="374">
        <v>0</v>
      </c>
      <c r="JJ9" s="379">
        <v>0</v>
      </c>
      <c r="JK9" s="373">
        <v>32165125</v>
      </c>
      <c r="JL9" s="373">
        <v>37193032</v>
      </c>
      <c r="JM9" s="373">
        <v>24975064</v>
      </c>
      <c r="JN9" s="373">
        <v>13758373</v>
      </c>
      <c r="JO9" s="373">
        <v>6513681</v>
      </c>
      <c r="JP9" s="377">
        <v>114605275</v>
      </c>
      <c r="JQ9" s="375">
        <v>114605275</v>
      </c>
      <c r="JR9" s="376">
        <v>0</v>
      </c>
      <c r="JS9" s="373">
        <v>0</v>
      </c>
      <c r="JT9" s="374">
        <v>0</v>
      </c>
      <c r="JU9" s="379">
        <v>0</v>
      </c>
      <c r="JV9" s="373">
        <v>4823642</v>
      </c>
      <c r="JW9" s="373">
        <v>6210530</v>
      </c>
      <c r="JX9" s="373">
        <v>8962015</v>
      </c>
      <c r="JY9" s="373">
        <v>5813958</v>
      </c>
      <c r="JZ9" s="373">
        <v>2321485</v>
      </c>
      <c r="KA9" s="377">
        <v>28131630</v>
      </c>
      <c r="KB9" s="375">
        <v>28131630</v>
      </c>
      <c r="KC9" s="380">
        <v>530546</v>
      </c>
      <c r="KD9" s="381">
        <v>705491</v>
      </c>
      <c r="KE9" s="377">
        <v>1236037</v>
      </c>
      <c r="KF9" s="379">
        <v>0</v>
      </c>
      <c r="KG9" s="373">
        <v>9996739</v>
      </c>
      <c r="KH9" s="373">
        <v>13383779</v>
      </c>
      <c r="KI9" s="373">
        <v>17222475</v>
      </c>
      <c r="KJ9" s="373">
        <v>9770147</v>
      </c>
      <c r="KK9" s="373">
        <v>5856840</v>
      </c>
      <c r="KL9" s="377">
        <v>56229980</v>
      </c>
      <c r="KM9" s="382">
        <v>57466017</v>
      </c>
      <c r="KN9" s="369">
        <v>0</v>
      </c>
      <c r="KO9" s="370">
        <v>0</v>
      </c>
      <c r="KP9" s="371">
        <v>0</v>
      </c>
      <c r="KQ9" s="468">
        <v>0</v>
      </c>
      <c r="KR9" s="373">
        <v>21524937</v>
      </c>
      <c r="KS9" s="373">
        <v>37207919</v>
      </c>
      <c r="KT9" s="373">
        <v>38960883</v>
      </c>
      <c r="KU9" s="373">
        <v>26398132</v>
      </c>
      <c r="KV9" s="373">
        <v>15424984</v>
      </c>
      <c r="KW9" s="377">
        <v>139516855</v>
      </c>
      <c r="KX9" s="375">
        <v>139516855</v>
      </c>
      <c r="KY9" s="376">
        <v>0</v>
      </c>
      <c r="KZ9" s="373">
        <v>0</v>
      </c>
      <c r="LA9" s="377">
        <v>0</v>
      </c>
      <c r="LB9" s="468">
        <v>0</v>
      </c>
      <c r="LC9" s="373">
        <v>649232</v>
      </c>
      <c r="LD9" s="373">
        <v>661656</v>
      </c>
      <c r="LE9" s="373">
        <v>1005170</v>
      </c>
      <c r="LF9" s="373">
        <v>532038</v>
      </c>
      <c r="LG9" s="373">
        <v>239656</v>
      </c>
      <c r="LH9" s="377">
        <v>3087752</v>
      </c>
      <c r="LI9" s="378">
        <v>3087752</v>
      </c>
      <c r="LJ9" s="376">
        <v>0</v>
      </c>
      <c r="LK9" s="373">
        <v>0</v>
      </c>
      <c r="LL9" s="377">
        <v>0</v>
      </c>
      <c r="LM9" s="468">
        <v>0</v>
      </c>
      <c r="LN9" s="373">
        <v>0</v>
      </c>
      <c r="LO9" s="373">
        <v>659528</v>
      </c>
      <c r="LP9" s="373">
        <v>4793108</v>
      </c>
      <c r="LQ9" s="373">
        <v>5811435</v>
      </c>
      <c r="LR9" s="373">
        <v>3922266</v>
      </c>
      <c r="LS9" s="377">
        <v>15186337</v>
      </c>
      <c r="LT9" s="375">
        <v>15186337</v>
      </c>
      <c r="LU9" s="376">
        <v>0</v>
      </c>
      <c r="LV9" s="373">
        <v>0</v>
      </c>
      <c r="LW9" s="377">
        <v>0</v>
      </c>
      <c r="LX9" s="468">
        <v>0</v>
      </c>
      <c r="LY9" s="373">
        <v>3204493</v>
      </c>
      <c r="LZ9" s="373">
        <v>3422347</v>
      </c>
      <c r="MA9" s="373">
        <v>4900676</v>
      </c>
      <c r="MB9" s="373">
        <v>9451138</v>
      </c>
      <c r="MC9" s="373">
        <v>11047247</v>
      </c>
      <c r="MD9" s="377">
        <v>32025901</v>
      </c>
      <c r="ME9" s="378">
        <v>32025901</v>
      </c>
      <c r="MF9" s="376">
        <v>0</v>
      </c>
      <c r="MG9" s="373">
        <v>0</v>
      </c>
      <c r="MH9" s="377">
        <v>0</v>
      </c>
      <c r="MI9" s="468">
        <v>0</v>
      </c>
      <c r="MJ9" s="373">
        <v>22735848</v>
      </c>
      <c r="MK9" s="373">
        <v>58801899</v>
      </c>
      <c r="ML9" s="373">
        <v>188356566</v>
      </c>
      <c r="MM9" s="373">
        <v>269232538</v>
      </c>
      <c r="MN9" s="373">
        <v>146900776</v>
      </c>
      <c r="MO9" s="377">
        <v>686027627</v>
      </c>
      <c r="MP9" s="382">
        <v>686027627</v>
      </c>
      <c r="MQ9" s="376">
        <v>0</v>
      </c>
      <c r="MR9" s="373">
        <v>0</v>
      </c>
      <c r="MS9" s="377">
        <v>0</v>
      </c>
      <c r="MT9" s="468">
        <v>0</v>
      </c>
      <c r="MU9" s="373">
        <v>2821923</v>
      </c>
      <c r="MV9" s="373">
        <v>15503769</v>
      </c>
      <c r="MW9" s="373">
        <v>111925692</v>
      </c>
      <c r="MX9" s="373">
        <v>175192321</v>
      </c>
      <c r="MY9" s="373">
        <v>90481363</v>
      </c>
      <c r="MZ9" s="377">
        <v>395925068</v>
      </c>
      <c r="NA9" s="382">
        <v>395925068</v>
      </c>
      <c r="NB9" s="376">
        <v>0</v>
      </c>
      <c r="NC9" s="373">
        <v>0</v>
      </c>
      <c r="ND9" s="377">
        <v>0</v>
      </c>
      <c r="NE9" s="468">
        <v>0</v>
      </c>
      <c r="NF9" s="373">
        <v>19913925</v>
      </c>
      <c r="NG9" s="373">
        <v>42594794</v>
      </c>
      <c r="NH9" s="373">
        <v>76073138</v>
      </c>
      <c r="NI9" s="373">
        <v>88480708</v>
      </c>
      <c r="NJ9" s="373">
        <v>49532138</v>
      </c>
      <c r="NK9" s="377">
        <v>276594703</v>
      </c>
      <c r="NL9" s="375">
        <v>276594703</v>
      </c>
      <c r="NM9" s="376">
        <v>0</v>
      </c>
      <c r="NN9" s="373">
        <v>0</v>
      </c>
      <c r="NO9" s="377">
        <v>0</v>
      </c>
      <c r="NP9" s="468">
        <v>0</v>
      </c>
      <c r="NQ9" s="373">
        <v>0</v>
      </c>
      <c r="NR9" s="373">
        <v>0</v>
      </c>
      <c r="NS9" s="373">
        <v>0</v>
      </c>
      <c r="NT9" s="373">
        <v>1561424</v>
      </c>
      <c r="NU9" s="373">
        <v>1314040</v>
      </c>
      <c r="NV9" s="377">
        <v>2875464</v>
      </c>
      <c r="NW9" s="378">
        <v>2875464</v>
      </c>
      <c r="NX9" s="376">
        <v>0</v>
      </c>
      <c r="NY9" s="373">
        <v>0</v>
      </c>
      <c r="NZ9" s="377">
        <v>0</v>
      </c>
      <c r="OA9" s="468">
        <v>0</v>
      </c>
      <c r="OB9" s="373">
        <v>0</v>
      </c>
      <c r="OC9" s="373">
        <v>703336</v>
      </c>
      <c r="OD9" s="373">
        <v>357736</v>
      </c>
      <c r="OE9" s="373">
        <v>3998085</v>
      </c>
      <c r="OF9" s="373">
        <v>5573235</v>
      </c>
      <c r="OG9" s="377">
        <v>10632392</v>
      </c>
      <c r="OH9" s="378">
        <v>10632392</v>
      </c>
      <c r="OI9" s="376">
        <v>28485768</v>
      </c>
      <c r="OJ9" s="373">
        <v>48203430</v>
      </c>
      <c r="OK9" s="374">
        <v>76689198</v>
      </c>
      <c r="OL9" s="379">
        <v>0</v>
      </c>
      <c r="OM9" s="373">
        <v>384603062</v>
      </c>
      <c r="ON9" s="373">
        <v>541398795</v>
      </c>
      <c r="OO9" s="373">
        <v>614537072</v>
      </c>
      <c r="OP9" s="373">
        <v>649193349</v>
      </c>
      <c r="OQ9" s="373">
        <v>390646282</v>
      </c>
      <c r="OR9" s="377">
        <v>2580378560</v>
      </c>
      <c r="OS9" s="382">
        <v>2657067758</v>
      </c>
    </row>
    <row r="10" spans="1:409" s="417" customFormat="1" ht="21" customHeight="1" x14ac:dyDescent="0.2">
      <c r="A10" s="39"/>
      <c r="B10" s="436" t="s">
        <v>5</v>
      </c>
      <c r="C10" s="384">
        <v>11031921</v>
      </c>
      <c r="D10" s="385">
        <v>26788921</v>
      </c>
      <c r="E10" s="386">
        <v>37820842</v>
      </c>
      <c r="F10" s="387">
        <v>0</v>
      </c>
      <c r="G10" s="385">
        <v>107142784</v>
      </c>
      <c r="H10" s="385">
        <v>177753640</v>
      </c>
      <c r="I10" s="385">
        <v>146101794</v>
      </c>
      <c r="J10" s="385">
        <v>131168773</v>
      </c>
      <c r="K10" s="385">
        <v>83168426</v>
      </c>
      <c r="L10" s="387">
        <v>645335417</v>
      </c>
      <c r="M10" s="388">
        <v>683156259</v>
      </c>
      <c r="N10" s="384">
        <v>3681915</v>
      </c>
      <c r="O10" s="385">
        <v>9754955</v>
      </c>
      <c r="P10" s="386">
        <v>13436870</v>
      </c>
      <c r="Q10" s="384">
        <v>0</v>
      </c>
      <c r="R10" s="385">
        <v>37018601</v>
      </c>
      <c r="S10" s="385">
        <v>67036033</v>
      </c>
      <c r="T10" s="385">
        <v>52624706</v>
      </c>
      <c r="U10" s="385">
        <v>49909340</v>
      </c>
      <c r="V10" s="385">
        <v>43316538</v>
      </c>
      <c r="W10" s="386">
        <v>249905218</v>
      </c>
      <c r="X10" s="388">
        <v>263342088</v>
      </c>
      <c r="Y10" s="384">
        <v>0</v>
      </c>
      <c r="Z10" s="385">
        <v>0</v>
      </c>
      <c r="AA10" s="386">
        <v>0</v>
      </c>
      <c r="AB10" s="384">
        <v>0</v>
      </c>
      <c r="AC10" s="385">
        <v>15976292</v>
      </c>
      <c r="AD10" s="385">
        <v>26144689</v>
      </c>
      <c r="AE10" s="385">
        <v>23985014</v>
      </c>
      <c r="AF10" s="385">
        <v>24042979</v>
      </c>
      <c r="AG10" s="385">
        <v>22767778</v>
      </c>
      <c r="AH10" s="386">
        <v>112916752</v>
      </c>
      <c r="AI10" s="388">
        <v>112916752</v>
      </c>
      <c r="AJ10" s="384">
        <v>0</v>
      </c>
      <c r="AK10" s="385">
        <v>16439</v>
      </c>
      <c r="AL10" s="386">
        <v>16439</v>
      </c>
      <c r="AM10" s="384">
        <v>0</v>
      </c>
      <c r="AN10" s="385">
        <v>97206</v>
      </c>
      <c r="AO10" s="385">
        <v>395078</v>
      </c>
      <c r="AP10" s="385">
        <v>1447077</v>
      </c>
      <c r="AQ10" s="385">
        <v>3234014</v>
      </c>
      <c r="AR10" s="385">
        <v>5880619</v>
      </c>
      <c r="AS10" s="386">
        <v>11053994</v>
      </c>
      <c r="AT10" s="388">
        <v>11070433</v>
      </c>
      <c r="AU10" s="384">
        <v>2039658</v>
      </c>
      <c r="AV10" s="385">
        <v>6877104</v>
      </c>
      <c r="AW10" s="386">
        <v>8916762</v>
      </c>
      <c r="AX10" s="384">
        <v>0</v>
      </c>
      <c r="AY10" s="385">
        <v>13642311</v>
      </c>
      <c r="AZ10" s="385">
        <v>29541486</v>
      </c>
      <c r="BA10" s="385">
        <v>17864479</v>
      </c>
      <c r="BB10" s="385">
        <v>14646207</v>
      </c>
      <c r="BC10" s="385">
        <v>9226524</v>
      </c>
      <c r="BD10" s="386">
        <v>84921007</v>
      </c>
      <c r="BE10" s="388">
        <v>93837769</v>
      </c>
      <c r="BF10" s="384">
        <v>186033</v>
      </c>
      <c r="BG10" s="385">
        <v>757388</v>
      </c>
      <c r="BH10" s="389">
        <v>943421</v>
      </c>
      <c r="BI10" s="390">
        <v>0</v>
      </c>
      <c r="BJ10" s="385">
        <v>748920</v>
      </c>
      <c r="BK10" s="385">
        <v>1334124</v>
      </c>
      <c r="BL10" s="385">
        <v>1077160</v>
      </c>
      <c r="BM10" s="385">
        <v>857812</v>
      </c>
      <c r="BN10" s="385">
        <v>492913</v>
      </c>
      <c r="BO10" s="386">
        <v>4510929</v>
      </c>
      <c r="BP10" s="388">
        <v>5454350</v>
      </c>
      <c r="BQ10" s="384">
        <v>1456224</v>
      </c>
      <c r="BR10" s="385">
        <v>2104024</v>
      </c>
      <c r="BS10" s="386">
        <v>3560248</v>
      </c>
      <c r="BT10" s="384">
        <v>0</v>
      </c>
      <c r="BU10" s="385">
        <v>6553872</v>
      </c>
      <c r="BV10" s="385">
        <v>9620656</v>
      </c>
      <c r="BW10" s="385">
        <v>8250976</v>
      </c>
      <c r="BX10" s="385">
        <v>7128328</v>
      </c>
      <c r="BY10" s="385">
        <v>4948704</v>
      </c>
      <c r="BZ10" s="386">
        <v>36502536</v>
      </c>
      <c r="CA10" s="388">
        <v>40062784</v>
      </c>
      <c r="CB10" s="384">
        <v>1635444</v>
      </c>
      <c r="CC10" s="385">
        <v>3986942</v>
      </c>
      <c r="CD10" s="386">
        <v>5622386</v>
      </c>
      <c r="CE10" s="384">
        <v>0</v>
      </c>
      <c r="CF10" s="385">
        <v>29681768</v>
      </c>
      <c r="CG10" s="385">
        <v>45578684</v>
      </c>
      <c r="CH10" s="385">
        <v>32747339</v>
      </c>
      <c r="CI10" s="385">
        <v>17918478</v>
      </c>
      <c r="CJ10" s="385">
        <v>7544156</v>
      </c>
      <c r="CK10" s="386">
        <v>133470425</v>
      </c>
      <c r="CL10" s="388">
        <v>139092811</v>
      </c>
      <c r="CM10" s="384">
        <v>0</v>
      </c>
      <c r="CN10" s="385">
        <v>0</v>
      </c>
      <c r="CO10" s="386">
        <v>0</v>
      </c>
      <c r="CP10" s="390">
        <v>0</v>
      </c>
      <c r="CQ10" s="385">
        <v>24053940</v>
      </c>
      <c r="CR10" s="385">
        <v>32413231</v>
      </c>
      <c r="CS10" s="385">
        <v>22546803</v>
      </c>
      <c r="CT10" s="385">
        <v>10606327</v>
      </c>
      <c r="CU10" s="385">
        <v>6284647</v>
      </c>
      <c r="CV10" s="386">
        <v>95904948</v>
      </c>
      <c r="CW10" s="388">
        <v>95904948</v>
      </c>
      <c r="CX10" s="384">
        <v>1635444</v>
      </c>
      <c r="CY10" s="385">
        <v>3986942</v>
      </c>
      <c r="CZ10" s="386">
        <v>5622386</v>
      </c>
      <c r="DA10" s="384">
        <v>0</v>
      </c>
      <c r="DB10" s="385">
        <v>5627828</v>
      </c>
      <c r="DC10" s="385">
        <v>13165453</v>
      </c>
      <c r="DD10" s="385">
        <v>10200536</v>
      </c>
      <c r="DE10" s="385">
        <v>7312151</v>
      </c>
      <c r="DF10" s="385">
        <v>1259509</v>
      </c>
      <c r="DG10" s="386">
        <v>37565477</v>
      </c>
      <c r="DH10" s="388">
        <v>43187863</v>
      </c>
      <c r="DI10" s="384">
        <v>14039</v>
      </c>
      <c r="DJ10" s="385">
        <v>523425</v>
      </c>
      <c r="DK10" s="389">
        <v>537464</v>
      </c>
      <c r="DL10" s="390">
        <v>0</v>
      </c>
      <c r="DM10" s="385">
        <v>3946561</v>
      </c>
      <c r="DN10" s="385">
        <v>6015522</v>
      </c>
      <c r="DO10" s="385">
        <v>13118383</v>
      </c>
      <c r="DP10" s="385">
        <v>11600657</v>
      </c>
      <c r="DQ10" s="385">
        <v>4659088</v>
      </c>
      <c r="DR10" s="386">
        <v>39340211</v>
      </c>
      <c r="DS10" s="388">
        <v>39877675</v>
      </c>
      <c r="DT10" s="384">
        <v>14039</v>
      </c>
      <c r="DU10" s="385">
        <v>398784</v>
      </c>
      <c r="DV10" s="386">
        <v>412823</v>
      </c>
      <c r="DW10" s="384">
        <v>0</v>
      </c>
      <c r="DX10" s="385">
        <v>3445235</v>
      </c>
      <c r="DY10" s="385">
        <v>4682359</v>
      </c>
      <c r="DZ10" s="385">
        <v>10625010</v>
      </c>
      <c r="EA10" s="385">
        <v>9604077</v>
      </c>
      <c r="EB10" s="385">
        <v>3310629</v>
      </c>
      <c r="EC10" s="386">
        <v>31667310</v>
      </c>
      <c r="ED10" s="388">
        <v>32080133</v>
      </c>
      <c r="EE10" s="384">
        <v>0</v>
      </c>
      <c r="EF10" s="389">
        <v>124641</v>
      </c>
      <c r="EG10" s="386">
        <v>124641</v>
      </c>
      <c r="EH10" s="384">
        <v>0</v>
      </c>
      <c r="EI10" s="385">
        <v>501326</v>
      </c>
      <c r="EJ10" s="385">
        <v>1333163</v>
      </c>
      <c r="EK10" s="385">
        <v>2493373</v>
      </c>
      <c r="EL10" s="385">
        <v>1996580</v>
      </c>
      <c r="EM10" s="385">
        <v>1348459</v>
      </c>
      <c r="EN10" s="389">
        <v>7672901</v>
      </c>
      <c r="EO10" s="388">
        <v>7797542</v>
      </c>
      <c r="EP10" s="384">
        <v>0</v>
      </c>
      <c r="EQ10" s="385">
        <v>0</v>
      </c>
      <c r="ER10" s="389">
        <v>0</v>
      </c>
      <c r="ES10" s="390">
        <v>0</v>
      </c>
      <c r="ET10" s="385">
        <v>0</v>
      </c>
      <c r="EU10" s="385">
        <v>0</v>
      </c>
      <c r="EV10" s="385">
        <v>0</v>
      </c>
      <c r="EW10" s="385">
        <v>0</v>
      </c>
      <c r="EX10" s="385">
        <v>0</v>
      </c>
      <c r="EY10" s="386">
        <v>0</v>
      </c>
      <c r="EZ10" s="388">
        <v>0</v>
      </c>
      <c r="FA10" s="384">
        <v>0</v>
      </c>
      <c r="FB10" s="385">
        <v>0</v>
      </c>
      <c r="FC10" s="389">
        <v>0</v>
      </c>
      <c r="FD10" s="391">
        <v>0</v>
      </c>
      <c r="FE10" s="385">
        <v>0</v>
      </c>
      <c r="FF10" s="385">
        <v>0</v>
      </c>
      <c r="FG10" s="385">
        <v>0</v>
      </c>
      <c r="FH10" s="385">
        <v>0</v>
      </c>
      <c r="FI10" s="385">
        <v>0</v>
      </c>
      <c r="FJ10" s="386">
        <v>0</v>
      </c>
      <c r="FK10" s="388">
        <v>0</v>
      </c>
      <c r="FL10" s="384">
        <v>1797889</v>
      </c>
      <c r="FM10" s="385">
        <v>5415510</v>
      </c>
      <c r="FN10" s="386">
        <v>7213399</v>
      </c>
      <c r="FO10" s="384">
        <v>0</v>
      </c>
      <c r="FP10" s="385">
        <v>3546676</v>
      </c>
      <c r="FQ10" s="385">
        <v>15215046</v>
      </c>
      <c r="FR10" s="385">
        <v>10674122</v>
      </c>
      <c r="FS10" s="385">
        <v>8550171</v>
      </c>
      <c r="FT10" s="385">
        <v>5663752</v>
      </c>
      <c r="FU10" s="386">
        <v>43649767</v>
      </c>
      <c r="FV10" s="388">
        <v>50863166</v>
      </c>
      <c r="FW10" s="392">
        <v>824568</v>
      </c>
      <c r="FX10" s="385">
        <v>2906928</v>
      </c>
      <c r="FY10" s="389">
        <v>3731496</v>
      </c>
      <c r="FZ10" s="390">
        <v>0</v>
      </c>
      <c r="GA10" s="385">
        <v>2709552</v>
      </c>
      <c r="GB10" s="385">
        <v>13209016</v>
      </c>
      <c r="GC10" s="385">
        <v>9346262</v>
      </c>
      <c r="GD10" s="385">
        <v>7515168</v>
      </c>
      <c r="GE10" s="385">
        <v>5076560</v>
      </c>
      <c r="GF10" s="386">
        <v>37856558</v>
      </c>
      <c r="GG10" s="393">
        <v>41588054</v>
      </c>
      <c r="GH10" s="392">
        <v>119415</v>
      </c>
      <c r="GI10" s="385">
        <v>294822</v>
      </c>
      <c r="GJ10" s="389">
        <v>414237</v>
      </c>
      <c r="GK10" s="390">
        <v>0</v>
      </c>
      <c r="GL10" s="385">
        <v>173676</v>
      </c>
      <c r="GM10" s="385">
        <v>538894</v>
      </c>
      <c r="GN10" s="385">
        <v>479004</v>
      </c>
      <c r="GO10" s="385">
        <v>417803</v>
      </c>
      <c r="GP10" s="385">
        <v>367352</v>
      </c>
      <c r="GQ10" s="386">
        <v>1976729</v>
      </c>
      <c r="GR10" s="388">
        <v>2390966</v>
      </c>
      <c r="GS10" s="384">
        <v>853906</v>
      </c>
      <c r="GT10" s="385">
        <v>2213760</v>
      </c>
      <c r="GU10" s="386">
        <v>3067666</v>
      </c>
      <c r="GV10" s="384">
        <v>0</v>
      </c>
      <c r="GW10" s="385">
        <v>663448</v>
      </c>
      <c r="GX10" s="385">
        <v>1467136</v>
      </c>
      <c r="GY10" s="385">
        <v>848856</v>
      </c>
      <c r="GZ10" s="385">
        <v>617200</v>
      </c>
      <c r="HA10" s="385">
        <v>219840</v>
      </c>
      <c r="HB10" s="389">
        <v>3816480</v>
      </c>
      <c r="HC10" s="388">
        <v>6884146</v>
      </c>
      <c r="HD10" s="384">
        <v>3902634</v>
      </c>
      <c r="HE10" s="385">
        <v>7108089</v>
      </c>
      <c r="HF10" s="389">
        <v>11010723</v>
      </c>
      <c r="HG10" s="390">
        <v>0</v>
      </c>
      <c r="HH10" s="385">
        <v>32949178</v>
      </c>
      <c r="HI10" s="385">
        <v>43908355</v>
      </c>
      <c r="HJ10" s="385">
        <v>36937244</v>
      </c>
      <c r="HK10" s="385">
        <v>43190127</v>
      </c>
      <c r="HL10" s="385">
        <v>21984892</v>
      </c>
      <c r="HM10" s="386">
        <v>178969796</v>
      </c>
      <c r="HN10" s="387">
        <v>189980519</v>
      </c>
      <c r="HO10" s="450">
        <v>0</v>
      </c>
      <c r="HP10" s="451">
        <v>0</v>
      </c>
      <c r="HQ10" s="452">
        <v>0</v>
      </c>
      <c r="HR10" s="453">
        <v>0</v>
      </c>
      <c r="HS10" s="451">
        <v>0</v>
      </c>
      <c r="HT10" s="451">
        <v>0</v>
      </c>
      <c r="HU10" s="451">
        <v>0</v>
      </c>
      <c r="HV10" s="451">
        <v>0</v>
      </c>
      <c r="HW10" s="451">
        <v>0</v>
      </c>
      <c r="HX10" s="454">
        <v>0</v>
      </c>
      <c r="HY10" s="455">
        <v>0</v>
      </c>
      <c r="HZ10" s="394">
        <v>229824</v>
      </c>
      <c r="IA10" s="395">
        <v>326016</v>
      </c>
      <c r="IB10" s="396">
        <v>555840</v>
      </c>
      <c r="IC10" s="397">
        <v>0</v>
      </c>
      <c r="ID10" s="398">
        <v>28184229</v>
      </c>
      <c r="IE10" s="399">
        <v>46347227</v>
      </c>
      <c r="IF10" s="400">
        <v>41812199</v>
      </c>
      <c r="IG10" s="398">
        <v>31313156</v>
      </c>
      <c r="IH10" s="400">
        <v>22502058</v>
      </c>
      <c r="II10" s="401">
        <v>170158869</v>
      </c>
      <c r="IJ10" s="402">
        <v>170714709</v>
      </c>
      <c r="IK10" s="403">
        <v>0</v>
      </c>
      <c r="IL10" s="404">
        <v>0</v>
      </c>
      <c r="IM10" s="405">
        <v>0</v>
      </c>
      <c r="IN10" s="469">
        <v>0</v>
      </c>
      <c r="IO10" s="407">
        <v>392202</v>
      </c>
      <c r="IP10" s="407">
        <v>1559707</v>
      </c>
      <c r="IQ10" s="407">
        <v>1926047</v>
      </c>
      <c r="IR10" s="407">
        <v>3476408</v>
      </c>
      <c r="IS10" s="407">
        <v>1794708</v>
      </c>
      <c r="IT10" s="408">
        <v>9149072</v>
      </c>
      <c r="IU10" s="409">
        <v>9149072</v>
      </c>
      <c r="IV10" s="410">
        <v>0</v>
      </c>
      <c r="IW10" s="407">
        <v>0</v>
      </c>
      <c r="IX10" s="411">
        <v>0</v>
      </c>
      <c r="IY10" s="469">
        <v>0</v>
      </c>
      <c r="IZ10" s="407">
        <v>70284</v>
      </c>
      <c r="JA10" s="407">
        <v>454914</v>
      </c>
      <c r="JB10" s="407">
        <v>365191</v>
      </c>
      <c r="JC10" s="407">
        <v>834281</v>
      </c>
      <c r="JD10" s="407">
        <v>671499</v>
      </c>
      <c r="JE10" s="411">
        <v>2396169</v>
      </c>
      <c r="JF10" s="412">
        <v>2396169</v>
      </c>
      <c r="JG10" s="410">
        <v>0</v>
      </c>
      <c r="JH10" s="407">
        <v>0</v>
      </c>
      <c r="JI10" s="408">
        <v>0</v>
      </c>
      <c r="JJ10" s="413">
        <v>0</v>
      </c>
      <c r="JK10" s="407">
        <v>13091967</v>
      </c>
      <c r="JL10" s="407">
        <v>18557244</v>
      </c>
      <c r="JM10" s="407">
        <v>12234398</v>
      </c>
      <c r="JN10" s="407">
        <v>6816174</v>
      </c>
      <c r="JO10" s="407">
        <v>2830251</v>
      </c>
      <c r="JP10" s="411">
        <v>53530034</v>
      </c>
      <c r="JQ10" s="409">
        <v>53530034</v>
      </c>
      <c r="JR10" s="410">
        <v>0</v>
      </c>
      <c r="JS10" s="407">
        <v>0</v>
      </c>
      <c r="JT10" s="408">
        <v>0</v>
      </c>
      <c r="JU10" s="413">
        <v>0</v>
      </c>
      <c r="JV10" s="407">
        <v>2418373</v>
      </c>
      <c r="JW10" s="407">
        <v>3092295</v>
      </c>
      <c r="JX10" s="407">
        <v>4534133</v>
      </c>
      <c r="JY10" s="407">
        <v>2838418</v>
      </c>
      <c r="JZ10" s="407">
        <v>1115913</v>
      </c>
      <c r="KA10" s="411">
        <v>13999132</v>
      </c>
      <c r="KB10" s="409">
        <v>13999132</v>
      </c>
      <c r="KC10" s="414">
        <v>229824</v>
      </c>
      <c r="KD10" s="415">
        <v>326016</v>
      </c>
      <c r="KE10" s="411">
        <v>555840</v>
      </c>
      <c r="KF10" s="413">
        <v>0</v>
      </c>
      <c r="KG10" s="407">
        <v>3752913</v>
      </c>
      <c r="KH10" s="407">
        <v>6455185</v>
      </c>
      <c r="KI10" s="407">
        <v>6903506</v>
      </c>
      <c r="KJ10" s="407">
        <v>3742176</v>
      </c>
      <c r="KK10" s="407">
        <v>2228420</v>
      </c>
      <c r="KL10" s="411">
        <v>23082200</v>
      </c>
      <c r="KM10" s="416">
        <v>23638040</v>
      </c>
      <c r="KN10" s="403">
        <v>0</v>
      </c>
      <c r="KO10" s="404">
        <v>0</v>
      </c>
      <c r="KP10" s="405">
        <v>0</v>
      </c>
      <c r="KQ10" s="469">
        <v>0</v>
      </c>
      <c r="KR10" s="407">
        <v>7924407</v>
      </c>
      <c r="KS10" s="407">
        <v>15079745</v>
      </c>
      <c r="KT10" s="407">
        <v>13804305</v>
      </c>
      <c r="KU10" s="407">
        <v>9571890</v>
      </c>
      <c r="KV10" s="407">
        <v>6589070</v>
      </c>
      <c r="KW10" s="411">
        <v>52969417</v>
      </c>
      <c r="KX10" s="409">
        <v>52969417</v>
      </c>
      <c r="KY10" s="410">
        <v>0</v>
      </c>
      <c r="KZ10" s="407">
        <v>0</v>
      </c>
      <c r="LA10" s="411">
        <v>0</v>
      </c>
      <c r="LB10" s="469">
        <v>0</v>
      </c>
      <c r="LC10" s="407">
        <v>0</v>
      </c>
      <c r="LD10" s="407">
        <v>0</v>
      </c>
      <c r="LE10" s="407">
        <v>0</v>
      </c>
      <c r="LF10" s="407">
        <v>0</v>
      </c>
      <c r="LG10" s="407">
        <v>0</v>
      </c>
      <c r="LH10" s="411">
        <v>0</v>
      </c>
      <c r="LI10" s="412">
        <v>0</v>
      </c>
      <c r="LJ10" s="410">
        <v>0</v>
      </c>
      <c r="LK10" s="407">
        <v>0</v>
      </c>
      <c r="LL10" s="411">
        <v>0</v>
      </c>
      <c r="LM10" s="469">
        <v>0</v>
      </c>
      <c r="LN10" s="407">
        <v>0</v>
      </c>
      <c r="LO10" s="407">
        <v>263737</v>
      </c>
      <c r="LP10" s="407">
        <v>841982</v>
      </c>
      <c r="LQ10" s="407">
        <v>880941</v>
      </c>
      <c r="LR10" s="407">
        <v>942122</v>
      </c>
      <c r="LS10" s="411">
        <v>2928782</v>
      </c>
      <c r="LT10" s="409">
        <v>2928782</v>
      </c>
      <c r="LU10" s="410">
        <v>0</v>
      </c>
      <c r="LV10" s="407">
        <v>0</v>
      </c>
      <c r="LW10" s="411">
        <v>0</v>
      </c>
      <c r="LX10" s="469">
        <v>0</v>
      </c>
      <c r="LY10" s="407">
        <v>534083</v>
      </c>
      <c r="LZ10" s="407">
        <v>884400</v>
      </c>
      <c r="MA10" s="407">
        <v>1202637</v>
      </c>
      <c r="MB10" s="407">
        <v>3152868</v>
      </c>
      <c r="MC10" s="407">
        <v>6330075</v>
      </c>
      <c r="MD10" s="411">
        <v>12104063</v>
      </c>
      <c r="ME10" s="412">
        <v>12104063</v>
      </c>
      <c r="MF10" s="410">
        <v>0</v>
      </c>
      <c r="MG10" s="407">
        <v>0</v>
      </c>
      <c r="MH10" s="411">
        <v>0</v>
      </c>
      <c r="MI10" s="469">
        <v>0</v>
      </c>
      <c r="MJ10" s="407">
        <v>11630445</v>
      </c>
      <c r="MK10" s="407">
        <v>36146552</v>
      </c>
      <c r="ML10" s="407">
        <v>96804482</v>
      </c>
      <c r="MM10" s="407">
        <v>126924571</v>
      </c>
      <c r="MN10" s="407">
        <v>66864836</v>
      </c>
      <c r="MO10" s="411">
        <v>338370886</v>
      </c>
      <c r="MP10" s="416">
        <v>338370886</v>
      </c>
      <c r="MQ10" s="410">
        <v>0</v>
      </c>
      <c r="MR10" s="407">
        <v>0</v>
      </c>
      <c r="MS10" s="411">
        <v>0</v>
      </c>
      <c r="MT10" s="469">
        <v>0</v>
      </c>
      <c r="MU10" s="407">
        <v>1972002</v>
      </c>
      <c r="MV10" s="407">
        <v>11905581</v>
      </c>
      <c r="MW10" s="407">
        <v>57814704</v>
      </c>
      <c r="MX10" s="407">
        <v>75969038</v>
      </c>
      <c r="MY10" s="407">
        <v>40619694</v>
      </c>
      <c r="MZ10" s="411">
        <v>188281019</v>
      </c>
      <c r="NA10" s="416">
        <v>188281019</v>
      </c>
      <c r="NB10" s="410">
        <v>0</v>
      </c>
      <c r="NC10" s="407">
        <v>0</v>
      </c>
      <c r="ND10" s="411">
        <v>0</v>
      </c>
      <c r="NE10" s="469">
        <v>0</v>
      </c>
      <c r="NF10" s="407">
        <v>9658443</v>
      </c>
      <c r="NG10" s="407">
        <v>24240971</v>
      </c>
      <c r="NH10" s="407">
        <v>38958746</v>
      </c>
      <c r="NI10" s="407">
        <v>48921236</v>
      </c>
      <c r="NJ10" s="407">
        <v>24065789</v>
      </c>
      <c r="NK10" s="411">
        <v>145845185</v>
      </c>
      <c r="NL10" s="409">
        <v>145845185</v>
      </c>
      <c r="NM10" s="410">
        <v>0</v>
      </c>
      <c r="NN10" s="407">
        <v>0</v>
      </c>
      <c r="NO10" s="411">
        <v>0</v>
      </c>
      <c r="NP10" s="469">
        <v>0</v>
      </c>
      <c r="NQ10" s="407">
        <v>0</v>
      </c>
      <c r="NR10" s="407">
        <v>0</v>
      </c>
      <c r="NS10" s="407">
        <v>0</v>
      </c>
      <c r="NT10" s="407">
        <v>1247000</v>
      </c>
      <c r="NU10" s="407">
        <v>688668</v>
      </c>
      <c r="NV10" s="411">
        <v>1935668</v>
      </c>
      <c r="NW10" s="412">
        <v>1935668</v>
      </c>
      <c r="NX10" s="410">
        <v>0</v>
      </c>
      <c r="NY10" s="407">
        <v>0</v>
      </c>
      <c r="NZ10" s="411">
        <v>0</v>
      </c>
      <c r="OA10" s="469">
        <v>0</v>
      </c>
      <c r="OB10" s="407">
        <v>0</v>
      </c>
      <c r="OC10" s="407">
        <v>0</v>
      </c>
      <c r="OD10" s="407">
        <v>31032</v>
      </c>
      <c r="OE10" s="407">
        <v>787297</v>
      </c>
      <c r="OF10" s="407">
        <v>1490685</v>
      </c>
      <c r="OG10" s="411">
        <v>2309014</v>
      </c>
      <c r="OH10" s="412">
        <v>2309014</v>
      </c>
      <c r="OI10" s="410">
        <v>11261745</v>
      </c>
      <c r="OJ10" s="407">
        <v>27114937</v>
      </c>
      <c r="OK10" s="408">
        <v>38376682</v>
      </c>
      <c r="OL10" s="413">
        <v>0</v>
      </c>
      <c r="OM10" s="407">
        <v>146957458</v>
      </c>
      <c r="ON10" s="407">
        <v>260247419</v>
      </c>
      <c r="OO10" s="407">
        <v>284718475</v>
      </c>
      <c r="OP10" s="407">
        <v>289406500</v>
      </c>
      <c r="OQ10" s="407">
        <v>172535320</v>
      </c>
      <c r="OR10" s="411">
        <v>1153865172</v>
      </c>
      <c r="OS10" s="416">
        <v>1192241854</v>
      </c>
    </row>
    <row r="11" spans="1:409" ht="21" customHeight="1" x14ac:dyDescent="0.2">
      <c r="B11" s="437" t="s">
        <v>6</v>
      </c>
      <c r="C11" s="100">
        <v>3321826</v>
      </c>
      <c r="D11" s="104">
        <v>4239152</v>
      </c>
      <c r="E11" s="103">
        <v>7560978</v>
      </c>
      <c r="F11" s="99">
        <v>0</v>
      </c>
      <c r="G11" s="104">
        <v>44077770</v>
      </c>
      <c r="H11" s="104">
        <v>47260511</v>
      </c>
      <c r="I11" s="104">
        <v>36110663</v>
      </c>
      <c r="J11" s="104">
        <v>34889068</v>
      </c>
      <c r="K11" s="104">
        <v>25193220</v>
      </c>
      <c r="L11" s="99">
        <v>187531232</v>
      </c>
      <c r="M11" s="106">
        <v>195092210</v>
      </c>
      <c r="N11" s="100">
        <v>764329</v>
      </c>
      <c r="O11" s="104">
        <v>1599852</v>
      </c>
      <c r="P11" s="103">
        <v>2364181</v>
      </c>
      <c r="Q11" s="100">
        <v>0</v>
      </c>
      <c r="R11" s="104">
        <v>14452858</v>
      </c>
      <c r="S11" s="104">
        <v>16327249</v>
      </c>
      <c r="T11" s="104">
        <v>10821553</v>
      </c>
      <c r="U11" s="104">
        <v>11789828</v>
      </c>
      <c r="V11" s="104">
        <v>13050906</v>
      </c>
      <c r="W11" s="103">
        <v>66442394</v>
      </c>
      <c r="X11" s="106">
        <v>68806575</v>
      </c>
      <c r="Y11" s="100">
        <v>0</v>
      </c>
      <c r="Z11" s="104">
        <v>0</v>
      </c>
      <c r="AA11" s="103">
        <v>0</v>
      </c>
      <c r="AB11" s="100">
        <v>0</v>
      </c>
      <c r="AC11" s="104">
        <v>5715847</v>
      </c>
      <c r="AD11" s="104">
        <v>6223750</v>
      </c>
      <c r="AE11" s="104">
        <v>4977065</v>
      </c>
      <c r="AF11" s="104">
        <v>5810616</v>
      </c>
      <c r="AG11" s="104">
        <v>7383913</v>
      </c>
      <c r="AH11" s="103">
        <v>30111191</v>
      </c>
      <c r="AI11" s="106">
        <v>30111191</v>
      </c>
      <c r="AJ11" s="100">
        <v>0</v>
      </c>
      <c r="AK11" s="104">
        <v>0</v>
      </c>
      <c r="AL11" s="103">
        <v>0</v>
      </c>
      <c r="AM11" s="100">
        <v>0</v>
      </c>
      <c r="AN11" s="104">
        <v>0</v>
      </c>
      <c r="AO11" s="104">
        <v>109157</v>
      </c>
      <c r="AP11" s="104">
        <v>233513</v>
      </c>
      <c r="AQ11" s="104">
        <v>247934</v>
      </c>
      <c r="AR11" s="104">
        <v>1240789</v>
      </c>
      <c r="AS11" s="103">
        <v>1831393</v>
      </c>
      <c r="AT11" s="106">
        <v>1831393</v>
      </c>
      <c r="AU11" s="100">
        <v>223484</v>
      </c>
      <c r="AV11" s="104">
        <v>1004917</v>
      </c>
      <c r="AW11" s="103">
        <v>1228401</v>
      </c>
      <c r="AX11" s="100">
        <v>0</v>
      </c>
      <c r="AY11" s="104">
        <v>5193849</v>
      </c>
      <c r="AZ11" s="104">
        <v>6726520</v>
      </c>
      <c r="BA11" s="104">
        <v>2947132</v>
      </c>
      <c r="BB11" s="104">
        <v>3094579</v>
      </c>
      <c r="BC11" s="104">
        <v>2563297</v>
      </c>
      <c r="BD11" s="103">
        <v>20525377</v>
      </c>
      <c r="BE11" s="106">
        <v>21753778</v>
      </c>
      <c r="BF11" s="100">
        <v>27781</v>
      </c>
      <c r="BG11" s="104">
        <v>128415</v>
      </c>
      <c r="BH11" s="102">
        <v>156196</v>
      </c>
      <c r="BI11" s="101">
        <v>0</v>
      </c>
      <c r="BJ11" s="104">
        <v>513770</v>
      </c>
      <c r="BK11" s="104">
        <v>451926</v>
      </c>
      <c r="BL11" s="104">
        <v>388731</v>
      </c>
      <c r="BM11" s="104">
        <v>240755</v>
      </c>
      <c r="BN11" s="104">
        <v>263979</v>
      </c>
      <c r="BO11" s="103">
        <v>1859161</v>
      </c>
      <c r="BP11" s="106">
        <v>2015357</v>
      </c>
      <c r="BQ11" s="100">
        <v>513064</v>
      </c>
      <c r="BR11" s="104">
        <v>466520</v>
      </c>
      <c r="BS11" s="103">
        <v>979584</v>
      </c>
      <c r="BT11" s="100">
        <v>0</v>
      </c>
      <c r="BU11" s="104">
        <v>3029392</v>
      </c>
      <c r="BV11" s="104">
        <v>2815896</v>
      </c>
      <c r="BW11" s="104">
        <v>2275112</v>
      </c>
      <c r="BX11" s="104">
        <v>2395944</v>
      </c>
      <c r="BY11" s="104">
        <v>1598928</v>
      </c>
      <c r="BZ11" s="103">
        <v>12115272</v>
      </c>
      <c r="CA11" s="106">
        <v>13094856</v>
      </c>
      <c r="CB11" s="100">
        <v>220266</v>
      </c>
      <c r="CC11" s="104">
        <v>511561</v>
      </c>
      <c r="CD11" s="103">
        <v>731827</v>
      </c>
      <c r="CE11" s="100">
        <v>0</v>
      </c>
      <c r="CF11" s="104">
        <v>11406644</v>
      </c>
      <c r="CG11" s="104">
        <v>14312013</v>
      </c>
      <c r="CH11" s="104">
        <v>9263826</v>
      </c>
      <c r="CI11" s="104">
        <v>4841297</v>
      </c>
      <c r="CJ11" s="104">
        <v>2192232</v>
      </c>
      <c r="CK11" s="103">
        <v>42016012</v>
      </c>
      <c r="CL11" s="106">
        <v>42747839</v>
      </c>
      <c r="CM11" s="100">
        <v>0</v>
      </c>
      <c r="CN11" s="104">
        <v>0</v>
      </c>
      <c r="CO11" s="103">
        <v>0</v>
      </c>
      <c r="CP11" s="101">
        <v>0</v>
      </c>
      <c r="CQ11" s="104">
        <v>9466493</v>
      </c>
      <c r="CR11" s="104">
        <v>10877204</v>
      </c>
      <c r="CS11" s="104">
        <v>7076672</v>
      </c>
      <c r="CT11" s="104">
        <v>3579555</v>
      </c>
      <c r="CU11" s="104">
        <v>1714238</v>
      </c>
      <c r="CV11" s="103">
        <v>32714162</v>
      </c>
      <c r="CW11" s="106">
        <v>32714162</v>
      </c>
      <c r="CX11" s="100">
        <v>220266</v>
      </c>
      <c r="CY11" s="104">
        <v>511561</v>
      </c>
      <c r="CZ11" s="103">
        <v>731827</v>
      </c>
      <c r="DA11" s="100">
        <v>0</v>
      </c>
      <c r="DB11" s="104">
        <v>1940151</v>
      </c>
      <c r="DC11" s="104">
        <v>3434809</v>
      </c>
      <c r="DD11" s="104">
        <v>2187154</v>
      </c>
      <c r="DE11" s="104">
        <v>1261742</v>
      </c>
      <c r="DF11" s="104">
        <v>477994</v>
      </c>
      <c r="DG11" s="103">
        <v>9301850</v>
      </c>
      <c r="DH11" s="106">
        <v>10033677</v>
      </c>
      <c r="DI11" s="100">
        <v>30316</v>
      </c>
      <c r="DJ11" s="104">
        <v>68064</v>
      </c>
      <c r="DK11" s="102">
        <v>98380</v>
      </c>
      <c r="DL11" s="101">
        <v>0</v>
      </c>
      <c r="DM11" s="104">
        <v>730027</v>
      </c>
      <c r="DN11" s="104">
        <v>1613920</v>
      </c>
      <c r="DO11" s="104">
        <v>2427528</v>
      </c>
      <c r="DP11" s="104">
        <v>2669280</v>
      </c>
      <c r="DQ11" s="104">
        <v>1274035</v>
      </c>
      <c r="DR11" s="103">
        <v>8714790</v>
      </c>
      <c r="DS11" s="106">
        <v>8813170</v>
      </c>
      <c r="DT11" s="100">
        <v>30316</v>
      </c>
      <c r="DU11" s="104">
        <v>68064</v>
      </c>
      <c r="DV11" s="103">
        <v>98380</v>
      </c>
      <c r="DW11" s="100">
        <v>0</v>
      </c>
      <c r="DX11" s="104">
        <v>695827</v>
      </c>
      <c r="DY11" s="104">
        <v>1343051</v>
      </c>
      <c r="DZ11" s="104">
        <v>2109036</v>
      </c>
      <c r="EA11" s="104">
        <v>2436058</v>
      </c>
      <c r="EB11" s="104">
        <v>1014879</v>
      </c>
      <c r="EC11" s="103">
        <v>7598851</v>
      </c>
      <c r="ED11" s="106">
        <v>7697231</v>
      </c>
      <c r="EE11" s="100">
        <v>0</v>
      </c>
      <c r="EF11" s="102">
        <v>0</v>
      </c>
      <c r="EG11" s="103">
        <v>0</v>
      </c>
      <c r="EH11" s="100">
        <v>0</v>
      </c>
      <c r="EI11" s="104">
        <v>34200</v>
      </c>
      <c r="EJ11" s="104">
        <v>270869</v>
      </c>
      <c r="EK11" s="104">
        <v>318492</v>
      </c>
      <c r="EL11" s="104">
        <v>233222</v>
      </c>
      <c r="EM11" s="104">
        <v>259156</v>
      </c>
      <c r="EN11" s="102">
        <v>1115939</v>
      </c>
      <c r="EO11" s="106">
        <v>1115939</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06">
        <v>0</v>
      </c>
      <c r="FE11" s="104">
        <v>0</v>
      </c>
      <c r="FF11" s="104">
        <v>0</v>
      </c>
      <c r="FG11" s="104">
        <v>0</v>
      </c>
      <c r="FH11" s="104">
        <v>0</v>
      </c>
      <c r="FI11" s="104">
        <v>0</v>
      </c>
      <c r="FJ11" s="103">
        <v>0</v>
      </c>
      <c r="FK11" s="106">
        <v>0</v>
      </c>
      <c r="FL11" s="100">
        <v>668392</v>
      </c>
      <c r="FM11" s="104">
        <v>968408</v>
      </c>
      <c r="FN11" s="103">
        <v>1636800</v>
      </c>
      <c r="FO11" s="100">
        <v>0</v>
      </c>
      <c r="FP11" s="104">
        <v>2465872</v>
      </c>
      <c r="FQ11" s="104">
        <v>4295130</v>
      </c>
      <c r="FR11" s="104">
        <v>2972296</v>
      </c>
      <c r="FS11" s="104">
        <v>2722568</v>
      </c>
      <c r="FT11" s="104">
        <v>1704800</v>
      </c>
      <c r="FU11" s="103">
        <v>14160666</v>
      </c>
      <c r="FV11" s="106">
        <v>15797466</v>
      </c>
      <c r="FW11" s="105">
        <v>322392</v>
      </c>
      <c r="FX11" s="104">
        <v>706944</v>
      </c>
      <c r="FY11" s="102">
        <v>1029336</v>
      </c>
      <c r="FZ11" s="101">
        <v>0</v>
      </c>
      <c r="GA11" s="104">
        <v>1409632</v>
      </c>
      <c r="GB11" s="104">
        <v>3752234</v>
      </c>
      <c r="GC11" s="104">
        <v>2735912</v>
      </c>
      <c r="GD11" s="104">
        <v>2424008</v>
      </c>
      <c r="GE11" s="104">
        <v>1704800</v>
      </c>
      <c r="GF11" s="103">
        <v>12026586</v>
      </c>
      <c r="GG11" s="290">
        <v>13055922</v>
      </c>
      <c r="GH11" s="105">
        <v>0</v>
      </c>
      <c r="GI11" s="104">
        <v>18304</v>
      </c>
      <c r="GJ11" s="102">
        <v>18304</v>
      </c>
      <c r="GK11" s="101">
        <v>0</v>
      </c>
      <c r="GL11" s="104">
        <v>93280</v>
      </c>
      <c r="GM11" s="104">
        <v>124664</v>
      </c>
      <c r="GN11" s="104">
        <v>68624</v>
      </c>
      <c r="GO11" s="104">
        <v>116960</v>
      </c>
      <c r="GP11" s="104">
        <v>0</v>
      </c>
      <c r="GQ11" s="103">
        <v>403528</v>
      </c>
      <c r="GR11" s="106">
        <v>421832</v>
      </c>
      <c r="GS11" s="100">
        <v>346000</v>
      </c>
      <c r="GT11" s="104">
        <v>243160</v>
      </c>
      <c r="GU11" s="103">
        <v>589160</v>
      </c>
      <c r="GV11" s="100">
        <v>0</v>
      </c>
      <c r="GW11" s="104">
        <v>962960</v>
      </c>
      <c r="GX11" s="104">
        <v>418232</v>
      </c>
      <c r="GY11" s="104">
        <v>167760</v>
      </c>
      <c r="GZ11" s="104">
        <v>181600</v>
      </c>
      <c r="HA11" s="104">
        <v>0</v>
      </c>
      <c r="HB11" s="102">
        <v>1730552</v>
      </c>
      <c r="HC11" s="106">
        <v>2319712</v>
      </c>
      <c r="HD11" s="100">
        <v>1638523</v>
      </c>
      <c r="HE11" s="104">
        <v>1091267</v>
      </c>
      <c r="HF11" s="102">
        <v>2729790</v>
      </c>
      <c r="HG11" s="101">
        <v>0</v>
      </c>
      <c r="HH11" s="104">
        <v>15022369</v>
      </c>
      <c r="HI11" s="104">
        <v>10712199</v>
      </c>
      <c r="HJ11" s="104">
        <v>10625460</v>
      </c>
      <c r="HK11" s="104">
        <v>12866095</v>
      </c>
      <c r="HL11" s="104">
        <v>6971247</v>
      </c>
      <c r="HM11" s="103">
        <v>56197370</v>
      </c>
      <c r="HN11" s="99">
        <v>58927160</v>
      </c>
      <c r="HO11" s="456">
        <v>0</v>
      </c>
      <c r="HP11" s="457">
        <v>0</v>
      </c>
      <c r="HQ11" s="458">
        <v>0</v>
      </c>
      <c r="HR11" s="459">
        <v>0</v>
      </c>
      <c r="HS11" s="457">
        <v>0</v>
      </c>
      <c r="HT11" s="457">
        <v>0</v>
      </c>
      <c r="HU11" s="457">
        <v>0</v>
      </c>
      <c r="HV11" s="457">
        <v>0</v>
      </c>
      <c r="HW11" s="457">
        <v>0</v>
      </c>
      <c r="HX11" s="460">
        <v>0</v>
      </c>
      <c r="HY11" s="461">
        <v>0</v>
      </c>
      <c r="HZ11" s="118">
        <v>132255</v>
      </c>
      <c r="IA11" s="119">
        <v>78640</v>
      </c>
      <c r="IB11" s="120">
        <v>210895</v>
      </c>
      <c r="IC11" s="131">
        <v>0</v>
      </c>
      <c r="ID11" s="119">
        <v>13265070</v>
      </c>
      <c r="IE11" s="132">
        <v>14592245</v>
      </c>
      <c r="IF11" s="120">
        <v>11010577</v>
      </c>
      <c r="IG11" s="119">
        <v>16198057</v>
      </c>
      <c r="IH11" s="120">
        <v>7238575</v>
      </c>
      <c r="II11" s="133">
        <v>62304524</v>
      </c>
      <c r="IJ11" s="126">
        <v>62515419</v>
      </c>
      <c r="IK11" s="215">
        <v>0</v>
      </c>
      <c r="IL11" s="219">
        <v>0</v>
      </c>
      <c r="IM11" s="220">
        <v>0</v>
      </c>
      <c r="IN11" s="470">
        <v>0</v>
      </c>
      <c r="IO11" s="109">
        <v>222176</v>
      </c>
      <c r="IP11" s="109">
        <v>369732</v>
      </c>
      <c r="IQ11" s="109">
        <v>882404</v>
      </c>
      <c r="IR11" s="109">
        <v>1742051</v>
      </c>
      <c r="IS11" s="109">
        <v>397872</v>
      </c>
      <c r="IT11" s="128">
        <v>3614235</v>
      </c>
      <c r="IU11" s="292">
        <v>3614235</v>
      </c>
      <c r="IV11" s="129">
        <v>0</v>
      </c>
      <c r="IW11" s="109">
        <v>0</v>
      </c>
      <c r="IX11" s="110">
        <v>0</v>
      </c>
      <c r="IY11" s="470">
        <v>0</v>
      </c>
      <c r="IZ11" s="109">
        <v>46746</v>
      </c>
      <c r="JA11" s="109">
        <v>131211</v>
      </c>
      <c r="JB11" s="109">
        <v>294522</v>
      </c>
      <c r="JC11" s="109">
        <v>17800</v>
      </c>
      <c r="JD11" s="109">
        <v>88513</v>
      </c>
      <c r="JE11" s="110">
        <v>578792</v>
      </c>
      <c r="JF11" s="111">
        <v>578792</v>
      </c>
      <c r="JG11" s="129">
        <v>0</v>
      </c>
      <c r="JH11" s="109">
        <v>0</v>
      </c>
      <c r="JI11" s="128">
        <v>0</v>
      </c>
      <c r="JJ11" s="108">
        <v>0</v>
      </c>
      <c r="JK11" s="109">
        <v>3955735</v>
      </c>
      <c r="JL11" s="109">
        <v>3388754</v>
      </c>
      <c r="JM11" s="109">
        <v>1946741</v>
      </c>
      <c r="JN11" s="109">
        <v>1833781</v>
      </c>
      <c r="JO11" s="109">
        <v>880760</v>
      </c>
      <c r="JP11" s="110">
        <v>12005771</v>
      </c>
      <c r="JQ11" s="292">
        <v>12005771</v>
      </c>
      <c r="JR11" s="129">
        <v>0</v>
      </c>
      <c r="JS11" s="109">
        <v>0</v>
      </c>
      <c r="JT11" s="128">
        <v>0</v>
      </c>
      <c r="JU11" s="108">
        <v>0</v>
      </c>
      <c r="JV11" s="109">
        <v>1175196</v>
      </c>
      <c r="JW11" s="109">
        <v>1145323</v>
      </c>
      <c r="JX11" s="109">
        <v>1349746</v>
      </c>
      <c r="JY11" s="109">
        <v>1103999</v>
      </c>
      <c r="JZ11" s="109">
        <v>721932</v>
      </c>
      <c r="KA11" s="110">
        <v>5496196</v>
      </c>
      <c r="KB11" s="292">
        <v>5496196</v>
      </c>
      <c r="KC11" s="217">
        <v>132255</v>
      </c>
      <c r="KD11" s="213">
        <v>78640</v>
      </c>
      <c r="KE11" s="110">
        <v>210895</v>
      </c>
      <c r="KF11" s="108">
        <v>0</v>
      </c>
      <c r="KG11" s="109">
        <v>1714780</v>
      </c>
      <c r="KH11" s="109">
        <v>1940803</v>
      </c>
      <c r="KI11" s="109">
        <v>437809</v>
      </c>
      <c r="KJ11" s="109">
        <v>2735971</v>
      </c>
      <c r="KK11" s="109">
        <v>575812</v>
      </c>
      <c r="KL11" s="110">
        <v>7405175</v>
      </c>
      <c r="KM11" s="130">
        <v>7616070</v>
      </c>
      <c r="KN11" s="215">
        <v>0</v>
      </c>
      <c r="KO11" s="219">
        <v>0</v>
      </c>
      <c r="KP11" s="220">
        <v>0</v>
      </c>
      <c r="KQ11" s="470">
        <v>0</v>
      </c>
      <c r="KR11" s="109">
        <v>4746956</v>
      </c>
      <c r="KS11" s="109">
        <v>6999572</v>
      </c>
      <c r="KT11" s="109">
        <v>5007339</v>
      </c>
      <c r="KU11" s="109">
        <v>4853248</v>
      </c>
      <c r="KV11" s="109">
        <v>1851708</v>
      </c>
      <c r="KW11" s="110">
        <v>23458823</v>
      </c>
      <c r="KX11" s="292">
        <v>23458823</v>
      </c>
      <c r="KY11" s="129">
        <v>0</v>
      </c>
      <c r="KZ11" s="109">
        <v>0</v>
      </c>
      <c r="LA11" s="110">
        <v>0</v>
      </c>
      <c r="LB11" s="470">
        <v>0</v>
      </c>
      <c r="LC11" s="109">
        <v>0</v>
      </c>
      <c r="LD11" s="109">
        <v>0</v>
      </c>
      <c r="LE11" s="109">
        <v>0</v>
      </c>
      <c r="LF11" s="109">
        <v>0</v>
      </c>
      <c r="LG11" s="109">
        <v>0</v>
      </c>
      <c r="LH11" s="110">
        <v>0</v>
      </c>
      <c r="LI11" s="111">
        <v>0</v>
      </c>
      <c r="LJ11" s="129">
        <v>0</v>
      </c>
      <c r="LK11" s="109">
        <v>0</v>
      </c>
      <c r="LL11" s="110">
        <v>0</v>
      </c>
      <c r="LM11" s="470">
        <v>0</v>
      </c>
      <c r="LN11" s="109">
        <v>0</v>
      </c>
      <c r="LO11" s="109">
        <v>0</v>
      </c>
      <c r="LP11" s="109">
        <v>818337</v>
      </c>
      <c r="LQ11" s="109">
        <v>2030346</v>
      </c>
      <c r="LR11" s="109">
        <v>944403</v>
      </c>
      <c r="LS11" s="110">
        <v>3793086</v>
      </c>
      <c r="LT11" s="292">
        <v>3793086</v>
      </c>
      <c r="LU11" s="129">
        <v>0</v>
      </c>
      <c r="LV11" s="109">
        <v>0</v>
      </c>
      <c r="LW11" s="110">
        <v>0</v>
      </c>
      <c r="LX11" s="470">
        <v>0</v>
      </c>
      <c r="LY11" s="109">
        <v>1403481</v>
      </c>
      <c r="LZ11" s="109">
        <v>616850</v>
      </c>
      <c r="MA11" s="109">
        <v>273679</v>
      </c>
      <c r="MB11" s="109">
        <v>1880861</v>
      </c>
      <c r="MC11" s="109">
        <v>1777575</v>
      </c>
      <c r="MD11" s="110">
        <v>5952446</v>
      </c>
      <c r="ME11" s="111">
        <v>5952446</v>
      </c>
      <c r="MF11" s="129">
        <v>0</v>
      </c>
      <c r="MG11" s="109">
        <v>0</v>
      </c>
      <c r="MH11" s="110">
        <v>0</v>
      </c>
      <c r="MI11" s="470">
        <v>0</v>
      </c>
      <c r="MJ11" s="109">
        <v>2463149</v>
      </c>
      <c r="MK11" s="109">
        <v>5230453</v>
      </c>
      <c r="ML11" s="109">
        <v>19740734</v>
      </c>
      <c r="MM11" s="109">
        <v>29111683</v>
      </c>
      <c r="MN11" s="109">
        <v>18266651</v>
      </c>
      <c r="MO11" s="110">
        <v>74812670</v>
      </c>
      <c r="MP11" s="130">
        <v>74812670</v>
      </c>
      <c r="MQ11" s="129">
        <v>0</v>
      </c>
      <c r="MR11" s="109">
        <v>0</v>
      </c>
      <c r="MS11" s="110">
        <v>0</v>
      </c>
      <c r="MT11" s="470">
        <v>0</v>
      </c>
      <c r="MU11" s="109">
        <v>419065</v>
      </c>
      <c r="MV11" s="109">
        <v>1558313</v>
      </c>
      <c r="MW11" s="109">
        <v>10980435</v>
      </c>
      <c r="MX11" s="109">
        <v>20087935</v>
      </c>
      <c r="MY11" s="109">
        <v>10805064</v>
      </c>
      <c r="MZ11" s="110">
        <v>43850812</v>
      </c>
      <c r="NA11" s="130">
        <v>43850812</v>
      </c>
      <c r="NB11" s="129">
        <v>0</v>
      </c>
      <c r="NC11" s="109">
        <v>0</v>
      </c>
      <c r="ND11" s="110">
        <v>0</v>
      </c>
      <c r="NE11" s="470">
        <v>0</v>
      </c>
      <c r="NF11" s="109">
        <v>2044084</v>
      </c>
      <c r="NG11" s="109">
        <v>3465205</v>
      </c>
      <c r="NH11" s="109">
        <v>8760299</v>
      </c>
      <c r="NI11" s="109">
        <v>8659052</v>
      </c>
      <c r="NJ11" s="109">
        <v>6374918</v>
      </c>
      <c r="NK11" s="110">
        <v>29303558</v>
      </c>
      <c r="NL11" s="292">
        <v>29303558</v>
      </c>
      <c r="NM11" s="129">
        <v>0</v>
      </c>
      <c r="NN11" s="109">
        <v>0</v>
      </c>
      <c r="NO11" s="110">
        <v>0</v>
      </c>
      <c r="NP11" s="470">
        <v>0</v>
      </c>
      <c r="NQ11" s="109">
        <v>0</v>
      </c>
      <c r="NR11" s="109">
        <v>0</v>
      </c>
      <c r="NS11" s="109">
        <v>0</v>
      </c>
      <c r="NT11" s="109">
        <v>0</v>
      </c>
      <c r="NU11" s="109">
        <v>314216</v>
      </c>
      <c r="NV11" s="110">
        <v>314216</v>
      </c>
      <c r="NW11" s="111">
        <v>314216</v>
      </c>
      <c r="NX11" s="129">
        <v>0</v>
      </c>
      <c r="NY11" s="109">
        <v>0</v>
      </c>
      <c r="NZ11" s="110">
        <v>0</v>
      </c>
      <c r="OA11" s="470">
        <v>0</v>
      </c>
      <c r="OB11" s="109">
        <v>0</v>
      </c>
      <c r="OC11" s="109">
        <v>206935</v>
      </c>
      <c r="OD11" s="109">
        <v>0</v>
      </c>
      <c r="OE11" s="109">
        <v>364696</v>
      </c>
      <c r="OF11" s="109">
        <v>772453</v>
      </c>
      <c r="OG11" s="110">
        <v>1344084</v>
      </c>
      <c r="OH11" s="111">
        <v>1344084</v>
      </c>
      <c r="OI11" s="129">
        <v>3454081</v>
      </c>
      <c r="OJ11" s="109">
        <v>4317792</v>
      </c>
      <c r="OK11" s="128">
        <v>7771873</v>
      </c>
      <c r="OL11" s="108">
        <v>0</v>
      </c>
      <c r="OM11" s="109">
        <v>59805989</v>
      </c>
      <c r="ON11" s="109">
        <v>67083209</v>
      </c>
      <c r="OO11" s="109">
        <v>66861974</v>
      </c>
      <c r="OP11" s="109">
        <v>80198808</v>
      </c>
      <c r="OQ11" s="109">
        <v>50698446</v>
      </c>
      <c r="OR11" s="110">
        <v>324648426</v>
      </c>
      <c r="OS11" s="130">
        <v>332420299</v>
      </c>
    </row>
    <row r="12" spans="1:409" ht="21" customHeight="1" x14ac:dyDescent="0.2">
      <c r="B12" s="437" t="s">
        <v>14</v>
      </c>
      <c r="C12" s="100">
        <v>1736918</v>
      </c>
      <c r="D12" s="104">
        <v>3408244</v>
      </c>
      <c r="E12" s="103">
        <v>5145162</v>
      </c>
      <c r="F12" s="99">
        <v>0</v>
      </c>
      <c r="G12" s="104">
        <v>18108783</v>
      </c>
      <c r="H12" s="104">
        <v>27868250</v>
      </c>
      <c r="I12" s="104">
        <v>25531945</v>
      </c>
      <c r="J12" s="104">
        <v>21653606</v>
      </c>
      <c r="K12" s="104">
        <v>13495735</v>
      </c>
      <c r="L12" s="102">
        <v>106658319</v>
      </c>
      <c r="M12" s="106">
        <v>111803481</v>
      </c>
      <c r="N12" s="100">
        <v>474745</v>
      </c>
      <c r="O12" s="104">
        <v>794235</v>
      </c>
      <c r="P12" s="103">
        <v>1268980</v>
      </c>
      <c r="Q12" s="100">
        <v>0</v>
      </c>
      <c r="R12" s="104">
        <v>5001210</v>
      </c>
      <c r="S12" s="104">
        <v>8583579</v>
      </c>
      <c r="T12" s="104">
        <v>8088220</v>
      </c>
      <c r="U12" s="104">
        <v>9092282</v>
      </c>
      <c r="V12" s="104">
        <v>7969811</v>
      </c>
      <c r="W12" s="103">
        <v>38735102</v>
      </c>
      <c r="X12" s="106">
        <v>40004082</v>
      </c>
      <c r="Y12" s="100">
        <v>0</v>
      </c>
      <c r="Z12" s="104">
        <v>0</v>
      </c>
      <c r="AA12" s="103">
        <v>0</v>
      </c>
      <c r="AB12" s="100">
        <v>0</v>
      </c>
      <c r="AC12" s="104">
        <v>2134401</v>
      </c>
      <c r="AD12" s="104">
        <v>4147826</v>
      </c>
      <c r="AE12" s="104">
        <v>3800634</v>
      </c>
      <c r="AF12" s="104">
        <v>5590865</v>
      </c>
      <c r="AG12" s="104">
        <v>5264772</v>
      </c>
      <c r="AH12" s="103">
        <v>20938498</v>
      </c>
      <c r="AI12" s="106">
        <v>20938498</v>
      </c>
      <c r="AJ12" s="100">
        <v>0</v>
      </c>
      <c r="AK12" s="104">
        <v>0</v>
      </c>
      <c r="AL12" s="103">
        <v>0</v>
      </c>
      <c r="AM12" s="100">
        <v>0</v>
      </c>
      <c r="AN12" s="104">
        <v>0</v>
      </c>
      <c r="AO12" s="104">
        <v>0</v>
      </c>
      <c r="AP12" s="104">
        <v>312284</v>
      </c>
      <c r="AQ12" s="104">
        <v>324298</v>
      </c>
      <c r="AR12" s="104">
        <v>319802</v>
      </c>
      <c r="AS12" s="103">
        <v>956384</v>
      </c>
      <c r="AT12" s="106">
        <v>956384</v>
      </c>
      <c r="AU12" s="100">
        <v>210657</v>
      </c>
      <c r="AV12" s="104">
        <v>481499</v>
      </c>
      <c r="AW12" s="103">
        <v>692156</v>
      </c>
      <c r="AX12" s="100">
        <v>0</v>
      </c>
      <c r="AY12" s="104">
        <v>1819417</v>
      </c>
      <c r="AZ12" s="104">
        <v>2922763</v>
      </c>
      <c r="BA12" s="104">
        <v>2389896</v>
      </c>
      <c r="BB12" s="104">
        <v>1485931</v>
      </c>
      <c r="BC12" s="104">
        <v>1434445</v>
      </c>
      <c r="BD12" s="103">
        <v>10052452</v>
      </c>
      <c r="BE12" s="106">
        <v>10744608</v>
      </c>
      <c r="BF12" s="100">
        <v>0</v>
      </c>
      <c r="BG12" s="104">
        <v>88688</v>
      </c>
      <c r="BH12" s="102">
        <v>88688</v>
      </c>
      <c r="BI12" s="101">
        <v>0</v>
      </c>
      <c r="BJ12" s="104">
        <v>0</v>
      </c>
      <c r="BK12" s="104">
        <v>49206</v>
      </c>
      <c r="BL12" s="104">
        <v>85102</v>
      </c>
      <c r="BM12" s="104">
        <v>230692</v>
      </c>
      <c r="BN12" s="104">
        <v>31536</v>
      </c>
      <c r="BO12" s="103">
        <v>396536</v>
      </c>
      <c r="BP12" s="106">
        <v>485224</v>
      </c>
      <c r="BQ12" s="100">
        <v>264088</v>
      </c>
      <c r="BR12" s="104">
        <v>224048</v>
      </c>
      <c r="BS12" s="103">
        <v>488136</v>
      </c>
      <c r="BT12" s="100">
        <v>0</v>
      </c>
      <c r="BU12" s="104">
        <v>1047392</v>
      </c>
      <c r="BV12" s="104">
        <v>1463784</v>
      </c>
      <c r="BW12" s="104">
        <v>1500304</v>
      </c>
      <c r="BX12" s="104">
        <v>1460496</v>
      </c>
      <c r="BY12" s="104">
        <v>919256</v>
      </c>
      <c r="BZ12" s="103">
        <v>6391232</v>
      </c>
      <c r="CA12" s="106">
        <v>6879368</v>
      </c>
      <c r="CB12" s="100">
        <v>84176</v>
      </c>
      <c r="CC12" s="104">
        <v>458776</v>
      </c>
      <c r="CD12" s="103">
        <v>542952</v>
      </c>
      <c r="CE12" s="100">
        <v>0</v>
      </c>
      <c r="CF12" s="104">
        <v>6029409</v>
      </c>
      <c r="CG12" s="104">
        <v>8417701</v>
      </c>
      <c r="CH12" s="104">
        <v>7581014</v>
      </c>
      <c r="CI12" s="104">
        <v>3555540</v>
      </c>
      <c r="CJ12" s="104">
        <v>1133760</v>
      </c>
      <c r="CK12" s="103">
        <v>26717424</v>
      </c>
      <c r="CL12" s="106">
        <v>27260376</v>
      </c>
      <c r="CM12" s="100">
        <v>0</v>
      </c>
      <c r="CN12" s="104">
        <v>0</v>
      </c>
      <c r="CO12" s="103">
        <v>0</v>
      </c>
      <c r="CP12" s="101">
        <v>0</v>
      </c>
      <c r="CQ12" s="104">
        <v>5399913</v>
      </c>
      <c r="CR12" s="104">
        <v>6545476</v>
      </c>
      <c r="CS12" s="104">
        <v>6733338</v>
      </c>
      <c r="CT12" s="104">
        <v>2913268</v>
      </c>
      <c r="CU12" s="104">
        <v>1107921</v>
      </c>
      <c r="CV12" s="103">
        <v>22699916</v>
      </c>
      <c r="CW12" s="106">
        <v>22699916</v>
      </c>
      <c r="CX12" s="100">
        <v>84176</v>
      </c>
      <c r="CY12" s="104">
        <v>458776</v>
      </c>
      <c r="CZ12" s="103">
        <v>542952</v>
      </c>
      <c r="DA12" s="100">
        <v>0</v>
      </c>
      <c r="DB12" s="104">
        <v>629496</v>
      </c>
      <c r="DC12" s="104">
        <v>1872225</v>
      </c>
      <c r="DD12" s="104">
        <v>847676</v>
      </c>
      <c r="DE12" s="104">
        <v>642272</v>
      </c>
      <c r="DF12" s="104">
        <v>25839</v>
      </c>
      <c r="DG12" s="103">
        <v>4017508</v>
      </c>
      <c r="DH12" s="106">
        <v>4560460</v>
      </c>
      <c r="DI12" s="100">
        <v>0</v>
      </c>
      <c r="DJ12" s="104">
        <v>-18702</v>
      </c>
      <c r="DK12" s="102">
        <v>-18702</v>
      </c>
      <c r="DL12" s="101">
        <v>0</v>
      </c>
      <c r="DM12" s="104">
        <v>609181</v>
      </c>
      <c r="DN12" s="104">
        <v>1674059</v>
      </c>
      <c r="DO12" s="104">
        <v>2625296</v>
      </c>
      <c r="DP12" s="104">
        <v>2085888</v>
      </c>
      <c r="DQ12" s="104">
        <v>543218</v>
      </c>
      <c r="DR12" s="103">
        <v>7537642</v>
      </c>
      <c r="DS12" s="106">
        <v>7518940</v>
      </c>
      <c r="DT12" s="100">
        <v>0</v>
      </c>
      <c r="DU12" s="104">
        <v>-18702</v>
      </c>
      <c r="DV12" s="103">
        <v>-18702</v>
      </c>
      <c r="DW12" s="100">
        <v>0</v>
      </c>
      <c r="DX12" s="104">
        <v>609181</v>
      </c>
      <c r="DY12" s="104">
        <v>1401937</v>
      </c>
      <c r="DZ12" s="104">
        <v>2438438</v>
      </c>
      <c r="EA12" s="104">
        <v>2016764</v>
      </c>
      <c r="EB12" s="104">
        <v>487719</v>
      </c>
      <c r="EC12" s="103">
        <v>6954039</v>
      </c>
      <c r="ED12" s="106">
        <v>6935337</v>
      </c>
      <c r="EE12" s="100">
        <v>0</v>
      </c>
      <c r="EF12" s="102">
        <v>0</v>
      </c>
      <c r="EG12" s="103">
        <v>0</v>
      </c>
      <c r="EH12" s="100">
        <v>0</v>
      </c>
      <c r="EI12" s="104">
        <v>0</v>
      </c>
      <c r="EJ12" s="104">
        <v>272122</v>
      </c>
      <c r="EK12" s="104">
        <v>186858</v>
      </c>
      <c r="EL12" s="104">
        <v>69124</v>
      </c>
      <c r="EM12" s="104">
        <v>55499</v>
      </c>
      <c r="EN12" s="102">
        <v>583603</v>
      </c>
      <c r="EO12" s="106">
        <v>583603</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06">
        <v>0</v>
      </c>
      <c r="FE12" s="104">
        <v>0</v>
      </c>
      <c r="FF12" s="104">
        <v>0</v>
      </c>
      <c r="FG12" s="104">
        <v>0</v>
      </c>
      <c r="FH12" s="104">
        <v>0</v>
      </c>
      <c r="FI12" s="104">
        <v>0</v>
      </c>
      <c r="FJ12" s="103">
        <v>0</v>
      </c>
      <c r="FK12" s="106">
        <v>0</v>
      </c>
      <c r="FL12" s="100">
        <v>493664</v>
      </c>
      <c r="FM12" s="104">
        <v>1427061</v>
      </c>
      <c r="FN12" s="103">
        <v>1920725</v>
      </c>
      <c r="FO12" s="100">
        <v>0</v>
      </c>
      <c r="FP12" s="104">
        <v>1082512</v>
      </c>
      <c r="FQ12" s="104">
        <v>2922816</v>
      </c>
      <c r="FR12" s="104">
        <v>2450568</v>
      </c>
      <c r="FS12" s="104">
        <v>1713232</v>
      </c>
      <c r="FT12" s="104">
        <v>1099208</v>
      </c>
      <c r="FU12" s="103">
        <v>9268336</v>
      </c>
      <c r="FV12" s="106">
        <v>11189061</v>
      </c>
      <c r="FW12" s="105">
        <v>237632</v>
      </c>
      <c r="FX12" s="104">
        <v>735472</v>
      </c>
      <c r="FY12" s="102">
        <v>973104</v>
      </c>
      <c r="FZ12" s="101">
        <v>0</v>
      </c>
      <c r="GA12" s="104">
        <v>782696</v>
      </c>
      <c r="GB12" s="104">
        <v>2661312</v>
      </c>
      <c r="GC12" s="104">
        <v>2335656</v>
      </c>
      <c r="GD12" s="104">
        <v>1713232</v>
      </c>
      <c r="GE12" s="104">
        <v>1077608</v>
      </c>
      <c r="GF12" s="103">
        <v>8570504</v>
      </c>
      <c r="GG12" s="290">
        <v>9543608</v>
      </c>
      <c r="GH12" s="105">
        <v>23232</v>
      </c>
      <c r="GI12" s="104">
        <v>54549</v>
      </c>
      <c r="GJ12" s="102">
        <v>77781</v>
      </c>
      <c r="GK12" s="101">
        <v>0</v>
      </c>
      <c r="GL12" s="104">
        <v>15136</v>
      </c>
      <c r="GM12" s="104">
        <v>114144</v>
      </c>
      <c r="GN12" s="104">
        <v>37312</v>
      </c>
      <c r="GO12" s="104">
        <v>0</v>
      </c>
      <c r="GP12" s="104">
        <v>21600</v>
      </c>
      <c r="GQ12" s="103">
        <v>188192</v>
      </c>
      <c r="GR12" s="106">
        <v>265973</v>
      </c>
      <c r="GS12" s="100">
        <v>232800</v>
      </c>
      <c r="GT12" s="104">
        <v>637040</v>
      </c>
      <c r="GU12" s="103">
        <v>869840</v>
      </c>
      <c r="GV12" s="100">
        <v>0</v>
      </c>
      <c r="GW12" s="104">
        <v>284680</v>
      </c>
      <c r="GX12" s="104">
        <v>147360</v>
      </c>
      <c r="GY12" s="104">
        <v>77600</v>
      </c>
      <c r="GZ12" s="104">
        <v>0</v>
      </c>
      <c r="HA12" s="104">
        <v>0</v>
      </c>
      <c r="HB12" s="102">
        <v>509640</v>
      </c>
      <c r="HC12" s="106">
        <v>1379480</v>
      </c>
      <c r="HD12" s="100">
        <v>684333</v>
      </c>
      <c r="HE12" s="104">
        <v>746874</v>
      </c>
      <c r="HF12" s="102">
        <v>1431207</v>
      </c>
      <c r="HG12" s="101">
        <v>0</v>
      </c>
      <c r="HH12" s="104">
        <v>5386471</v>
      </c>
      <c r="HI12" s="104">
        <v>6270095</v>
      </c>
      <c r="HJ12" s="104">
        <v>4786847</v>
      </c>
      <c r="HK12" s="104">
        <v>5206664</v>
      </c>
      <c r="HL12" s="104">
        <v>2749738</v>
      </c>
      <c r="HM12" s="103">
        <v>24399815</v>
      </c>
      <c r="HN12" s="99">
        <v>25831022</v>
      </c>
      <c r="HO12" s="456">
        <v>0</v>
      </c>
      <c r="HP12" s="457">
        <v>0</v>
      </c>
      <c r="HQ12" s="458">
        <v>0</v>
      </c>
      <c r="HR12" s="459">
        <v>0</v>
      </c>
      <c r="HS12" s="457">
        <v>0</v>
      </c>
      <c r="HT12" s="457">
        <v>0</v>
      </c>
      <c r="HU12" s="457">
        <v>0</v>
      </c>
      <c r="HV12" s="457">
        <v>0</v>
      </c>
      <c r="HW12" s="457">
        <v>0</v>
      </c>
      <c r="HX12" s="460">
        <v>0</v>
      </c>
      <c r="HY12" s="461">
        <v>0</v>
      </c>
      <c r="HZ12" s="118">
        <v>0</v>
      </c>
      <c r="IA12" s="119">
        <v>67012</v>
      </c>
      <c r="IB12" s="120">
        <v>67012</v>
      </c>
      <c r="IC12" s="121">
        <v>0</v>
      </c>
      <c r="ID12" s="122">
        <v>5491213</v>
      </c>
      <c r="IE12" s="123">
        <v>7608296</v>
      </c>
      <c r="IF12" s="124">
        <v>11173291</v>
      </c>
      <c r="IG12" s="122">
        <v>6726782</v>
      </c>
      <c r="IH12" s="124">
        <v>3634978</v>
      </c>
      <c r="II12" s="125">
        <v>34634560</v>
      </c>
      <c r="IJ12" s="126">
        <v>34701572</v>
      </c>
      <c r="IK12" s="215">
        <v>0</v>
      </c>
      <c r="IL12" s="219">
        <v>0</v>
      </c>
      <c r="IM12" s="220">
        <v>0</v>
      </c>
      <c r="IN12" s="470">
        <v>0</v>
      </c>
      <c r="IO12" s="109">
        <v>0</v>
      </c>
      <c r="IP12" s="109">
        <v>336835</v>
      </c>
      <c r="IQ12" s="109">
        <v>171740</v>
      </c>
      <c r="IR12" s="109">
        <v>384549</v>
      </c>
      <c r="IS12" s="109">
        <v>244610</v>
      </c>
      <c r="IT12" s="128">
        <v>1137734</v>
      </c>
      <c r="IU12" s="292">
        <v>1137734</v>
      </c>
      <c r="IV12" s="129">
        <v>0</v>
      </c>
      <c r="IW12" s="109">
        <v>0</v>
      </c>
      <c r="IX12" s="110">
        <v>0</v>
      </c>
      <c r="IY12" s="470">
        <v>0</v>
      </c>
      <c r="IZ12" s="109">
        <v>0</v>
      </c>
      <c r="JA12" s="109">
        <v>0</v>
      </c>
      <c r="JB12" s="109">
        <v>0</v>
      </c>
      <c r="JC12" s="109">
        <v>0</v>
      </c>
      <c r="JD12" s="109">
        <v>0</v>
      </c>
      <c r="JE12" s="110">
        <v>0</v>
      </c>
      <c r="JF12" s="111">
        <v>0</v>
      </c>
      <c r="JG12" s="129">
        <v>0</v>
      </c>
      <c r="JH12" s="109">
        <v>0</v>
      </c>
      <c r="JI12" s="128">
        <v>0</v>
      </c>
      <c r="JJ12" s="108">
        <v>0</v>
      </c>
      <c r="JK12" s="109">
        <v>2419604</v>
      </c>
      <c r="JL12" s="109">
        <v>3603453</v>
      </c>
      <c r="JM12" s="109">
        <v>2785427</v>
      </c>
      <c r="JN12" s="109">
        <v>1555952</v>
      </c>
      <c r="JO12" s="109">
        <v>517518</v>
      </c>
      <c r="JP12" s="110">
        <v>10881954</v>
      </c>
      <c r="JQ12" s="292">
        <v>10881954</v>
      </c>
      <c r="JR12" s="129">
        <v>0</v>
      </c>
      <c r="JS12" s="109">
        <v>0</v>
      </c>
      <c r="JT12" s="128">
        <v>0</v>
      </c>
      <c r="JU12" s="108">
        <v>0</v>
      </c>
      <c r="JV12" s="109">
        <v>39655</v>
      </c>
      <c r="JW12" s="109">
        <v>367465</v>
      </c>
      <c r="JX12" s="109">
        <v>287766</v>
      </c>
      <c r="JY12" s="109">
        <v>0</v>
      </c>
      <c r="JZ12" s="109">
        <v>0</v>
      </c>
      <c r="KA12" s="110">
        <v>694886</v>
      </c>
      <c r="KB12" s="292">
        <v>694886</v>
      </c>
      <c r="KC12" s="217">
        <v>0</v>
      </c>
      <c r="KD12" s="213">
        <v>67012</v>
      </c>
      <c r="KE12" s="110">
        <v>67012</v>
      </c>
      <c r="KF12" s="108">
        <v>0</v>
      </c>
      <c r="KG12" s="109">
        <v>1342769</v>
      </c>
      <c r="KH12" s="109">
        <v>619786</v>
      </c>
      <c r="KI12" s="109">
        <v>1851003</v>
      </c>
      <c r="KJ12" s="109">
        <v>796121</v>
      </c>
      <c r="KK12" s="109">
        <v>582537</v>
      </c>
      <c r="KL12" s="110">
        <v>5192216</v>
      </c>
      <c r="KM12" s="130">
        <v>5259228</v>
      </c>
      <c r="KN12" s="215">
        <v>0</v>
      </c>
      <c r="KO12" s="219">
        <v>0</v>
      </c>
      <c r="KP12" s="220">
        <v>0</v>
      </c>
      <c r="KQ12" s="470">
        <v>0</v>
      </c>
      <c r="KR12" s="109">
        <v>1401869</v>
      </c>
      <c r="KS12" s="109">
        <v>2475720</v>
      </c>
      <c r="KT12" s="109">
        <v>4912245</v>
      </c>
      <c r="KU12" s="109">
        <v>3096758</v>
      </c>
      <c r="KV12" s="109">
        <v>1365120</v>
      </c>
      <c r="KW12" s="110">
        <v>13251712</v>
      </c>
      <c r="KX12" s="292">
        <v>13251712</v>
      </c>
      <c r="KY12" s="129">
        <v>0</v>
      </c>
      <c r="KZ12" s="109">
        <v>0</v>
      </c>
      <c r="LA12" s="110">
        <v>0</v>
      </c>
      <c r="LB12" s="470">
        <v>0</v>
      </c>
      <c r="LC12" s="109">
        <v>0</v>
      </c>
      <c r="LD12" s="109">
        <v>0</v>
      </c>
      <c r="LE12" s="109">
        <v>0</v>
      </c>
      <c r="LF12" s="109">
        <v>0</v>
      </c>
      <c r="LG12" s="109">
        <v>0</v>
      </c>
      <c r="LH12" s="110">
        <v>0</v>
      </c>
      <c r="LI12" s="111">
        <v>0</v>
      </c>
      <c r="LJ12" s="129">
        <v>0</v>
      </c>
      <c r="LK12" s="109">
        <v>0</v>
      </c>
      <c r="LL12" s="110">
        <v>0</v>
      </c>
      <c r="LM12" s="470">
        <v>0</v>
      </c>
      <c r="LN12" s="109">
        <v>0</v>
      </c>
      <c r="LO12" s="109">
        <v>0</v>
      </c>
      <c r="LP12" s="109">
        <v>457468</v>
      </c>
      <c r="LQ12" s="109">
        <v>284326</v>
      </c>
      <c r="LR12" s="109">
        <v>0</v>
      </c>
      <c r="LS12" s="110">
        <v>741794</v>
      </c>
      <c r="LT12" s="292">
        <v>741794</v>
      </c>
      <c r="LU12" s="129">
        <v>0</v>
      </c>
      <c r="LV12" s="109">
        <v>0</v>
      </c>
      <c r="LW12" s="110">
        <v>0</v>
      </c>
      <c r="LX12" s="470">
        <v>0</v>
      </c>
      <c r="LY12" s="109">
        <v>287316</v>
      </c>
      <c r="LZ12" s="109">
        <v>205037</v>
      </c>
      <c r="MA12" s="109">
        <v>707642</v>
      </c>
      <c r="MB12" s="109">
        <v>609076</v>
      </c>
      <c r="MC12" s="109">
        <v>925193</v>
      </c>
      <c r="MD12" s="110">
        <v>2734264</v>
      </c>
      <c r="ME12" s="111">
        <v>2734264</v>
      </c>
      <c r="MF12" s="129">
        <v>0</v>
      </c>
      <c r="MG12" s="109">
        <v>0</v>
      </c>
      <c r="MH12" s="110">
        <v>0</v>
      </c>
      <c r="MI12" s="470">
        <v>0</v>
      </c>
      <c r="MJ12" s="109">
        <v>0</v>
      </c>
      <c r="MK12" s="109">
        <v>2418482</v>
      </c>
      <c r="ML12" s="109">
        <v>12700639</v>
      </c>
      <c r="MM12" s="109">
        <v>17356756</v>
      </c>
      <c r="MN12" s="109">
        <v>13434237</v>
      </c>
      <c r="MO12" s="110">
        <v>45910114</v>
      </c>
      <c r="MP12" s="130">
        <v>45910114</v>
      </c>
      <c r="MQ12" s="129">
        <v>0</v>
      </c>
      <c r="MR12" s="109">
        <v>0</v>
      </c>
      <c r="MS12" s="110">
        <v>0</v>
      </c>
      <c r="MT12" s="470">
        <v>0</v>
      </c>
      <c r="MU12" s="109">
        <v>0</v>
      </c>
      <c r="MV12" s="109">
        <v>0</v>
      </c>
      <c r="MW12" s="109">
        <v>8666524</v>
      </c>
      <c r="MX12" s="109">
        <v>12893152</v>
      </c>
      <c r="MY12" s="109">
        <v>8177329</v>
      </c>
      <c r="MZ12" s="110">
        <v>29737005</v>
      </c>
      <c r="NA12" s="130">
        <v>29737005</v>
      </c>
      <c r="NB12" s="129">
        <v>0</v>
      </c>
      <c r="NC12" s="109">
        <v>0</v>
      </c>
      <c r="ND12" s="110">
        <v>0</v>
      </c>
      <c r="NE12" s="470">
        <v>0</v>
      </c>
      <c r="NF12" s="109">
        <v>0</v>
      </c>
      <c r="NG12" s="109">
        <v>2418482</v>
      </c>
      <c r="NH12" s="109">
        <v>4034115</v>
      </c>
      <c r="NI12" s="109">
        <v>3681362</v>
      </c>
      <c r="NJ12" s="109">
        <v>3173155</v>
      </c>
      <c r="NK12" s="110">
        <v>13307114</v>
      </c>
      <c r="NL12" s="292">
        <v>13307114</v>
      </c>
      <c r="NM12" s="129">
        <v>0</v>
      </c>
      <c r="NN12" s="109">
        <v>0</v>
      </c>
      <c r="NO12" s="110">
        <v>0</v>
      </c>
      <c r="NP12" s="470">
        <v>0</v>
      </c>
      <c r="NQ12" s="109">
        <v>0</v>
      </c>
      <c r="NR12" s="109">
        <v>0</v>
      </c>
      <c r="NS12" s="109">
        <v>0</v>
      </c>
      <c r="NT12" s="109">
        <v>0</v>
      </c>
      <c r="NU12" s="109">
        <v>311156</v>
      </c>
      <c r="NV12" s="110">
        <v>311156</v>
      </c>
      <c r="NW12" s="111">
        <v>311156</v>
      </c>
      <c r="NX12" s="129">
        <v>0</v>
      </c>
      <c r="NY12" s="109">
        <v>0</v>
      </c>
      <c r="NZ12" s="110">
        <v>0</v>
      </c>
      <c r="OA12" s="470">
        <v>0</v>
      </c>
      <c r="OB12" s="109">
        <v>0</v>
      </c>
      <c r="OC12" s="109">
        <v>0</v>
      </c>
      <c r="OD12" s="109">
        <v>0</v>
      </c>
      <c r="OE12" s="109">
        <v>782242</v>
      </c>
      <c r="OF12" s="109">
        <v>1772597</v>
      </c>
      <c r="OG12" s="110">
        <v>2554839</v>
      </c>
      <c r="OH12" s="111">
        <v>2554839</v>
      </c>
      <c r="OI12" s="129">
        <v>1736918</v>
      </c>
      <c r="OJ12" s="109">
        <v>3475256</v>
      </c>
      <c r="OK12" s="128">
        <v>5212174</v>
      </c>
      <c r="OL12" s="108">
        <v>0</v>
      </c>
      <c r="OM12" s="109">
        <v>23599996</v>
      </c>
      <c r="ON12" s="109">
        <v>37895028</v>
      </c>
      <c r="OO12" s="109">
        <v>49405875</v>
      </c>
      <c r="OP12" s="109">
        <v>45737144</v>
      </c>
      <c r="OQ12" s="109">
        <v>30564950</v>
      </c>
      <c r="OR12" s="110">
        <v>187202993</v>
      </c>
      <c r="OS12" s="130">
        <v>192415167</v>
      </c>
    </row>
    <row r="13" spans="1:409" ht="21" customHeight="1" x14ac:dyDescent="0.2">
      <c r="B13" s="437" t="s">
        <v>7</v>
      </c>
      <c r="C13" s="100">
        <v>1436850</v>
      </c>
      <c r="D13" s="104">
        <v>1604812</v>
      </c>
      <c r="E13" s="103">
        <v>3041662</v>
      </c>
      <c r="F13" s="99">
        <v>0</v>
      </c>
      <c r="G13" s="104">
        <v>22603641</v>
      </c>
      <c r="H13" s="104">
        <v>24014023</v>
      </c>
      <c r="I13" s="104">
        <v>19271588</v>
      </c>
      <c r="J13" s="104">
        <v>15832886</v>
      </c>
      <c r="K13" s="104">
        <v>12378858</v>
      </c>
      <c r="L13" s="99">
        <v>94100996</v>
      </c>
      <c r="M13" s="106">
        <v>97142658</v>
      </c>
      <c r="N13" s="100">
        <v>246554</v>
      </c>
      <c r="O13" s="104">
        <v>226307</v>
      </c>
      <c r="P13" s="103">
        <v>472861</v>
      </c>
      <c r="Q13" s="100">
        <v>0</v>
      </c>
      <c r="R13" s="104">
        <v>6712941</v>
      </c>
      <c r="S13" s="104">
        <v>7243913</v>
      </c>
      <c r="T13" s="104">
        <v>6115436</v>
      </c>
      <c r="U13" s="104">
        <v>7299881</v>
      </c>
      <c r="V13" s="104">
        <v>6618954</v>
      </c>
      <c r="W13" s="103">
        <v>33991125</v>
      </c>
      <c r="X13" s="106">
        <v>34463986</v>
      </c>
      <c r="Y13" s="100">
        <v>0</v>
      </c>
      <c r="Z13" s="104">
        <v>0</v>
      </c>
      <c r="AA13" s="103">
        <v>0</v>
      </c>
      <c r="AB13" s="100">
        <v>0</v>
      </c>
      <c r="AC13" s="104">
        <v>3400321</v>
      </c>
      <c r="AD13" s="104">
        <v>3522681</v>
      </c>
      <c r="AE13" s="104">
        <v>3062208</v>
      </c>
      <c r="AF13" s="104">
        <v>5060395</v>
      </c>
      <c r="AG13" s="104">
        <v>3618522</v>
      </c>
      <c r="AH13" s="103">
        <v>18664127</v>
      </c>
      <c r="AI13" s="106">
        <v>18664127</v>
      </c>
      <c r="AJ13" s="100">
        <v>0</v>
      </c>
      <c r="AK13" s="104">
        <v>0</v>
      </c>
      <c r="AL13" s="103">
        <v>0</v>
      </c>
      <c r="AM13" s="100">
        <v>0</v>
      </c>
      <c r="AN13" s="104">
        <v>12377</v>
      </c>
      <c r="AO13" s="104">
        <v>190782</v>
      </c>
      <c r="AP13" s="104">
        <v>329207</v>
      </c>
      <c r="AQ13" s="104">
        <v>399370</v>
      </c>
      <c r="AR13" s="104">
        <v>995141</v>
      </c>
      <c r="AS13" s="103">
        <v>1926877</v>
      </c>
      <c r="AT13" s="106">
        <v>1926877</v>
      </c>
      <c r="AU13" s="100">
        <v>66834</v>
      </c>
      <c r="AV13" s="104">
        <v>63355</v>
      </c>
      <c r="AW13" s="103">
        <v>130189</v>
      </c>
      <c r="AX13" s="100">
        <v>0</v>
      </c>
      <c r="AY13" s="104">
        <v>1757105</v>
      </c>
      <c r="AZ13" s="104">
        <v>1953297</v>
      </c>
      <c r="BA13" s="104">
        <v>1309048</v>
      </c>
      <c r="BB13" s="104">
        <v>902431</v>
      </c>
      <c r="BC13" s="104">
        <v>1350287</v>
      </c>
      <c r="BD13" s="103">
        <v>7272168</v>
      </c>
      <c r="BE13" s="106">
        <v>7402357</v>
      </c>
      <c r="BF13" s="100">
        <v>41456</v>
      </c>
      <c r="BG13" s="104">
        <v>0</v>
      </c>
      <c r="BH13" s="102">
        <v>41456</v>
      </c>
      <c r="BI13" s="101">
        <v>0</v>
      </c>
      <c r="BJ13" s="104">
        <v>303042</v>
      </c>
      <c r="BK13" s="104">
        <v>125785</v>
      </c>
      <c r="BL13" s="104">
        <v>230829</v>
      </c>
      <c r="BM13" s="104">
        <v>120453</v>
      </c>
      <c r="BN13" s="104">
        <v>31076</v>
      </c>
      <c r="BO13" s="103">
        <v>811185</v>
      </c>
      <c r="BP13" s="106">
        <v>852641</v>
      </c>
      <c r="BQ13" s="100">
        <v>138264</v>
      </c>
      <c r="BR13" s="104">
        <v>162952</v>
      </c>
      <c r="BS13" s="103">
        <v>301216</v>
      </c>
      <c r="BT13" s="100">
        <v>0</v>
      </c>
      <c r="BU13" s="104">
        <v>1240096</v>
      </c>
      <c r="BV13" s="104">
        <v>1451368</v>
      </c>
      <c r="BW13" s="104">
        <v>1184144</v>
      </c>
      <c r="BX13" s="104">
        <v>817232</v>
      </c>
      <c r="BY13" s="104">
        <v>623928</v>
      </c>
      <c r="BZ13" s="103">
        <v>5316768</v>
      </c>
      <c r="CA13" s="106">
        <v>5617984</v>
      </c>
      <c r="CB13" s="100">
        <v>60410</v>
      </c>
      <c r="CC13" s="104">
        <v>75883</v>
      </c>
      <c r="CD13" s="103">
        <v>136293</v>
      </c>
      <c r="CE13" s="100">
        <v>0</v>
      </c>
      <c r="CF13" s="104">
        <v>7276946</v>
      </c>
      <c r="CG13" s="104">
        <v>6337138</v>
      </c>
      <c r="CH13" s="104">
        <v>3399698</v>
      </c>
      <c r="CI13" s="104">
        <v>1577495</v>
      </c>
      <c r="CJ13" s="104">
        <v>1143651</v>
      </c>
      <c r="CK13" s="103">
        <v>19734928</v>
      </c>
      <c r="CL13" s="106">
        <v>19871221</v>
      </c>
      <c r="CM13" s="100">
        <v>0</v>
      </c>
      <c r="CN13" s="104">
        <v>0</v>
      </c>
      <c r="CO13" s="103">
        <v>0</v>
      </c>
      <c r="CP13" s="101">
        <v>0</v>
      </c>
      <c r="CQ13" s="104">
        <v>6335288</v>
      </c>
      <c r="CR13" s="104">
        <v>5263468</v>
      </c>
      <c r="CS13" s="104">
        <v>2690082</v>
      </c>
      <c r="CT13" s="104">
        <v>1266507</v>
      </c>
      <c r="CU13" s="104">
        <v>849803</v>
      </c>
      <c r="CV13" s="103">
        <v>16405148</v>
      </c>
      <c r="CW13" s="106">
        <v>16405148</v>
      </c>
      <c r="CX13" s="100">
        <v>60410</v>
      </c>
      <c r="CY13" s="104">
        <v>75883</v>
      </c>
      <c r="CZ13" s="103">
        <v>136293</v>
      </c>
      <c r="DA13" s="100">
        <v>0</v>
      </c>
      <c r="DB13" s="104">
        <v>941658</v>
      </c>
      <c r="DC13" s="104">
        <v>1073670</v>
      </c>
      <c r="DD13" s="104">
        <v>709616</v>
      </c>
      <c r="DE13" s="104">
        <v>310988</v>
      </c>
      <c r="DF13" s="104">
        <v>293848</v>
      </c>
      <c r="DG13" s="103">
        <v>3329780</v>
      </c>
      <c r="DH13" s="106">
        <v>3466073</v>
      </c>
      <c r="DI13" s="100">
        <v>0</v>
      </c>
      <c r="DJ13" s="104">
        <v>50749</v>
      </c>
      <c r="DK13" s="102">
        <v>50749</v>
      </c>
      <c r="DL13" s="101">
        <v>0</v>
      </c>
      <c r="DM13" s="104">
        <v>724988</v>
      </c>
      <c r="DN13" s="104">
        <v>1821076</v>
      </c>
      <c r="DO13" s="104">
        <v>2462928</v>
      </c>
      <c r="DP13" s="104">
        <v>1367402</v>
      </c>
      <c r="DQ13" s="104">
        <v>1067266</v>
      </c>
      <c r="DR13" s="103">
        <v>7443660</v>
      </c>
      <c r="DS13" s="106">
        <v>7494409</v>
      </c>
      <c r="DT13" s="100">
        <v>0</v>
      </c>
      <c r="DU13" s="104">
        <v>50749</v>
      </c>
      <c r="DV13" s="103">
        <v>50749</v>
      </c>
      <c r="DW13" s="100">
        <v>0</v>
      </c>
      <c r="DX13" s="104">
        <v>724988</v>
      </c>
      <c r="DY13" s="104">
        <v>1704504</v>
      </c>
      <c r="DZ13" s="104">
        <v>2381080</v>
      </c>
      <c r="EA13" s="104">
        <v>884323</v>
      </c>
      <c r="EB13" s="104">
        <v>1067266</v>
      </c>
      <c r="EC13" s="103">
        <v>6762161</v>
      </c>
      <c r="ED13" s="106">
        <v>6812910</v>
      </c>
      <c r="EE13" s="100">
        <v>0</v>
      </c>
      <c r="EF13" s="102">
        <v>0</v>
      </c>
      <c r="EG13" s="103">
        <v>0</v>
      </c>
      <c r="EH13" s="100">
        <v>0</v>
      </c>
      <c r="EI13" s="104">
        <v>0</v>
      </c>
      <c r="EJ13" s="104">
        <v>116572</v>
      </c>
      <c r="EK13" s="104">
        <v>81848</v>
      </c>
      <c r="EL13" s="104">
        <v>483079</v>
      </c>
      <c r="EM13" s="104">
        <v>0</v>
      </c>
      <c r="EN13" s="102">
        <v>681499</v>
      </c>
      <c r="EO13" s="106">
        <v>681499</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06">
        <v>0</v>
      </c>
      <c r="FE13" s="104">
        <v>0</v>
      </c>
      <c r="FF13" s="104">
        <v>0</v>
      </c>
      <c r="FG13" s="104">
        <v>0</v>
      </c>
      <c r="FH13" s="104">
        <v>0</v>
      </c>
      <c r="FI13" s="104">
        <v>0</v>
      </c>
      <c r="FJ13" s="103">
        <v>0</v>
      </c>
      <c r="FK13" s="106">
        <v>0</v>
      </c>
      <c r="FL13" s="100">
        <v>781036</v>
      </c>
      <c r="FM13" s="104">
        <v>228584</v>
      </c>
      <c r="FN13" s="103">
        <v>1009620</v>
      </c>
      <c r="FO13" s="100">
        <v>0</v>
      </c>
      <c r="FP13" s="104">
        <v>1146016</v>
      </c>
      <c r="FQ13" s="104">
        <v>2247320</v>
      </c>
      <c r="FR13" s="104">
        <v>1746976</v>
      </c>
      <c r="FS13" s="104">
        <v>862992</v>
      </c>
      <c r="FT13" s="104">
        <v>781336</v>
      </c>
      <c r="FU13" s="103">
        <v>6784640</v>
      </c>
      <c r="FV13" s="106">
        <v>7794260</v>
      </c>
      <c r="FW13" s="105">
        <v>93952</v>
      </c>
      <c r="FX13" s="104">
        <v>81864</v>
      </c>
      <c r="FY13" s="102">
        <v>175816</v>
      </c>
      <c r="FZ13" s="101">
        <v>0</v>
      </c>
      <c r="GA13" s="104">
        <v>601800</v>
      </c>
      <c r="GB13" s="104">
        <v>2020280</v>
      </c>
      <c r="GC13" s="104">
        <v>1402528</v>
      </c>
      <c r="GD13" s="104">
        <v>862992</v>
      </c>
      <c r="GE13" s="104">
        <v>763736</v>
      </c>
      <c r="GF13" s="103">
        <v>5651336</v>
      </c>
      <c r="GG13" s="290">
        <v>5827152</v>
      </c>
      <c r="GH13" s="105">
        <v>0</v>
      </c>
      <c r="GI13" s="104">
        <v>23520</v>
      </c>
      <c r="GJ13" s="102">
        <v>23520</v>
      </c>
      <c r="GK13" s="101">
        <v>0</v>
      </c>
      <c r="GL13" s="104">
        <v>17176</v>
      </c>
      <c r="GM13" s="104">
        <v>59040</v>
      </c>
      <c r="GN13" s="104">
        <v>22528</v>
      </c>
      <c r="GO13" s="104">
        <v>0</v>
      </c>
      <c r="GP13" s="104">
        <v>17600</v>
      </c>
      <c r="GQ13" s="103">
        <v>116344</v>
      </c>
      <c r="GR13" s="106">
        <v>139864</v>
      </c>
      <c r="GS13" s="100">
        <v>687084</v>
      </c>
      <c r="GT13" s="104">
        <v>123200</v>
      </c>
      <c r="GU13" s="103">
        <v>810284</v>
      </c>
      <c r="GV13" s="100">
        <v>0</v>
      </c>
      <c r="GW13" s="104">
        <v>527040</v>
      </c>
      <c r="GX13" s="104">
        <v>168000</v>
      </c>
      <c r="GY13" s="104">
        <v>321920</v>
      </c>
      <c r="GZ13" s="104">
        <v>0</v>
      </c>
      <c r="HA13" s="104">
        <v>0</v>
      </c>
      <c r="HB13" s="102">
        <v>1016960</v>
      </c>
      <c r="HC13" s="106">
        <v>1827244</v>
      </c>
      <c r="HD13" s="100">
        <v>348850</v>
      </c>
      <c r="HE13" s="104">
        <v>1023289</v>
      </c>
      <c r="HF13" s="102">
        <v>1372139</v>
      </c>
      <c r="HG13" s="101">
        <v>0</v>
      </c>
      <c r="HH13" s="104">
        <v>6742750</v>
      </c>
      <c r="HI13" s="104">
        <v>6364576</v>
      </c>
      <c r="HJ13" s="104">
        <v>5546550</v>
      </c>
      <c r="HK13" s="104">
        <v>4725116</v>
      </c>
      <c r="HL13" s="104">
        <v>2767651</v>
      </c>
      <c r="HM13" s="103">
        <v>26146643</v>
      </c>
      <c r="HN13" s="99">
        <v>27518782</v>
      </c>
      <c r="HO13" s="456">
        <v>0</v>
      </c>
      <c r="HP13" s="457">
        <v>0</v>
      </c>
      <c r="HQ13" s="458">
        <v>0</v>
      </c>
      <c r="HR13" s="459">
        <v>0</v>
      </c>
      <c r="HS13" s="457">
        <v>0</v>
      </c>
      <c r="HT13" s="457">
        <v>0</v>
      </c>
      <c r="HU13" s="457">
        <v>0</v>
      </c>
      <c r="HV13" s="457">
        <v>0</v>
      </c>
      <c r="HW13" s="457">
        <v>0</v>
      </c>
      <c r="HX13" s="460">
        <v>0</v>
      </c>
      <c r="HY13" s="461">
        <v>0</v>
      </c>
      <c r="HZ13" s="118">
        <v>0</v>
      </c>
      <c r="IA13" s="119">
        <v>0</v>
      </c>
      <c r="IB13" s="120">
        <v>0</v>
      </c>
      <c r="IC13" s="131">
        <v>0</v>
      </c>
      <c r="ID13" s="119">
        <v>4493076</v>
      </c>
      <c r="IE13" s="132">
        <v>4913469</v>
      </c>
      <c r="IF13" s="120">
        <v>5321471</v>
      </c>
      <c r="IG13" s="119">
        <v>2618434</v>
      </c>
      <c r="IH13" s="120">
        <v>2563227</v>
      </c>
      <c r="II13" s="133">
        <v>19909677</v>
      </c>
      <c r="IJ13" s="126">
        <v>19909677</v>
      </c>
      <c r="IK13" s="215">
        <v>0</v>
      </c>
      <c r="IL13" s="219">
        <v>0</v>
      </c>
      <c r="IM13" s="220">
        <v>0</v>
      </c>
      <c r="IN13" s="470">
        <v>0</v>
      </c>
      <c r="IO13" s="109">
        <v>0</v>
      </c>
      <c r="IP13" s="109">
        <v>0</v>
      </c>
      <c r="IQ13" s="109">
        <v>0</v>
      </c>
      <c r="IR13" s="109">
        <v>0</v>
      </c>
      <c r="IS13" s="109">
        <v>0</v>
      </c>
      <c r="IT13" s="128">
        <v>0</v>
      </c>
      <c r="IU13" s="292">
        <v>0</v>
      </c>
      <c r="IV13" s="129">
        <v>0</v>
      </c>
      <c r="IW13" s="109">
        <v>0</v>
      </c>
      <c r="IX13" s="110">
        <v>0</v>
      </c>
      <c r="IY13" s="470">
        <v>0</v>
      </c>
      <c r="IZ13" s="109">
        <v>0</v>
      </c>
      <c r="JA13" s="109">
        <v>0</v>
      </c>
      <c r="JB13" s="109">
        <v>0</v>
      </c>
      <c r="JC13" s="109">
        <v>0</v>
      </c>
      <c r="JD13" s="109">
        <v>0</v>
      </c>
      <c r="JE13" s="110">
        <v>0</v>
      </c>
      <c r="JF13" s="111">
        <v>0</v>
      </c>
      <c r="JG13" s="129">
        <v>0</v>
      </c>
      <c r="JH13" s="109">
        <v>0</v>
      </c>
      <c r="JI13" s="128">
        <v>0</v>
      </c>
      <c r="JJ13" s="108">
        <v>0</v>
      </c>
      <c r="JK13" s="109">
        <v>2463604</v>
      </c>
      <c r="JL13" s="109">
        <v>2245509</v>
      </c>
      <c r="JM13" s="109">
        <v>1213154</v>
      </c>
      <c r="JN13" s="109">
        <v>416646</v>
      </c>
      <c r="JO13" s="109">
        <v>174338</v>
      </c>
      <c r="JP13" s="110">
        <v>6513251</v>
      </c>
      <c r="JQ13" s="292">
        <v>6513251</v>
      </c>
      <c r="JR13" s="129">
        <v>0</v>
      </c>
      <c r="JS13" s="109">
        <v>0</v>
      </c>
      <c r="JT13" s="128">
        <v>0</v>
      </c>
      <c r="JU13" s="108">
        <v>0</v>
      </c>
      <c r="JV13" s="109">
        <v>416392</v>
      </c>
      <c r="JW13" s="109">
        <v>585333</v>
      </c>
      <c r="JX13" s="109">
        <v>569258</v>
      </c>
      <c r="JY13" s="109">
        <v>1047686</v>
      </c>
      <c r="JZ13" s="109">
        <v>206086</v>
      </c>
      <c r="KA13" s="110">
        <v>2824755</v>
      </c>
      <c r="KB13" s="292">
        <v>2824755</v>
      </c>
      <c r="KC13" s="217">
        <v>0</v>
      </c>
      <c r="KD13" s="213">
        <v>0</v>
      </c>
      <c r="KE13" s="110">
        <v>0</v>
      </c>
      <c r="KF13" s="108">
        <v>0</v>
      </c>
      <c r="KG13" s="109">
        <v>432041</v>
      </c>
      <c r="KH13" s="109">
        <v>314481</v>
      </c>
      <c r="KI13" s="109">
        <v>1094900</v>
      </c>
      <c r="KJ13" s="109">
        <v>0</v>
      </c>
      <c r="KK13" s="109">
        <v>257048</v>
      </c>
      <c r="KL13" s="110">
        <v>2098470</v>
      </c>
      <c r="KM13" s="130">
        <v>2098470</v>
      </c>
      <c r="KN13" s="215">
        <v>0</v>
      </c>
      <c r="KO13" s="219">
        <v>0</v>
      </c>
      <c r="KP13" s="220">
        <v>0</v>
      </c>
      <c r="KQ13" s="470">
        <v>0</v>
      </c>
      <c r="KR13" s="109">
        <v>1181039</v>
      </c>
      <c r="KS13" s="109">
        <v>1366547</v>
      </c>
      <c r="KT13" s="109">
        <v>2159656</v>
      </c>
      <c r="KU13" s="109">
        <v>1154102</v>
      </c>
      <c r="KV13" s="109">
        <v>1309122</v>
      </c>
      <c r="KW13" s="110">
        <v>7170466</v>
      </c>
      <c r="KX13" s="292">
        <v>7170466</v>
      </c>
      <c r="KY13" s="129">
        <v>0</v>
      </c>
      <c r="KZ13" s="109">
        <v>0</v>
      </c>
      <c r="LA13" s="110">
        <v>0</v>
      </c>
      <c r="LB13" s="470">
        <v>0</v>
      </c>
      <c r="LC13" s="109">
        <v>0</v>
      </c>
      <c r="LD13" s="109">
        <v>0</v>
      </c>
      <c r="LE13" s="109">
        <v>0</v>
      </c>
      <c r="LF13" s="109">
        <v>0</v>
      </c>
      <c r="LG13" s="109">
        <v>0</v>
      </c>
      <c r="LH13" s="110">
        <v>0</v>
      </c>
      <c r="LI13" s="111">
        <v>0</v>
      </c>
      <c r="LJ13" s="129">
        <v>0</v>
      </c>
      <c r="LK13" s="109">
        <v>0</v>
      </c>
      <c r="LL13" s="110">
        <v>0</v>
      </c>
      <c r="LM13" s="470">
        <v>0</v>
      </c>
      <c r="LN13" s="109">
        <v>0</v>
      </c>
      <c r="LO13" s="109">
        <v>0</v>
      </c>
      <c r="LP13" s="109">
        <v>0</v>
      </c>
      <c r="LQ13" s="109">
        <v>0</v>
      </c>
      <c r="LR13" s="109">
        <v>0</v>
      </c>
      <c r="LS13" s="110">
        <v>0</v>
      </c>
      <c r="LT13" s="292">
        <v>0</v>
      </c>
      <c r="LU13" s="129">
        <v>0</v>
      </c>
      <c r="LV13" s="109">
        <v>0</v>
      </c>
      <c r="LW13" s="110">
        <v>0</v>
      </c>
      <c r="LX13" s="470">
        <v>0</v>
      </c>
      <c r="LY13" s="109">
        <v>0</v>
      </c>
      <c r="LZ13" s="109">
        <v>401599</v>
      </c>
      <c r="MA13" s="109">
        <v>284503</v>
      </c>
      <c r="MB13" s="109">
        <v>0</v>
      </c>
      <c r="MC13" s="109">
        <v>616633</v>
      </c>
      <c r="MD13" s="110">
        <v>1302735</v>
      </c>
      <c r="ME13" s="111">
        <v>1302735</v>
      </c>
      <c r="MF13" s="129">
        <v>0</v>
      </c>
      <c r="MG13" s="109">
        <v>0</v>
      </c>
      <c r="MH13" s="110">
        <v>0</v>
      </c>
      <c r="MI13" s="470">
        <v>0</v>
      </c>
      <c r="MJ13" s="109">
        <v>2780030</v>
      </c>
      <c r="MK13" s="109">
        <v>2444742</v>
      </c>
      <c r="ML13" s="109">
        <v>7795938</v>
      </c>
      <c r="MM13" s="109">
        <v>16982158</v>
      </c>
      <c r="MN13" s="109">
        <v>8339610</v>
      </c>
      <c r="MO13" s="110">
        <v>38342478</v>
      </c>
      <c r="MP13" s="130">
        <v>38342478</v>
      </c>
      <c r="MQ13" s="129">
        <v>0</v>
      </c>
      <c r="MR13" s="109">
        <v>0</v>
      </c>
      <c r="MS13" s="110">
        <v>0</v>
      </c>
      <c r="MT13" s="470">
        <v>0</v>
      </c>
      <c r="MU13" s="109">
        <v>0</v>
      </c>
      <c r="MV13" s="109">
        <v>471085</v>
      </c>
      <c r="MW13" s="109">
        <v>4392237</v>
      </c>
      <c r="MX13" s="109">
        <v>12252390</v>
      </c>
      <c r="MY13" s="109">
        <v>6951952</v>
      </c>
      <c r="MZ13" s="110">
        <v>24067664</v>
      </c>
      <c r="NA13" s="130">
        <v>24067664</v>
      </c>
      <c r="NB13" s="129">
        <v>0</v>
      </c>
      <c r="NC13" s="109">
        <v>0</v>
      </c>
      <c r="ND13" s="110">
        <v>0</v>
      </c>
      <c r="NE13" s="470">
        <v>0</v>
      </c>
      <c r="NF13" s="109">
        <v>2780030</v>
      </c>
      <c r="NG13" s="109">
        <v>1973657</v>
      </c>
      <c r="NH13" s="109">
        <v>3076997</v>
      </c>
      <c r="NI13" s="109">
        <v>4729768</v>
      </c>
      <c r="NJ13" s="109">
        <v>1387658</v>
      </c>
      <c r="NK13" s="110">
        <v>13948110</v>
      </c>
      <c r="NL13" s="292">
        <v>13948110</v>
      </c>
      <c r="NM13" s="129">
        <v>0</v>
      </c>
      <c r="NN13" s="109">
        <v>0</v>
      </c>
      <c r="NO13" s="110">
        <v>0</v>
      </c>
      <c r="NP13" s="470">
        <v>0</v>
      </c>
      <c r="NQ13" s="109">
        <v>0</v>
      </c>
      <c r="NR13" s="109">
        <v>0</v>
      </c>
      <c r="NS13" s="109">
        <v>0</v>
      </c>
      <c r="NT13" s="109">
        <v>0</v>
      </c>
      <c r="NU13" s="109">
        <v>0</v>
      </c>
      <c r="NV13" s="110">
        <v>0</v>
      </c>
      <c r="NW13" s="111">
        <v>0</v>
      </c>
      <c r="NX13" s="129">
        <v>0</v>
      </c>
      <c r="NY13" s="109">
        <v>0</v>
      </c>
      <c r="NZ13" s="110">
        <v>0</v>
      </c>
      <c r="OA13" s="470">
        <v>0</v>
      </c>
      <c r="OB13" s="109">
        <v>0</v>
      </c>
      <c r="OC13" s="109">
        <v>0</v>
      </c>
      <c r="OD13" s="109">
        <v>326704</v>
      </c>
      <c r="OE13" s="109">
        <v>0</v>
      </c>
      <c r="OF13" s="109">
        <v>0</v>
      </c>
      <c r="OG13" s="110">
        <v>326704</v>
      </c>
      <c r="OH13" s="111">
        <v>326704</v>
      </c>
      <c r="OI13" s="129">
        <v>1436850</v>
      </c>
      <c r="OJ13" s="109">
        <v>1604812</v>
      </c>
      <c r="OK13" s="128">
        <v>3041662</v>
      </c>
      <c r="OL13" s="108">
        <v>0</v>
      </c>
      <c r="OM13" s="109">
        <v>29876747</v>
      </c>
      <c r="ON13" s="109">
        <v>31372234</v>
      </c>
      <c r="OO13" s="109">
        <v>32388997</v>
      </c>
      <c r="OP13" s="109">
        <v>35433478</v>
      </c>
      <c r="OQ13" s="109">
        <v>23281695</v>
      </c>
      <c r="OR13" s="110">
        <v>152353151</v>
      </c>
      <c r="OS13" s="130">
        <v>155394813</v>
      </c>
    </row>
    <row r="14" spans="1:409" ht="21" customHeight="1" x14ac:dyDescent="0.2">
      <c r="B14" s="437" t="s">
        <v>8</v>
      </c>
      <c r="C14" s="100">
        <v>1003256</v>
      </c>
      <c r="D14" s="104">
        <v>666914</v>
      </c>
      <c r="E14" s="103">
        <v>1670170</v>
      </c>
      <c r="F14" s="99">
        <v>0</v>
      </c>
      <c r="G14" s="104">
        <v>6871863</v>
      </c>
      <c r="H14" s="104">
        <v>8147171</v>
      </c>
      <c r="I14" s="104">
        <v>12176809</v>
      </c>
      <c r="J14" s="104">
        <v>6257546</v>
      </c>
      <c r="K14" s="104">
        <v>6306408</v>
      </c>
      <c r="L14" s="99">
        <v>39759797</v>
      </c>
      <c r="M14" s="106">
        <v>41429967</v>
      </c>
      <c r="N14" s="100">
        <v>205769</v>
      </c>
      <c r="O14" s="104">
        <v>76040</v>
      </c>
      <c r="P14" s="103">
        <v>281809</v>
      </c>
      <c r="Q14" s="100">
        <v>0</v>
      </c>
      <c r="R14" s="104">
        <v>1558135</v>
      </c>
      <c r="S14" s="104">
        <v>2800955</v>
      </c>
      <c r="T14" s="104">
        <v>5355443</v>
      </c>
      <c r="U14" s="104">
        <v>1896740</v>
      </c>
      <c r="V14" s="104">
        <v>2674573</v>
      </c>
      <c r="W14" s="103">
        <v>14285846</v>
      </c>
      <c r="X14" s="106">
        <v>14567655</v>
      </c>
      <c r="Y14" s="100">
        <v>0</v>
      </c>
      <c r="Z14" s="104">
        <v>0</v>
      </c>
      <c r="AA14" s="103">
        <v>0</v>
      </c>
      <c r="AB14" s="100">
        <v>0</v>
      </c>
      <c r="AC14" s="104">
        <v>596228</v>
      </c>
      <c r="AD14" s="104">
        <v>1656055</v>
      </c>
      <c r="AE14" s="104">
        <v>2910170</v>
      </c>
      <c r="AF14" s="104">
        <v>1135052</v>
      </c>
      <c r="AG14" s="104">
        <v>1642011</v>
      </c>
      <c r="AH14" s="103">
        <v>7939516</v>
      </c>
      <c r="AI14" s="106">
        <v>7939516</v>
      </c>
      <c r="AJ14" s="100">
        <v>0</v>
      </c>
      <c r="AK14" s="104">
        <v>0</v>
      </c>
      <c r="AL14" s="103">
        <v>0</v>
      </c>
      <c r="AM14" s="100">
        <v>0</v>
      </c>
      <c r="AN14" s="104">
        <v>0</v>
      </c>
      <c r="AO14" s="104">
        <v>0</v>
      </c>
      <c r="AP14" s="104">
        <v>105219</v>
      </c>
      <c r="AQ14" s="104">
        <v>97335</v>
      </c>
      <c r="AR14" s="104">
        <v>236964</v>
      </c>
      <c r="AS14" s="103">
        <v>439518</v>
      </c>
      <c r="AT14" s="106">
        <v>439518</v>
      </c>
      <c r="AU14" s="100">
        <v>65369</v>
      </c>
      <c r="AV14" s="104">
        <v>60928</v>
      </c>
      <c r="AW14" s="103">
        <v>126297</v>
      </c>
      <c r="AX14" s="100">
        <v>0</v>
      </c>
      <c r="AY14" s="104">
        <v>471680</v>
      </c>
      <c r="AZ14" s="104">
        <v>783924</v>
      </c>
      <c r="BA14" s="104">
        <v>1517868</v>
      </c>
      <c r="BB14" s="104">
        <v>303016</v>
      </c>
      <c r="BC14" s="104">
        <v>513258</v>
      </c>
      <c r="BD14" s="103">
        <v>3589746</v>
      </c>
      <c r="BE14" s="106">
        <v>3716043</v>
      </c>
      <c r="BF14" s="100">
        <v>0</v>
      </c>
      <c r="BG14" s="104">
        <v>0</v>
      </c>
      <c r="BH14" s="102">
        <v>0</v>
      </c>
      <c r="BI14" s="101">
        <v>0</v>
      </c>
      <c r="BJ14" s="104">
        <v>103707</v>
      </c>
      <c r="BK14" s="104">
        <v>31600</v>
      </c>
      <c r="BL14" s="104">
        <v>262290</v>
      </c>
      <c r="BM14" s="104">
        <v>95225</v>
      </c>
      <c r="BN14" s="104">
        <v>22652</v>
      </c>
      <c r="BO14" s="103">
        <v>515474</v>
      </c>
      <c r="BP14" s="106">
        <v>515474</v>
      </c>
      <c r="BQ14" s="100">
        <v>140400</v>
      </c>
      <c r="BR14" s="104">
        <v>15112</v>
      </c>
      <c r="BS14" s="103">
        <v>155512</v>
      </c>
      <c r="BT14" s="100">
        <v>0</v>
      </c>
      <c r="BU14" s="104">
        <v>386520</v>
      </c>
      <c r="BV14" s="104">
        <v>329376</v>
      </c>
      <c r="BW14" s="104">
        <v>559896</v>
      </c>
      <c r="BX14" s="104">
        <v>266112</v>
      </c>
      <c r="BY14" s="104">
        <v>259688</v>
      </c>
      <c r="BZ14" s="103">
        <v>1801592</v>
      </c>
      <c r="CA14" s="106">
        <v>1957104</v>
      </c>
      <c r="CB14" s="100">
        <v>103829</v>
      </c>
      <c r="CC14" s="104">
        <v>39996</v>
      </c>
      <c r="CD14" s="103">
        <v>143825</v>
      </c>
      <c r="CE14" s="100">
        <v>0</v>
      </c>
      <c r="CF14" s="104">
        <v>2099547</v>
      </c>
      <c r="CG14" s="104">
        <v>2547905</v>
      </c>
      <c r="CH14" s="104">
        <v>2049136</v>
      </c>
      <c r="CI14" s="104">
        <v>1750493</v>
      </c>
      <c r="CJ14" s="104">
        <v>1257601</v>
      </c>
      <c r="CK14" s="103">
        <v>9704682</v>
      </c>
      <c r="CL14" s="106">
        <v>9848507</v>
      </c>
      <c r="CM14" s="100">
        <v>0</v>
      </c>
      <c r="CN14" s="104">
        <v>0</v>
      </c>
      <c r="CO14" s="103">
        <v>0</v>
      </c>
      <c r="CP14" s="101">
        <v>0</v>
      </c>
      <c r="CQ14" s="104">
        <v>1500685</v>
      </c>
      <c r="CR14" s="104">
        <v>2167091</v>
      </c>
      <c r="CS14" s="104">
        <v>1412015</v>
      </c>
      <c r="CT14" s="104">
        <v>1508393</v>
      </c>
      <c r="CU14" s="104">
        <v>1257601</v>
      </c>
      <c r="CV14" s="103">
        <v>7845785</v>
      </c>
      <c r="CW14" s="106">
        <v>7845785</v>
      </c>
      <c r="CX14" s="100">
        <v>103829</v>
      </c>
      <c r="CY14" s="104">
        <v>39996</v>
      </c>
      <c r="CZ14" s="103">
        <v>143825</v>
      </c>
      <c r="DA14" s="100">
        <v>0</v>
      </c>
      <c r="DB14" s="104">
        <v>598862</v>
      </c>
      <c r="DC14" s="104">
        <v>380814</v>
      </c>
      <c r="DD14" s="104">
        <v>637121</v>
      </c>
      <c r="DE14" s="104">
        <v>242100</v>
      </c>
      <c r="DF14" s="104">
        <v>0</v>
      </c>
      <c r="DG14" s="103">
        <v>1858897</v>
      </c>
      <c r="DH14" s="106">
        <v>2002722</v>
      </c>
      <c r="DI14" s="100">
        <v>33101</v>
      </c>
      <c r="DJ14" s="104">
        <v>57746</v>
      </c>
      <c r="DK14" s="102">
        <v>90847</v>
      </c>
      <c r="DL14" s="101">
        <v>0</v>
      </c>
      <c r="DM14" s="104">
        <v>195989</v>
      </c>
      <c r="DN14" s="104">
        <v>281206</v>
      </c>
      <c r="DO14" s="104">
        <v>1631239</v>
      </c>
      <c r="DP14" s="104">
        <v>422529</v>
      </c>
      <c r="DQ14" s="104">
        <v>173796</v>
      </c>
      <c r="DR14" s="103">
        <v>2704759</v>
      </c>
      <c r="DS14" s="106">
        <v>2795606</v>
      </c>
      <c r="DT14" s="100">
        <v>33101</v>
      </c>
      <c r="DU14" s="104">
        <v>57746</v>
      </c>
      <c r="DV14" s="103">
        <v>90847</v>
      </c>
      <c r="DW14" s="100">
        <v>0</v>
      </c>
      <c r="DX14" s="104">
        <v>195989</v>
      </c>
      <c r="DY14" s="104">
        <v>281206</v>
      </c>
      <c r="DZ14" s="104">
        <v>1548627</v>
      </c>
      <c r="EA14" s="104">
        <v>422529</v>
      </c>
      <c r="EB14" s="104">
        <v>173796</v>
      </c>
      <c r="EC14" s="103">
        <v>2622147</v>
      </c>
      <c r="ED14" s="106">
        <v>2712994</v>
      </c>
      <c r="EE14" s="100">
        <v>0</v>
      </c>
      <c r="EF14" s="102">
        <v>0</v>
      </c>
      <c r="EG14" s="103">
        <v>0</v>
      </c>
      <c r="EH14" s="100">
        <v>0</v>
      </c>
      <c r="EI14" s="104">
        <v>0</v>
      </c>
      <c r="EJ14" s="104">
        <v>0</v>
      </c>
      <c r="EK14" s="104">
        <v>82612</v>
      </c>
      <c r="EL14" s="104">
        <v>0</v>
      </c>
      <c r="EM14" s="104">
        <v>0</v>
      </c>
      <c r="EN14" s="102">
        <v>82612</v>
      </c>
      <c r="EO14" s="106">
        <v>82612</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06">
        <v>0</v>
      </c>
      <c r="FE14" s="104">
        <v>0</v>
      </c>
      <c r="FF14" s="104">
        <v>0</v>
      </c>
      <c r="FG14" s="104">
        <v>0</v>
      </c>
      <c r="FH14" s="104">
        <v>0</v>
      </c>
      <c r="FI14" s="104">
        <v>0</v>
      </c>
      <c r="FJ14" s="103">
        <v>0</v>
      </c>
      <c r="FK14" s="106">
        <v>0</v>
      </c>
      <c r="FL14" s="100">
        <v>72720</v>
      </c>
      <c r="FM14" s="104">
        <v>312968</v>
      </c>
      <c r="FN14" s="103">
        <v>385688</v>
      </c>
      <c r="FO14" s="100">
        <v>0</v>
      </c>
      <c r="FP14" s="104">
        <v>619680</v>
      </c>
      <c r="FQ14" s="104">
        <v>892835</v>
      </c>
      <c r="FR14" s="104">
        <v>1125344</v>
      </c>
      <c r="FS14" s="104">
        <v>651624</v>
      </c>
      <c r="FT14" s="104">
        <v>391120</v>
      </c>
      <c r="FU14" s="103">
        <v>3680603</v>
      </c>
      <c r="FV14" s="106">
        <v>4066291</v>
      </c>
      <c r="FW14" s="105">
        <v>72720</v>
      </c>
      <c r="FX14" s="104">
        <v>162488</v>
      </c>
      <c r="FY14" s="102">
        <v>235208</v>
      </c>
      <c r="FZ14" s="101">
        <v>0</v>
      </c>
      <c r="GA14" s="104">
        <v>262616</v>
      </c>
      <c r="GB14" s="104">
        <v>892835</v>
      </c>
      <c r="GC14" s="104">
        <v>1045104</v>
      </c>
      <c r="GD14" s="104">
        <v>651624</v>
      </c>
      <c r="GE14" s="104">
        <v>391120</v>
      </c>
      <c r="GF14" s="103">
        <v>3243299</v>
      </c>
      <c r="GG14" s="290">
        <v>3478507</v>
      </c>
      <c r="GH14" s="105">
        <v>0</v>
      </c>
      <c r="GI14" s="104">
        <v>0</v>
      </c>
      <c r="GJ14" s="102">
        <v>0</v>
      </c>
      <c r="GK14" s="101">
        <v>0</v>
      </c>
      <c r="GL14" s="104">
        <v>25200</v>
      </c>
      <c r="GM14" s="104">
        <v>0</v>
      </c>
      <c r="GN14" s="104">
        <v>80240</v>
      </c>
      <c r="GO14" s="104">
        <v>0</v>
      </c>
      <c r="GP14" s="104">
        <v>0</v>
      </c>
      <c r="GQ14" s="103">
        <v>105440</v>
      </c>
      <c r="GR14" s="106">
        <v>105440</v>
      </c>
      <c r="GS14" s="100">
        <v>0</v>
      </c>
      <c r="GT14" s="104">
        <v>150480</v>
      </c>
      <c r="GU14" s="103">
        <v>150480</v>
      </c>
      <c r="GV14" s="100">
        <v>0</v>
      </c>
      <c r="GW14" s="104">
        <v>331864</v>
      </c>
      <c r="GX14" s="104">
        <v>0</v>
      </c>
      <c r="GY14" s="104">
        <v>0</v>
      </c>
      <c r="GZ14" s="104">
        <v>0</v>
      </c>
      <c r="HA14" s="104">
        <v>0</v>
      </c>
      <c r="HB14" s="102">
        <v>331864</v>
      </c>
      <c r="HC14" s="106">
        <v>482344</v>
      </c>
      <c r="HD14" s="100">
        <v>587837</v>
      </c>
      <c r="HE14" s="104">
        <v>180164</v>
      </c>
      <c r="HF14" s="102">
        <v>768001</v>
      </c>
      <c r="HG14" s="101">
        <v>0</v>
      </c>
      <c r="HH14" s="104">
        <v>2398512</v>
      </c>
      <c r="HI14" s="104">
        <v>1624270</v>
      </c>
      <c r="HJ14" s="104">
        <v>2015647</v>
      </c>
      <c r="HK14" s="104">
        <v>1536160</v>
      </c>
      <c r="HL14" s="104">
        <v>1809318</v>
      </c>
      <c r="HM14" s="103">
        <v>9383907</v>
      </c>
      <c r="HN14" s="99">
        <v>10151908</v>
      </c>
      <c r="HO14" s="456">
        <v>0</v>
      </c>
      <c r="HP14" s="457">
        <v>0</v>
      </c>
      <c r="HQ14" s="458">
        <v>0</v>
      </c>
      <c r="HR14" s="459">
        <v>0</v>
      </c>
      <c r="HS14" s="457">
        <v>0</v>
      </c>
      <c r="HT14" s="457">
        <v>0</v>
      </c>
      <c r="HU14" s="457">
        <v>0</v>
      </c>
      <c r="HV14" s="457">
        <v>0</v>
      </c>
      <c r="HW14" s="457">
        <v>0</v>
      </c>
      <c r="HX14" s="460">
        <v>0</v>
      </c>
      <c r="HY14" s="461">
        <v>0</v>
      </c>
      <c r="HZ14" s="118">
        <v>0</v>
      </c>
      <c r="IA14" s="119">
        <v>155843</v>
      </c>
      <c r="IB14" s="120">
        <v>155843</v>
      </c>
      <c r="IC14" s="121">
        <v>0</v>
      </c>
      <c r="ID14" s="122">
        <v>2201965</v>
      </c>
      <c r="IE14" s="123">
        <v>2771227</v>
      </c>
      <c r="IF14" s="124">
        <v>3365506</v>
      </c>
      <c r="IG14" s="122">
        <v>2693384</v>
      </c>
      <c r="IH14" s="124">
        <v>1157665</v>
      </c>
      <c r="II14" s="125">
        <v>12189747</v>
      </c>
      <c r="IJ14" s="126">
        <v>12345590</v>
      </c>
      <c r="IK14" s="215">
        <v>0</v>
      </c>
      <c r="IL14" s="219">
        <v>0</v>
      </c>
      <c r="IM14" s="220">
        <v>0</v>
      </c>
      <c r="IN14" s="470">
        <v>0</v>
      </c>
      <c r="IO14" s="109">
        <v>70664</v>
      </c>
      <c r="IP14" s="109">
        <v>0</v>
      </c>
      <c r="IQ14" s="109">
        <v>0</v>
      </c>
      <c r="IR14" s="109">
        <v>0</v>
      </c>
      <c r="IS14" s="109">
        <v>0</v>
      </c>
      <c r="IT14" s="128">
        <v>70664</v>
      </c>
      <c r="IU14" s="292">
        <v>70664</v>
      </c>
      <c r="IV14" s="129">
        <v>0</v>
      </c>
      <c r="IW14" s="109">
        <v>0</v>
      </c>
      <c r="IX14" s="110">
        <v>0</v>
      </c>
      <c r="IY14" s="470">
        <v>0</v>
      </c>
      <c r="IZ14" s="109">
        <v>0</v>
      </c>
      <c r="JA14" s="109">
        <v>0</v>
      </c>
      <c r="JB14" s="109">
        <v>0</v>
      </c>
      <c r="JC14" s="109">
        <v>0</v>
      </c>
      <c r="JD14" s="109">
        <v>0</v>
      </c>
      <c r="JE14" s="110">
        <v>0</v>
      </c>
      <c r="JF14" s="111">
        <v>0</v>
      </c>
      <c r="JG14" s="129">
        <v>0</v>
      </c>
      <c r="JH14" s="109">
        <v>0</v>
      </c>
      <c r="JI14" s="128">
        <v>0</v>
      </c>
      <c r="JJ14" s="108">
        <v>0</v>
      </c>
      <c r="JK14" s="109">
        <v>893044</v>
      </c>
      <c r="JL14" s="109">
        <v>1756628</v>
      </c>
      <c r="JM14" s="109">
        <v>1235697</v>
      </c>
      <c r="JN14" s="109">
        <v>472743</v>
      </c>
      <c r="JO14" s="109">
        <v>327776</v>
      </c>
      <c r="JP14" s="110">
        <v>4685888</v>
      </c>
      <c r="JQ14" s="292">
        <v>4685888</v>
      </c>
      <c r="JR14" s="129">
        <v>0</v>
      </c>
      <c r="JS14" s="109">
        <v>0</v>
      </c>
      <c r="JT14" s="128">
        <v>0</v>
      </c>
      <c r="JU14" s="108">
        <v>0</v>
      </c>
      <c r="JV14" s="109">
        <v>41668</v>
      </c>
      <c r="JW14" s="109">
        <v>0</v>
      </c>
      <c r="JX14" s="109">
        <v>0</v>
      </c>
      <c r="JY14" s="109">
        <v>105381</v>
      </c>
      <c r="JZ14" s="109">
        <v>0</v>
      </c>
      <c r="KA14" s="110">
        <v>147049</v>
      </c>
      <c r="KB14" s="292">
        <v>147049</v>
      </c>
      <c r="KC14" s="217">
        <v>0</v>
      </c>
      <c r="KD14" s="213">
        <v>155843</v>
      </c>
      <c r="KE14" s="110">
        <v>155843</v>
      </c>
      <c r="KF14" s="108">
        <v>0</v>
      </c>
      <c r="KG14" s="109">
        <v>0</v>
      </c>
      <c r="KH14" s="109">
        <v>322397</v>
      </c>
      <c r="KI14" s="109">
        <v>222250</v>
      </c>
      <c r="KJ14" s="109">
        <v>261124</v>
      </c>
      <c r="KK14" s="109">
        <v>0</v>
      </c>
      <c r="KL14" s="110">
        <v>805771</v>
      </c>
      <c r="KM14" s="130">
        <v>961614</v>
      </c>
      <c r="KN14" s="215">
        <v>0</v>
      </c>
      <c r="KO14" s="219">
        <v>0</v>
      </c>
      <c r="KP14" s="220">
        <v>0</v>
      </c>
      <c r="KQ14" s="470">
        <v>0</v>
      </c>
      <c r="KR14" s="109">
        <v>894900</v>
      </c>
      <c r="KS14" s="109">
        <v>495737</v>
      </c>
      <c r="KT14" s="109">
        <v>753301</v>
      </c>
      <c r="KU14" s="109">
        <v>1304949</v>
      </c>
      <c r="KV14" s="109">
        <v>265437</v>
      </c>
      <c r="KW14" s="110">
        <v>3714324</v>
      </c>
      <c r="KX14" s="292">
        <v>3714324</v>
      </c>
      <c r="KY14" s="129">
        <v>0</v>
      </c>
      <c r="KZ14" s="109">
        <v>0</v>
      </c>
      <c r="LA14" s="110">
        <v>0</v>
      </c>
      <c r="LB14" s="470">
        <v>0</v>
      </c>
      <c r="LC14" s="109">
        <v>20757</v>
      </c>
      <c r="LD14" s="109">
        <v>0</v>
      </c>
      <c r="LE14" s="109">
        <v>638910</v>
      </c>
      <c r="LF14" s="109">
        <v>0</v>
      </c>
      <c r="LG14" s="109">
        <v>239656</v>
      </c>
      <c r="LH14" s="110">
        <v>899323</v>
      </c>
      <c r="LI14" s="111">
        <v>899323</v>
      </c>
      <c r="LJ14" s="129">
        <v>0</v>
      </c>
      <c r="LK14" s="109">
        <v>0</v>
      </c>
      <c r="LL14" s="110">
        <v>0</v>
      </c>
      <c r="LM14" s="470">
        <v>0</v>
      </c>
      <c r="LN14" s="109">
        <v>0</v>
      </c>
      <c r="LO14" s="109">
        <v>0</v>
      </c>
      <c r="LP14" s="109">
        <v>262352</v>
      </c>
      <c r="LQ14" s="109">
        <v>248935</v>
      </c>
      <c r="LR14" s="109">
        <v>0</v>
      </c>
      <c r="LS14" s="110">
        <v>511287</v>
      </c>
      <c r="LT14" s="292">
        <v>511287</v>
      </c>
      <c r="LU14" s="129">
        <v>0</v>
      </c>
      <c r="LV14" s="109">
        <v>0</v>
      </c>
      <c r="LW14" s="110">
        <v>0</v>
      </c>
      <c r="LX14" s="470">
        <v>0</v>
      </c>
      <c r="LY14" s="109">
        <v>280932</v>
      </c>
      <c r="LZ14" s="109">
        <v>196465</v>
      </c>
      <c r="MA14" s="109">
        <v>252996</v>
      </c>
      <c r="MB14" s="109">
        <v>300252</v>
      </c>
      <c r="MC14" s="109">
        <v>324796</v>
      </c>
      <c r="MD14" s="110">
        <v>1355441</v>
      </c>
      <c r="ME14" s="111">
        <v>1355441</v>
      </c>
      <c r="MF14" s="129">
        <v>0</v>
      </c>
      <c r="MG14" s="109">
        <v>0</v>
      </c>
      <c r="MH14" s="110">
        <v>0</v>
      </c>
      <c r="MI14" s="470">
        <v>0</v>
      </c>
      <c r="MJ14" s="109">
        <v>949892</v>
      </c>
      <c r="MK14" s="109">
        <v>955309</v>
      </c>
      <c r="ML14" s="109">
        <v>4610655</v>
      </c>
      <c r="MM14" s="109">
        <v>3658634</v>
      </c>
      <c r="MN14" s="109">
        <v>2894139</v>
      </c>
      <c r="MO14" s="110">
        <v>13068629</v>
      </c>
      <c r="MP14" s="130">
        <v>13068629</v>
      </c>
      <c r="MQ14" s="129">
        <v>0</v>
      </c>
      <c r="MR14" s="109">
        <v>0</v>
      </c>
      <c r="MS14" s="110">
        <v>0</v>
      </c>
      <c r="MT14" s="470">
        <v>0</v>
      </c>
      <c r="MU14" s="109">
        <v>215444</v>
      </c>
      <c r="MV14" s="109">
        <v>420538</v>
      </c>
      <c r="MW14" s="109">
        <v>2339042</v>
      </c>
      <c r="MX14" s="109">
        <v>2177338</v>
      </c>
      <c r="MY14" s="109">
        <v>1640010</v>
      </c>
      <c r="MZ14" s="110">
        <v>6792372</v>
      </c>
      <c r="NA14" s="130">
        <v>6792372</v>
      </c>
      <c r="NB14" s="129">
        <v>0</v>
      </c>
      <c r="NC14" s="109">
        <v>0</v>
      </c>
      <c r="ND14" s="110">
        <v>0</v>
      </c>
      <c r="NE14" s="470">
        <v>0</v>
      </c>
      <c r="NF14" s="109">
        <v>734448</v>
      </c>
      <c r="NG14" s="109">
        <v>534771</v>
      </c>
      <c r="NH14" s="109">
        <v>2271613</v>
      </c>
      <c r="NI14" s="109">
        <v>1185160</v>
      </c>
      <c r="NJ14" s="109">
        <v>1254129</v>
      </c>
      <c r="NK14" s="110">
        <v>5980121</v>
      </c>
      <c r="NL14" s="292">
        <v>5980121</v>
      </c>
      <c r="NM14" s="129">
        <v>0</v>
      </c>
      <c r="NN14" s="109">
        <v>0</v>
      </c>
      <c r="NO14" s="110">
        <v>0</v>
      </c>
      <c r="NP14" s="470">
        <v>0</v>
      </c>
      <c r="NQ14" s="109">
        <v>0</v>
      </c>
      <c r="NR14" s="109">
        <v>0</v>
      </c>
      <c r="NS14" s="109">
        <v>0</v>
      </c>
      <c r="NT14" s="109">
        <v>0</v>
      </c>
      <c r="NU14" s="109">
        <v>0</v>
      </c>
      <c r="NV14" s="110">
        <v>0</v>
      </c>
      <c r="NW14" s="111">
        <v>0</v>
      </c>
      <c r="NX14" s="129">
        <v>0</v>
      </c>
      <c r="NY14" s="109">
        <v>0</v>
      </c>
      <c r="NZ14" s="110">
        <v>0</v>
      </c>
      <c r="OA14" s="470">
        <v>0</v>
      </c>
      <c r="OB14" s="109">
        <v>0</v>
      </c>
      <c r="OC14" s="109">
        <v>0</v>
      </c>
      <c r="OD14" s="109">
        <v>0</v>
      </c>
      <c r="OE14" s="109">
        <v>296136</v>
      </c>
      <c r="OF14" s="109">
        <v>0</v>
      </c>
      <c r="OG14" s="110">
        <v>296136</v>
      </c>
      <c r="OH14" s="111">
        <v>296136</v>
      </c>
      <c r="OI14" s="129">
        <v>1003256</v>
      </c>
      <c r="OJ14" s="109">
        <v>822757</v>
      </c>
      <c r="OK14" s="128">
        <v>1826013</v>
      </c>
      <c r="OL14" s="108">
        <v>0</v>
      </c>
      <c r="OM14" s="109">
        <v>10023720</v>
      </c>
      <c r="ON14" s="109">
        <v>11873707</v>
      </c>
      <c r="OO14" s="109">
        <v>20152970</v>
      </c>
      <c r="OP14" s="109">
        <v>12609564</v>
      </c>
      <c r="OQ14" s="109">
        <v>10358212</v>
      </c>
      <c r="OR14" s="110">
        <v>65018173</v>
      </c>
      <c r="OS14" s="130">
        <v>66844186</v>
      </c>
    </row>
    <row r="15" spans="1:409" ht="21" customHeight="1" x14ac:dyDescent="0.2">
      <c r="B15" s="437" t="s">
        <v>9</v>
      </c>
      <c r="C15" s="100">
        <v>1388315</v>
      </c>
      <c r="D15" s="104">
        <v>1034657</v>
      </c>
      <c r="E15" s="103">
        <v>2422972</v>
      </c>
      <c r="F15" s="101">
        <v>0</v>
      </c>
      <c r="G15" s="104">
        <v>10979087</v>
      </c>
      <c r="H15" s="104">
        <v>10883551</v>
      </c>
      <c r="I15" s="104">
        <v>10962018</v>
      </c>
      <c r="J15" s="104">
        <v>12312120</v>
      </c>
      <c r="K15" s="104">
        <v>7957976</v>
      </c>
      <c r="L15" s="99">
        <v>53094752</v>
      </c>
      <c r="M15" s="106">
        <v>55517724</v>
      </c>
      <c r="N15" s="100">
        <v>135288</v>
      </c>
      <c r="O15" s="104">
        <v>374362</v>
      </c>
      <c r="P15" s="103">
        <v>509650</v>
      </c>
      <c r="Q15" s="100">
        <v>0</v>
      </c>
      <c r="R15" s="104">
        <v>4440407</v>
      </c>
      <c r="S15" s="104">
        <v>3736628</v>
      </c>
      <c r="T15" s="104">
        <v>4222697</v>
      </c>
      <c r="U15" s="104">
        <v>4548387</v>
      </c>
      <c r="V15" s="104">
        <v>4599022</v>
      </c>
      <c r="W15" s="103">
        <v>21547141</v>
      </c>
      <c r="X15" s="106">
        <v>22056791</v>
      </c>
      <c r="Y15" s="100">
        <v>0</v>
      </c>
      <c r="Z15" s="104">
        <v>0</v>
      </c>
      <c r="AA15" s="103">
        <v>0</v>
      </c>
      <c r="AB15" s="100">
        <v>0</v>
      </c>
      <c r="AC15" s="104">
        <v>1876525</v>
      </c>
      <c r="AD15" s="104">
        <v>1968327</v>
      </c>
      <c r="AE15" s="104">
        <v>2179702</v>
      </c>
      <c r="AF15" s="104">
        <v>2847383</v>
      </c>
      <c r="AG15" s="104">
        <v>2390990</v>
      </c>
      <c r="AH15" s="103">
        <v>11262927</v>
      </c>
      <c r="AI15" s="106">
        <v>11262927</v>
      </c>
      <c r="AJ15" s="100">
        <v>0</v>
      </c>
      <c r="AK15" s="104">
        <v>0</v>
      </c>
      <c r="AL15" s="103">
        <v>0</v>
      </c>
      <c r="AM15" s="100">
        <v>0</v>
      </c>
      <c r="AN15" s="104">
        <v>0</v>
      </c>
      <c r="AO15" s="104">
        <v>60368</v>
      </c>
      <c r="AP15" s="104">
        <v>35537</v>
      </c>
      <c r="AQ15" s="104">
        <v>0</v>
      </c>
      <c r="AR15" s="104">
        <v>569388</v>
      </c>
      <c r="AS15" s="103">
        <v>665293</v>
      </c>
      <c r="AT15" s="106">
        <v>665293</v>
      </c>
      <c r="AU15" s="100">
        <v>53744</v>
      </c>
      <c r="AV15" s="104">
        <v>246632</v>
      </c>
      <c r="AW15" s="103">
        <v>300376</v>
      </c>
      <c r="AX15" s="100">
        <v>0</v>
      </c>
      <c r="AY15" s="104">
        <v>1814536</v>
      </c>
      <c r="AZ15" s="104">
        <v>890897</v>
      </c>
      <c r="BA15" s="104">
        <v>1295521</v>
      </c>
      <c r="BB15" s="104">
        <v>924680</v>
      </c>
      <c r="BC15" s="104">
        <v>1274519</v>
      </c>
      <c r="BD15" s="103">
        <v>6200153</v>
      </c>
      <c r="BE15" s="106">
        <v>6500529</v>
      </c>
      <c r="BF15" s="100">
        <v>0</v>
      </c>
      <c r="BG15" s="104">
        <v>64402</v>
      </c>
      <c r="BH15" s="102">
        <v>64402</v>
      </c>
      <c r="BI15" s="101">
        <v>0</v>
      </c>
      <c r="BJ15" s="104">
        <v>46458</v>
      </c>
      <c r="BK15" s="104">
        <v>166708</v>
      </c>
      <c r="BL15" s="104">
        <v>48689</v>
      </c>
      <c r="BM15" s="104">
        <v>108236</v>
      </c>
      <c r="BN15" s="104">
        <v>42693</v>
      </c>
      <c r="BO15" s="103">
        <v>412784</v>
      </c>
      <c r="BP15" s="106">
        <v>477186</v>
      </c>
      <c r="BQ15" s="100">
        <v>81544</v>
      </c>
      <c r="BR15" s="104">
        <v>63328</v>
      </c>
      <c r="BS15" s="103">
        <v>144872</v>
      </c>
      <c r="BT15" s="100">
        <v>0</v>
      </c>
      <c r="BU15" s="104">
        <v>702888</v>
      </c>
      <c r="BV15" s="104">
        <v>650328</v>
      </c>
      <c r="BW15" s="104">
        <v>663248</v>
      </c>
      <c r="BX15" s="104">
        <v>668088</v>
      </c>
      <c r="BY15" s="104">
        <v>321432</v>
      </c>
      <c r="BZ15" s="103">
        <v>3005984</v>
      </c>
      <c r="CA15" s="106">
        <v>3150856</v>
      </c>
      <c r="CB15" s="100">
        <v>125241</v>
      </c>
      <c r="CC15" s="104">
        <v>276923</v>
      </c>
      <c r="CD15" s="103">
        <v>402164</v>
      </c>
      <c r="CE15" s="100">
        <v>0</v>
      </c>
      <c r="CF15" s="104">
        <v>2653948</v>
      </c>
      <c r="CG15" s="104">
        <v>2228923</v>
      </c>
      <c r="CH15" s="104">
        <v>2366611</v>
      </c>
      <c r="CI15" s="104">
        <v>1694473</v>
      </c>
      <c r="CJ15" s="104">
        <v>323038</v>
      </c>
      <c r="CK15" s="103">
        <v>9266993</v>
      </c>
      <c r="CL15" s="106">
        <v>9669157</v>
      </c>
      <c r="CM15" s="100">
        <v>0</v>
      </c>
      <c r="CN15" s="104">
        <v>0</v>
      </c>
      <c r="CO15" s="103">
        <v>0</v>
      </c>
      <c r="CP15" s="101">
        <v>0</v>
      </c>
      <c r="CQ15" s="104">
        <v>2074707</v>
      </c>
      <c r="CR15" s="104">
        <v>1697307</v>
      </c>
      <c r="CS15" s="104">
        <v>1674397</v>
      </c>
      <c r="CT15" s="104">
        <v>1257326</v>
      </c>
      <c r="CU15" s="104">
        <v>167574</v>
      </c>
      <c r="CV15" s="103">
        <v>6871311</v>
      </c>
      <c r="CW15" s="106">
        <v>6871311</v>
      </c>
      <c r="CX15" s="100">
        <v>125241</v>
      </c>
      <c r="CY15" s="104">
        <v>276923</v>
      </c>
      <c r="CZ15" s="103">
        <v>402164</v>
      </c>
      <c r="DA15" s="100">
        <v>0</v>
      </c>
      <c r="DB15" s="104">
        <v>579241</v>
      </c>
      <c r="DC15" s="104">
        <v>531616</v>
      </c>
      <c r="DD15" s="104">
        <v>692214</v>
      </c>
      <c r="DE15" s="104">
        <v>437147</v>
      </c>
      <c r="DF15" s="104">
        <v>155464</v>
      </c>
      <c r="DG15" s="103">
        <v>2395682</v>
      </c>
      <c r="DH15" s="106">
        <v>2797846</v>
      </c>
      <c r="DI15" s="100">
        <v>0</v>
      </c>
      <c r="DJ15" s="104">
        <v>0</v>
      </c>
      <c r="DK15" s="102">
        <v>0</v>
      </c>
      <c r="DL15" s="101">
        <v>0</v>
      </c>
      <c r="DM15" s="104">
        <v>280339</v>
      </c>
      <c r="DN15" s="104">
        <v>886190</v>
      </c>
      <c r="DO15" s="104">
        <v>1012569</v>
      </c>
      <c r="DP15" s="104">
        <v>1534598</v>
      </c>
      <c r="DQ15" s="104">
        <v>422831</v>
      </c>
      <c r="DR15" s="103">
        <v>4136527</v>
      </c>
      <c r="DS15" s="106">
        <v>4136527</v>
      </c>
      <c r="DT15" s="100">
        <v>0</v>
      </c>
      <c r="DU15" s="104">
        <v>0</v>
      </c>
      <c r="DV15" s="103">
        <v>0</v>
      </c>
      <c r="DW15" s="100">
        <v>0</v>
      </c>
      <c r="DX15" s="104">
        <v>280339</v>
      </c>
      <c r="DY15" s="104">
        <v>669626</v>
      </c>
      <c r="DZ15" s="104">
        <v>976129</v>
      </c>
      <c r="EA15" s="104">
        <v>1534598</v>
      </c>
      <c r="EB15" s="104">
        <v>362075</v>
      </c>
      <c r="EC15" s="103">
        <v>3822767</v>
      </c>
      <c r="ED15" s="106">
        <v>3822767</v>
      </c>
      <c r="EE15" s="100">
        <v>0</v>
      </c>
      <c r="EF15" s="102">
        <v>0</v>
      </c>
      <c r="EG15" s="103">
        <v>0</v>
      </c>
      <c r="EH15" s="100">
        <v>0</v>
      </c>
      <c r="EI15" s="104">
        <v>0</v>
      </c>
      <c r="EJ15" s="104">
        <v>216564</v>
      </c>
      <c r="EK15" s="104">
        <v>36440</v>
      </c>
      <c r="EL15" s="104">
        <v>0</v>
      </c>
      <c r="EM15" s="104">
        <v>60756</v>
      </c>
      <c r="EN15" s="102">
        <v>313760</v>
      </c>
      <c r="EO15" s="106">
        <v>313760</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06">
        <v>0</v>
      </c>
      <c r="FE15" s="104">
        <v>0</v>
      </c>
      <c r="FF15" s="104">
        <v>0</v>
      </c>
      <c r="FG15" s="104">
        <v>0</v>
      </c>
      <c r="FH15" s="104">
        <v>0</v>
      </c>
      <c r="FI15" s="104">
        <v>0</v>
      </c>
      <c r="FJ15" s="103">
        <v>0</v>
      </c>
      <c r="FK15" s="106">
        <v>0</v>
      </c>
      <c r="FL15" s="100">
        <v>785032</v>
      </c>
      <c r="FM15" s="104">
        <v>285744</v>
      </c>
      <c r="FN15" s="103">
        <v>1070776</v>
      </c>
      <c r="FO15" s="100">
        <v>0</v>
      </c>
      <c r="FP15" s="104">
        <v>402112</v>
      </c>
      <c r="FQ15" s="104">
        <v>797560</v>
      </c>
      <c r="FR15" s="104">
        <v>931672</v>
      </c>
      <c r="FS15" s="104">
        <v>721776</v>
      </c>
      <c r="FT15" s="104">
        <v>693776</v>
      </c>
      <c r="FU15" s="103">
        <v>3546896</v>
      </c>
      <c r="FV15" s="106">
        <v>4617672</v>
      </c>
      <c r="FW15" s="105">
        <v>165320</v>
      </c>
      <c r="FX15" s="104">
        <v>125744</v>
      </c>
      <c r="FY15" s="102">
        <v>291064</v>
      </c>
      <c r="FZ15" s="101">
        <v>0</v>
      </c>
      <c r="GA15" s="104">
        <v>294892</v>
      </c>
      <c r="GB15" s="104">
        <v>797560</v>
      </c>
      <c r="GC15" s="104">
        <v>700152</v>
      </c>
      <c r="GD15" s="104">
        <v>721776</v>
      </c>
      <c r="GE15" s="104">
        <v>544656</v>
      </c>
      <c r="GF15" s="103">
        <v>3059036</v>
      </c>
      <c r="GG15" s="290">
        <v>3350100</v>
      </c>
      <c r="GH15" s="105">
        <v>41600</v>
      </c>
      <c r="GI15" s="104">
        <v>0</v>
      </c>
      <c r="GJ15" s="102">
        <v>41600</v>
      </c>
      <c r="GK15" s="101">
        <v>0</v>
      </c>
      <c r="GL15" s="104">
        <v>50820</v>
      </c>
      <c r="GM15" s="104">
        <v>0</v>
      </c>
      <c r="GN15" s="104">
        <v>71520</v>
      </c>
      <c r="GO15" s="104">
        <v>0</v>
      </c>
      <c r="GP15" s="104">
        <v>101120</v>
      </c>
      <c r="GQ15" s="103">
        <v>223460</v>
      </c>
      <c r="GR15" s="106">
        <v>265060</v>
      </c>
      <c r="GS15" s="100">
        <v>578112</v>
      </c>
      <c r="GT15" s="104">
        <v>160000</v>
      </c>
      <c r="GU15" s="103">
        <v>738112</v>
      </c>
      <c r="GV15" s="100">
        <v>0</v>
      </c>
      <c r="GW15" s="104">
        <v>56400</v>
      </c>
      <c r="GX15" s="104">
        <v>0</v>
      </c>
      <c r="GY15" s="104">
        <v>160000</v>
      </c>
      <c r="GZ15" s="104">
        <v>0</v>
      </c>
      <c r="HA15" s="104">
        <v>48000</v>
      </c>
      <c r="HB15" s="102">
        <v>264400</v>
      </c>
      <c r="HC15" s="106">
        <v>1002512</v>
      </c>
      <c r="HD15" s="100">
        <v>342754</v>
      </c>
      <c r="HE15" s="104">
        <v>97628</v>
      </c>
      <c r="HF15" s="102">
        <v>440382</v>
      </c>
      <c r="HG15" s="101">
        <v>0</v>
      </c>
      <c r="HH15" s="104">
        <v>3202281</v>
      </c>
      <c r="HI15" s="104">
        <v>3234250</v>
      </c>
      <c r="HJ15" s="104">
        <v>2428469</v>
      </c>
      <c r="HK15" s="104">
        <v>3812886</v>
      </c>
      <c r="HL15" s="104">
        <v>1919309</v>
      </c>
      <c r="HM15" s="103">
        <v>14597195</v>
      </c>
      <c r="HN15" s="99">
        <v>15037577</v>
      </c>
      <c r="HO15" s="456">
        <v>0</v>
      </c>
      <c r="HP15" s="457">
        <v>0</v>
      </c>
      <c r="HQ15" s="458">
        <v>0</v>
      </c>
      <c r="HR15" s="459">
        <v>0</v>
      </c>
      <c r="HS15" s="457">
        <v>0</v>
      </c>
      <c r="HT15" s="457">
        <v>0</v>
      </c>
      <c r="HU15" s="457">
        <v>0</v>
      </c>
      <c r="HV15" s="457">
        <v>0</v>
      </c>
      <c r="HW15" s="457">
        <v>0</v>
      </c>
      <c r="HX15" s="460">
        <v>0</v>
      </c>
      <c r="HY15" s="461">
        <v>0</v>
      </c>
      <c r="HZ15" s="115">
        <v>40157</v>
      </c>
      <c r="IA15" s="134">
        <v>0</v>
      </c>
      <c r="IB15" s="116">
        <v>40157</v>
      </c>
      <c r="IC15" s="131">
        <v>0</v>
      </c>
      <c r="ID15" s="119">
        <v>2365961</v>
      </c>
      <c r="IE15" s="132">
        <v>2539739</v>
      </c>
      <c r="IF15" s="120">
        <v>3511070</v>
      </c>
      <c r="IG15" s="119">
        <v>1114951</v>
      </c>
      <c r="IH15" s="120">
        <v>661576</v>
      </c>
      <c r="II15" s="133">
        <v>10193297</v>
      </c>
      <c r="IJ15" s="117">
        <v>10233454</v>
      </c>
      <c r="IK15" s="215">
        <v>0</v>
      </c>
      <c r="IL15" s="219">
        <v>0</v>
      </c>
      <c r="IM15" s="220">
        <v>0</v>
      </c>
      <c r="IN15" s="470">
        <v>0</v>
      </c>
      <c r="IO15" s="109">
        <v>0</v>
      </c>
      <c r="IP15" s="109">
        <v>0</v>
      </c>
      <c r="IQ15" s="109">
        <v>0</v>
      </c>
      <c r="IR15" s="109">
        <v>0</v>
      </c>
      <c r="IS15" s="109">
        <v>0</v>
      </c>
      <c r="IT15" s="128">
        <v>0</v>
      </c>
      <c r="IU15" s="292">
        <v>0</v>
      </c>
      <c r="IV15" s="129">
        <v>0</v>
      </c>
      <c r="IW15" s="109">
        <v>0</v>
      </c>
      <c r="IX15" s="110">
        <v>0</v>
      </c>
      <c r="IY15" s="470">
        <v>0</v>
      </c>
      <c r="IZ15" s="109">
        <v>0</v>
      </c>
      <c r="JA15" s="109">
        <v>0</v>
      </c>
      <c r="JB15" s="109">
        <v>0</v>
      </c>
      <c r="JC15" s="109">
        <v>0</v>
      </c>
      <c r="JD15" s="109">
        <v>0</v>
      </c>
      <c r="JE15" s="110">
        <v>0</v>
      </c>
      <c r="JF15" s="111">
        <v>0</v>
      </c>
      <c r="JG15" s="129">
        <v>0</v>
      </c>
      <c r="JH15" s="109">
        <v>0</v>
      </c>
      <c r="JI15" s="128">
        <v>0</v>
      </c>
      <c r="JJ15" s="108">
        <v>0</v>
      </c>
      <c r="JK15" s="109">
        <v>1514194</v>
      </c>
      <c r="JL15" s="109">
        <v>927156</v>
      </c>
      <c r="JM15" s="109">
        <v>1090868</v>
      </c>
      <c r="JN15" s="109">
        <v>409885</v>
      </c>
      <c r="JO15" s="109">
        <v>486382</v>
      </c>
      <c r="JP15" s="110">
        <v>4428485</v>
      </c>
      <c r="JQ15" s="292">
        <v>4428485</v>
      </c>
      <c r="JR15" s="129">
        <v>0</v>
      </c>
      <c r="JS15" s="109">
        <v>0</v>
      </c>
      <c r="JT15" s="128">
        <v>0</v>
      </c>
      <c r="JU15" s="108">
        <v>0</v>
      </c>
      <c r="JV15" s="109">
        <v>0</v>
      </c>
      <c r="JW15" s="109">
        <v>0</v>
      </c>
      <c r="JX15" s="109">
        <v>87124</v>
      </c>
      <c r="JY15" s="109">
        <v>0</v>
      </c>
      <c r="JZ15" s="109">
        <v>175194</v>
      </c>
      <c r="KA15" s="110">
        <v>262318</v>
      </c>
      <c r="KB15" s="292">
        <v>262318</v>
      </c>
      <c r="KC15" s="217">
        <v>40157</v>
      </c>
      <c r="KD15" s="213">
        <v>0</v>
      </c>
      <c r="KE15" s="110">
        <v>40157</v>
      </c>
      <c r="KF15" s="108">
        <v>0</v>
      </c>
      <c r="KG15" s="109">
        <v>118514</v>
      </c>
      <c r="KH15" s="109">
        <v>345172</v>
      </c>
      <c r="KI15" s="109">
        <v>246178</v>
      </c>
      <c r="KJ15" s="109">
        <v>0</v>
      </c>
      <c r="KK15" s="109">
        <v>0</v>
      </c>
      <c r="KL15" s="110">
        <v>709864</v>
      </c>
      <c r="KM15" s="130">
        <v>750021</v>
      </c>
      <c r="KN15" s="215">
        <v>0</v>
      </c>
      <c r="KO15" s="219">
        <v>0</v>
      </c>
      <c r="KP15" s="220">
        <v>0</v>
      </c>
      <c r="KQ15" s="470">
        <v>0</v>
      </c>
      <c r="KR15" s="109">
        <v>733253</v>
      </c>
      <c r="KS15" s="109">
        <v>1075890</v>
      </c>
      <c r="KT15" s="109">
        <v>1829545</v>
      </c>
      <c r="KU15" s="109">
        <v>705066</v>
      </c>
      <c r="KV15" s="109">
        <v>0</v>
      </c>
      <c r="KW15" s="110">
        <v>4343754</v>
      </c>
      <c r="KX15" s="292">
        <v>4343754</v>
      </c>
      <c r="KY15" s="129">
        <v>0</v>
      </c>
      <c r="KZ15" s="109">
        <v>0</v>
      </c>
      <c r="LA15" s="110">
        <v>0</v>
      </c>
      <c r="LB15" s="470">
        <v>0</v>
      </c>
      <c r="LC15" s="109">
        <v>0</v>
      </c>
      <c r="LD15" s="109">
        <v>0</v>
      </c>
      <c r="LE15" s="109">
        <v>0</v>
      </c>
      <c r="LF15" s="109">
        <v>0</v>
      </c>
      <c r="LG15" s="109">
        <v>0</v>
      </c>
      <c r="LH15" s="110">
        <v>0</v>
      </c>
      <c r="LI15" s="111">
        <v>0</v>
      </c>
      <c r="LJ15" s="129">
        <v>0</v>
      </c>
      <c r="LK15" s="109">
        <v>0</v>
      </c>
      <c r="LL15" s="110">
        <v>0</v>
      </c>
      <c r="LM15" s="470">
        <v>0</v>
      </c>
      <c r="LN15" s="109">
        <v>0</v>
      </c>
      <c r="LO15" s="109">
        <v>0</v>
      </c>
      <c r="LP15" s="109">
        <v>0</v>
      </c>
      <c r="LQ15" s="109">
        <v>0</v>
      </c>
      <c r="LR15" s="109">
        <v>0</v>
      </c>
      <c r="LS15" s="110">
        <v>0</v>
      </c>
      <c r="LT15" s="292">
        <v>0</v>
      </c>
      <c r="LU15" s="129">
        <v>0</v>
      </c>
      <c r="LV15" s="109">
        <v>0</v>
      </c>
      <c r="LW15" s="110">
        <v>0</v>
      </c>
      <c r="LX15" s="470">
        <v>0</v>
      </c>
      <c r="LY15" s="109">
        <v>0</v>
      </c>
      <c r="LZ15" s="109">
        <v>191521</v>
      </c>
      <c r="MA15" s="109">
        <v>257355</v>
      </c>
      <c r="MB15" s="109">
        <v>0</v>
      </c>
      <c r="MC15" s="109">
        <v>0</v>
      </c>
      <c r="MD15" s="110">
        <v>448876</v>
      </c>
      <c r="ME15" s="111">
        <v>448876</v>
      </c>
      <c r="MF15" s="129">
        <v>0</v>
      </c>
      <c r="MG15" s="109">
        <v>0</v>
      </c>
      <c r="MH15" s="110">
        <v>0</v>
      </c>
      <c r="MI15" s="470">
        <v>0</v>
      </c>
      <c r="MJ15" s="109">
        <v>0</v>
      </c>
      <c r="MK15" s="109">
        <v>1295017</v>
      </c>
      <c r="ML15" s="109">
        <v>6125677</v>
      </c>
      <c r="MM15" s="109">
        <v>8405445</v>
      </c>
      <c r="MN15" s="109">
        <v>2720813</v>
      </c>
      <c r="MO15" s="110">
        <v>18546952</v>
      </c>
      <c r="MP15" s="130">
        <v>18546952</v>
      </c>
      <c r="MQ15" s="129">
        <v>0</v>
      </c>
      <c r="MR15" s="109">
        <v>0</v>
      </c>
      <c r="MS15" s="110">
        <v>0</v>
      </c>
      <c r="MT15" s="470">
        <v>0</v>
      </c>
      <c r="MU15" s="109">
        <v>0</v>
      </c>
      <c r="MV15" s="109">
        <v>0</v>
      </c>
      <c r="MW15" s="109">
        <v>3440766</v>
      </c>
      <c r="MX15" s="109">
        <v>6213358</v>
      </c>
      <c r="MY15" s="109">
        <v>1806442</v>
      </c>
      <c r="MZ15" s="110">
        <v>11460566</v>
      </c>
      <c r="NA15" s="130">
        <v>11460566</v>
      </c>
      <c r="NB15" s="129">
        <v>0</v>
      </c>
      <c r="NC15" s="109">
        <v>0</v>
      </c>
      <c r="ND15" s="110">
        <v>0</v>
      </c>
      <c r="NE15" s="470">
        <v>0</v>
      </c>
      <c r="NF15" s="109">
        <v>0</v>
      </c>
      <c r="NG15" s="109">
        <v>1295017</v>
      </c>
      <c r="NH15" s="109">
        <v>2684911</v>
      </c>
      <c r="NI15" s="109">
        <v>2192087</v>
      </c>
      <c r="NJ15" s="109">
        <v>914371</v>
      </c>
      <c r="NK15" s="110">
        <v>7086386</v>
      </c>
      <c r="NL15" s="292">
        <v>7086386</v>
      </c>
      <c r="NM15" s="129">
        <v>0</v>
      </c>
      <c r="NN15" s="109">
        <v>0</v>
      </c>
      <c r="NO15" s="110">
        <v>0</v>
      </c>
      <c r="NP15" s="470">
        <v>0</v>
      </c>
      <c r="NQ15" s="109">
        <v>0</v>
      </c>
      <c r="NR15" s="109">
        <v>0</v>
      </c>
      <c r="NS15" s="109">
        <v>0</v>
      </c>
      <c r="NT15" s="109">
        <v>0</v>
      </c>
      <c r="NU15" s="109">
        <v>0</v>
      </c>
      <c r="NV15" s="110">
        <v>0</v>
      </c>
      <c r="NW15" s="111">
        <v>0</v>
      </c>
      <c r="NX15" s="129">
        <v>0</v>
      </c>
      <c r="NY15" s="109">
        <v>0</v>
      </c>
      <c r="NZ15" s="110">
        <v>0</v>
      </c>
      <c r="OA15" s="470">
        <v>0</v>
      </c>
      <c r="OB15" s="109">
        <v>0</v>
      </c>
      <c r="OC15" s="109">
        <v>0</v>
      </c>
      <c r="OD15" s="109">
        <v>0</v>
      </c>
      <c r="OE15" s="109">
        <v>0</v>
      </c>
      <c r="OF15" s="109">
        <v>0</v>
      </c>
      <c r="OG15" s="110">
        <v>0</v>
      </c>
      <c r="OH15" s="111">
        <v>0</v>
      </c>
      <c r="OI15" s="129">
        <v>1428472</v>
      </c>
      <c r="OJ15" s="109">
        <v>1034657</v>
      </c>
      <c r="OK15" s="128">
        <v>2463129</v>
      </c>
      <c r="OL15" s="108">
        <v>0</v>
      </c>
      <c r="OM15" s="109">
        <v>13345048</v>
      </c>
      <c r="ON15" s="109">
        <v>14718307</v>
      </c>
      <c r="OO15" s="109">
        <v>20598765</v>
      </c>
      <c r="OP15" s="109">
        <v>21832516</v>
      </c>
      <c r="OQ15" s="109">
        <v>11340365</v>
      </c>
      <c r="OR15" s="110">
        <v>81835001</v>
      </c>
      <c r="OS15" s="130">
        <v>84298130</v>
      </c>
    </row>
    <row r="16" spans="1:409" ht="21" customHeight="1" x14ac:dyDescent="0.2">
      <c r="B16" s="437" t="s">
        <v>10</v>
      </c>
      <c r="C16" s="100">
        <v>1690539</v>
      </c>
      <c r="D16" s="104">
        <v>1701066</v>
      </c>
      <c r="E16" s="103">
        <v>3391605</v>
      </c>
      <c r="F16" s="155">
        <v>0</v>
      </c>
      <c r="G16" s="104">
        <v>17359555</v>
      </c>
      <c r="H16" s="104">
        <v>14893059</v>
      </c>
      <c r="I16" s="104">
        <v>13604195</v>
      </c>
      <c r="J16" s="104">
        <v>17140163</v>
      </c>
      <c r="K16" s="104">
        <v>10973390</v>
      </c>
      <c r="L16" s="99">
        <v>73970362</v>
      </c>
      <c r="M16" s="106">
        <v>77361967</v>
      </c>
      <c r="N16" s="100">
        <v>632901</v>
      </c>
      <c r="O16" s="104">
        <v>652150</v>
      </c>
      <c r="P16" s="103">
        <v>1285051</v>
      </c>
      <c r="Q16" s="100">
        <v>0</v>
      </c>
      <c r="R16" s="104">
        <v>6383265</v>
      </c>
      <c r="S16" s="104">
        <v>6066853</v>
      </c>
      <c r="T16" s="104">
        <v>4843150</v>
      </c>
      <c r="U16" s="104">
        <v>7517934</v>
      </c>
      <c r="V16" s="104">
        <v>6406462</v>
      </c>
      <c r="W16" s="103">
        <v>31217664</v>
      </c>
      <c r="X16" s="106">
        <v>32502715</v>
      </c>
      <c r="Y16" s="100">
        <v>0</v>
      </c>
      <c r="Z16" s="104">
        <v>0</v>
      </c>
      <c r="AA16" s="103">
        <v>0</v>
      </c>
      <c r="AB16" s="100">
        <v>0</v>
      </c>
      <c r="AC16" s="104">
        <v>2808062</v>
      </c>
      <c r="AD16" s="104">
        <v>3410567</v>
      </c>
      <c r="AE16" s="104">
        <v>2346810</v>
      </c>
      <c r="AF16" s="104">
        <v>4459672</v>
      </c>
      <c r="AG16" s="104">
        <v>3551423</v>
      </c>
      <c r="AH16" s="103">
        <v>16576534</v>
      </c>
      <c r="AI16" s="106">
        <v>16576534</v>
      </c>
      <c r="AJ16" s="100">
        <v>0</v>
      </c>
      <c r="AK16" s="104">
        <v>0</v>
      </c>
      <c r="AL16" s="103">
        <v>0</v>
      </c>
      <c r="AM16" s="100">
        <v>0</v>
      </c>
      <c r="AN16" s="104">
        <v>47374</v>
      </c>
      <c r="AO16" s="104">
        <v>61249</v>
      </c>
      <c r="AP16" s="104">
        <v>224767</v>
      </c>
      <c r="AQ16" s="104">
        <v>351645</v>
      </c>
      <c r="AR16" s="104">
        <v>757086</v>
      </c>
      <c r="AS16" s="103">
        <v>1442121</v>
      </c>
      <c r="AT16" s="106">
        <v>1442121</v>
      </c>
      <c r="AU16" s="100">
        <v>371615</v>
      </c>
      <c r="AV16" s="104">
        <v>452732</v>
      </c>
      <c r="AW16" s="103">
        <v>824347</v>
      </c>
      <c r="AX16" s="100">
        <v>0</v>
      </c>
      <c r="AY16" s="104">
        <v>2279298</v>
      </c>
      <c r="AZ16" s="104">
        <v>1463141</v>
      </c>
      <c r="BA16" s="104">
        <v>1136804</v>
      </c>
      <c r="BB16" s="104">
        <v>1552569</v>
      </c>
      <c r="BC16" s="104">
        <v>1197346</v>
      </c>
      <c r="BD16" s="103">
        <v>7629158</v>
      </c>
      <c r="BE16" s="106">
        <v>8453505</v>
      </c>
      <c r="BF16" s="100">
        <v>58294</v>
      </c>
      <c r="BG16" s="104">
        <v>101386</v>
      </c>
      <c r="BH16" s="102">
        <v>159680</v>
      </c>
      <c r="BI16" s="101">
        <v>0</v>
      </c>
      <c r="BJ16" s="104">
        <v>102723</v>
      </c>
      <c r="BK16" s="104">
        <v>117880</v>
      </c>
      <c r="BL16" s="104">
        <v>173513</v>
      </c>
      <c r="BM16" s="104">
        <v>194328</v>
      </c>
      <c r="BN16" s="104">
        <v>165591</v>
      </c>
      <c r="BO16" s="103">
        <v>754035</v>
      </c>
      <c r="BP16" s="106">
        <v>913715</v>
      </c>
      <c r="BQ16" s="100">
        <v>202992</v>
      </c>
      <c r="BR16" s="104">
        <v>98032</v>
      </c>
      <c r="BS16" s="103">
        <v>301024</v>
      </c>
      <c r="BT16" s="100">
        <v>0</v>
      </c>
      <c r="BU16" s="104">
        <v>1145808</v>
      </c>
      <c r="BV16" s="104">
        <v>1014016</v>
      </c>
      <c r="BW16" s="104">
        <v>961256</v>
      </c>
      <c r="BX16" s="104">
        <v>959720</v>
      </c>
      <c r="BY16" s="104">
        <v>735016</v>
      </c>
      <c r="BZ16" s="103">
        <v>4815816</v>
      </c>
      <c r="CA16" s="106">
        <v>5116840</v>
      </c>
      <c r="CB16" s="100">
        <v>82708</v>
      </c>
      <c r="CC16" s="104">
        <v>314332</v>
      </c>
      <c r="CD16" s="103">
        <v>397040</v>
      </c>
      <c r="CE16" s="100">
        <v>0</v>
      </c>
      <c r="CF16" s="104">
        <v>5642177</v>
      </c>
      <c r="CG16" s="104">
        <v>3952351</v>
      </c>
      <c r="CH16" s="104">
        <v>3047361</v>
      </c>
      <c r="CI16" s="104">
        <v>1796071</v>
      </c>
      <c r="CJ16" s="104">
        <v>776572</v>
      </c>
      <c r="CK16" s="103">
        <v>15214532</v>
      </c>
      <c r="CL16" s="106">
        <v>15611572</v>
      </c>
      <c r="CM16" s="100">
        <v>0</v>
      </c>
      <c r="CN16" s="104">
        <v>0</v>
      </c>
      <c r="CO16" s="103">
        <v>0</v>
      </c>
      <c r="CP16" s="101">
        <v>0</v>
      </c>
      <c r="CQ16" s="104">
        <v>4446979</v>
      </c>
      <c r="CR16" s="104">
        <v>3432311</v>
      </c>
      <c r="CS16" s="104">
        <v>2510826</v>
      </c>
      <c r="CT16" s="104">
        <v>1309725</v>
      </c>
      <c r="CU16" s="104">
        <v>379434</v>
      </c>
      <c r="CV16" s="103">
        <v>12079275</v>
      </c>
      <c r="CW16" s="106">
        <v>12079275</v>
      </c>
      <c r="CX16" s="100">
        <v>82708</v>
      </c>
      <c r="CY16" s="104">
        <v>314332</v>
      </c>
      <c r="CZ16" s="103">
        <v>397040</v>
      </c>
      <c r="DA16" s="100">
        <v>0</v>
      </c>
      <c r="DB16" s="104">
        <v>1195198</v>
      </c>
      <c r="DC16" s="104">
        <v>520040</v>
      </c>
      <c r="DD16" s="104">
        <v>536535</v>
      </c>
      <c r="DE16" s="104">
        <v>486346</v>
      </c>
      <c r="DF16" s="104">
        <v>397138</v>
      </c>
      <c r="DG16" s="103">
        <v>3135257</v>
      </c>
      <c r="DH16" s="106">
        <v>3532297</v>
      </c>
      <c r="DI16" s="100">
        <v>0</v>
      </c>
      <c r="DJ16" s="104">
        <v>22752</v>
      </c>
      <c r="DK16" s="102">
        <v>22752</v>
      </c>
      <c r="DL16" s="101">
        <v>0</v>
      </c>
      <c r="DM16" s="104">
        <v>513876</v>
      </c>
      <c r="DN16" s="104">
        <v>541825</v>
      </c>
      <c r="DO16" s="104">
        <v>1188176</v>
      </c>
      <c r="DP16" s="104">
        <v>1432073</v>
      </c>
      <c r="DQ16" s="104">
        <v>728101</v>
      </c>
      <c r="DR16" s="103">
        <v>4404051</v>
      </c>
      <c r="DS16" s="106">
        <v>4426803</v>
      </c>
      <c r="DT16" s="100">
        <v>0</v>
      </c>
      <c r="DU16" s="104">
        <v>22752</v>
      </c>
      <c r="DV16" s="103">
        <v>22752</v>
      </c>
      <c r="DW16" s="100">
        <v>0</v>
      </c>
      <c r="DX16" s="104">
        <v>486322</v>
      </c>
      <c r="DY16" s="104">
        <v>493064</v>
      </c>
      <c r="DZ16" s="104">
        <v>1055888</v>
      </c>
      <c r="EA16" s="104">
        <v>1271968</v>
      </c>
      <c r="EB16" s="104">
        <v>655764</v>
      </c>
      <c r="EC16" s="103">
        <v>3963006</v>
      </c>
      <c r="ED16" s="106">
        <v>3985758</v>
      </c>
      <c r="EE16" s="100">
        <v>0</v>
      </c>
      <c r="EF16" s="102">
        <v>0</v>
      </c>
      <c r="EG16" s="103">
        <v>0</v>
      </c>
      <c r="EH16" s="100">
        <v>0</v>
      </c>
      <c r="EI16" s="104">
        <v>27554</v>
      </c>
      <c r="EJ16" s="104">
        <v>48761</v>
      </c>
      <c r="EK16" s="104">
        <v>132288</v>
      </c>
      <c r="EL16" s="104">
        <v>160105</v>
      </c>
      <c r="EM16" s="104">
        <v>72337</v>
      </c>
      <c r="EN16" s="102">
        <v>441045</v>
      </c>
      <c r="EO16" s="106">
        <v>441045</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06">
        <v>0</v>
      </c>
      <c r="FE16" s="104">
        <v>0</v>
      </c>
      <c r="FF16" s="104">
        <v>0</v>
      </c>
      <c r="FG16" s="104">
        <v>0</v>
      </c>
      <c r="FH16" s="104">
        <v>0</v>
      </c>
      <c r="FI16" s="104">
        <v>0</v>
      </c>
      <c r="FJ16" s="103">
        <v>0</v>
      </c>
      <c r="FK16" s="106">
        <v>0</v>
      </c>
      <c r="FL16" s="100">
        <v>406375</v>
      </c>
      <c r="FM16" s="104">
        <v>711832</v>
      </c>
      <c r="FN16" s="103">
        <v>1118207</v>
      </c>
      <c r="FO16" s="100">
        <v>0</v>
      </c>
      <c r="FP16" s="104">
        <v>992776</v>
      </c>
      <c r="FQ16" s="104">
        <v>1366294</v>
      </c>
      <c r="FR16" s="104">
        <v>1269673</v>
      </c>
      <c r="FS16" s="104">
        <v>1274056</v>
      </c>
      <c r="FT16" s="104">
        <v>787728</v>
      </c>
      <c r="FU16" s="103">
        <v>5690527</v>
      </c>
      <c r="FV16" s="106">
        <v>6808734</v>
      </c>
      <c r="FW16" s="105">
        <v>259816</v>
      </c>
      <c r="FX16" s="104">
        <v>396080</v>
      </c>
      <c r="FY16" s="102">
        <v>655896</v>
      </c>
      <c r="FZ16" s="101">
        <v>0</v>
      </c>
      <c r="GA16" s="104">
        <v>786056</v>
      </c>
      <c r="GB16" s="104">
        <v>1260336</v>
      </c>
      <c r="GC16" s="104">
        <v>1190528</v>
      </c>
      <c r="GD16" s="104">
        <v>1274056</v>
      </c>
      <c r="GE16" s="104">
        <v>787728</v>
      </c>
      <c r="GF16" s="103">
        <v>5298704</v>
      </c>
      <c r="GG16" s="290">
        <v>5954600</v>
      </c>
      <c r="GH16" s="105">
        <v>38080</v>
      </c>
      <c r="GI16" s="104">
        <v>61744</v>
      </c>
      <c r="GJ16" s="102">
        <v>99824</v>
      </c>
      <c r="GK16" s="101">
        <v>0</v>
      </c>
      <c r="GL16" s="104">
        <v>0</v>
      </c>
      <c r="GM16" s="104">
        <v>56358</v>
      </c>
      <c r="GN16" s="104">
        <v>60825</v>
      </c>
      <c r="GO16" s="104">
        <v>0</v>
      </c>
      <c r="GP16" s="104">
        <v>0</v>
      </c>
      <c r="GQ16" s="103">
        <v>117183</v>
      </c>
      <c r="GR16" s="106">
        <v>217007</v>
      </c>
      <c r="GS16" s="100">
        <v>108479</v>
      </c>
      <c r="GT16" s="104">
        <v>254008</v>
      </c>
      <c r="GU16" s="103">
        <v>362487</v>
      </c>
      <c r="GV16" s="100">
        <v>0</v>
      </c>
      <c r="GW16" s="104">
        <v>206720</v>
      </c>
      <c r="GX16" s="104">
        <v>49600</v>
      </c>
      <c r="GY16" s="104">
        <v>18320</v>
      </c>
      <c r="GZ16" s="104">
        <v>0</v>
      </c>
      <c r="HA16" s="104">
        <v>0</v>
      </c>
      <c r="HB16" s="102">
        <v>274640</v>
      </c>
      <c r="HC16" s="106">
        <v>637127</v>
      </c>
      <c r="HD16" s="100">
        <v>568555</v>
      </c>
      <c r="HE16" s="104">
        <v>0</v>
      </c>
      <c r="HF16" s="102">
        <v>568555</v>
      </c>
      <c r="HG16" s="101">
        <v>0</v>
      </c>
      <c r="HH16" s="104">
        <v>3827461</v>
      </c>
      <c r="HI16" s="104">
        <v>2965736</v>
      </c>
      <c r="HJ16" s="104">
        <v>3255835</v>
      </c>
      <c r="HK16" s="104">
        <v>5120029</v>
      </c>
      <c r="HL16" s="104">
        <v>2274527</v>
      </c>
      <c r="HM16" s="103">
        <v>17443588</v>
      </c>
      <c r="HN16" s="99">
        <v>18012143</v>
      </c>
      <c r="HO16" s="456">
        <v>0</v>
      </c>
      <c r="HP16" s="457">
        <v>0</v>
      </c>
      <c r="HQ16" s="458">
        <v>0</v>
      </c>
      <c r="HR16" s="459">
        <v>0</v>
      </c>
      <c r="HS16" s="457">
        <v>0</v>
      </c>
      <c r="HT16" s="457">
        <v>0</v>
      </c>
      <c r="HU16" s="457">
        <v>0</v>
      </c>
      <c r="HV16" s="457">
        <v>0</v>
      </c>
      <c r="HW16" s="457">
        <v>0</v>
      </c>
      <c r="HX16" s="460">
        <v>0</v>
      </c>
      <c r="HY16" s="461">
        <v>0</v>
      </c>
      <c r="HZ16" s="135">
        <v>0</v>
      </c>
      <c r="IA16" s="122">
        <v>0</v>
      </c>
      <c r="IB16" s="135">
        <v>0</v>
      </c>
      <c r="IC16" s="121">
        <v>0</v>
      </c>
      <c r="ID16" s="122">
        <v>3687598</v>
      </c>
      <c r="IE16" s="123">
        <v>4804200</v>
      </c>
      <c r="IF16" s="124">
        <v>6327028</v>
      </c>
      <c r="IG16" s="122">
        <v>3804512</v>
      </c>
      <c r="IH16" s="124">
        <v>3711765</v>
      </c>
      <c r="II16" s="125">
        <v>22335103</v>
      </c>
      <c r="IJ16" s="135">
        <v>22335103</v>
      </c>
      <c r="IK16" s="215">
        <v>0</v>
      </c>
      <c r="IL16" s="219">
        <v>0</v>
      </c>
      <c r="IM16" s="220">
        <v>0</v>
      </c>
      <c r="IN16" s="470">
        <v>0</v>
      </c>
      <c r="IO16" s="109">
        <v>54685</v>
      </c>
      <c r="IP16" s="109">
        <v>240550</v>
      </c>
      <c r="IQ16" s="109">
        <v>196212</v>
      </c>
      <c r="IR16" s="109">
        <v>0</v>
      </c>
      <c r="IS16" s="109">
        <v>46594</v>
      </c>
      <c r="IT16" s="128">
        <v>538041</v>
      </c>
      <c r="IU16" s="292">
        <v>538041</v>
      </c>
      <c r="IV16" s="129">
        <v>0</v>
      </c>
      <c r="IW16" s="109">
        <v>0</v>
      </c>
      <c r="IX16" s="110">
        <v>0</v>
      </c>
      <c r="IY16" s="470">
        <v>0</v>
      </c>
      <c r="IZ16" s="109">
        <v>0</v>
      </c>
      <c r="JA16" s="109">
        <v>21384</v>
      </c>
      <c r="JB16" s="109">
        <v>0</v>
      </c>
      <c r="JC16" s="109">
        <v>0</v>
      </c>
      <c r="JD16" s="109">
        <v>10692</v>
      </c>
      <c r="JE16" s="110">
        <v>32076</v>
      </c>
      <c r="JF16" s="111">
        <v>32076</v>
      </c>
      <c r="JG16" s="129">
        <v>0</v>
      </c>
      <c r="JH16" s="109">
        <v>0</v>
      </c>
      <c r="JI16" s="128">
        <v>0</v>
      </c>
      <c r="JJ16" s="108">
        <v>0</v>
      </c>
      <c r="JK16" s="109">
        <v>1371626</v>
      </c>
      <c r="JL16" s="109">
        <v>663173</v>
      </c>
      <c r="JM16" s="109">
        <v>405175</v>
      </c>
      <c r="JN16" s="109">
        <v>333796</v>
      </c>
      <c r="JO16" s="109">
        <v>401799</v>
      </c>
      <c r="JP16" s="110">
        <v>3175569</v>
      </c>
      <c r="JQ16" s="292">
        <v>3175569</v>
      </c>
      <c r="JR16" s="129">
        <v>0</v>
      </c>
      <c r="JS16" s="109">
        <v>0</v>
      </c>
      <c r="JT16" s="128">
        <v>0</v>
      </c>
      <c r="JU16" s="108">
        <v>0</v>
      </c>
      <c r="JV16" s="109">
        <v>334551</v>
      </c>
      <c r="JW16" s="109">
        <v>0</v>
      </c>
      <c r="JX16" s="109">
        <v>271921</v>
      </c>
      <c r="JY16" s="109">
        <v>0</v>
      </c>
      <c r="JZ16" s="109">
        <v>46452</v>
      </c>
      <c r="KA16" s="110">
        <v>652924</v>
      </c>
      <c r="KB16" s="292">
        <v>652924</v>
      </c>
      <c r="KC16" s="217">
        <v>0</v>
      </c>
      <c r="KD16" s="213">
        <v>0</v>
      </c>
      <c r="KE16" s="110">
        <v>0</v>
      </c>
      <c r="KF16" s="108">
        <v>0</v>
      </c>
      <c r="KG16" s="109">
        <v>792841</v>
      </c>
      <c r="KH16" s="109">
        <v>346389</v>
      </c>
      <c r="KI16" s="109">
        <v>1154714</v>
      </c>
      <c r="KJ16" s="109">
        <v>276324</v>
      </c>
      <c r="KK16" s="109">
        <v>427174</v>
      </c>
      <c r="KL16" s="110">
        <v>2997442</v>
      </c>
      <c r="KM16" s="130">
        <v>2997442</v>
      </c>
      <c r="KN16" s="215">
        <v>0</v>
      </c>
      <c r="KO16" s="219">
        <v>0</v>
      </c>
      <c r="KP16" s="220">
        <v>0</v>
      </c>
      <c r="KQ16" s="470">
        <v>0</v>
      </c>
      <c r="KR16" s="109">
        <v>505420</v>
      </c>
      <c r="KS16" s="109">
        <v>3025022</v>
      </c>
      <c r="KT16" s="109">
        <v>3331209</v>
      </c>
      <c r="KU16" s="109">
        <v>781720</v>
      </c>
      <c r="KV16" s="109">
        <v>1344411</v>
      </c>
      <c r="KW16" s="110">
        <v>8987782</v>
      </c>
      <c r="KX16" s="292">
        <v>8987782</v>
      </c>
      <c r="KY16" s="129">
        <v>0</v>
      </c>
      <c r="KZ16" s="109">
        <v>0</v>
      </c>
      <c r="LA16" s="110">
        <v>0</v>
      </c>
      <c r="LB16" s="470">
        <v>0</v>
      </c>
      <c r="LC16" s="109">
        <v>628475</v>
      </c>
      <c r="LD16" s="109">
        <v>96807</v>
      </c>
      <c r="LE16" s="109">
        <v>197957</v>
      </c>
      <c r="LF16" s="109">
        <v>77456</v>
      </c>
      <c r="LG16" s="109">
        <v>0</v>
      </c>
      <c r="LH16" s="110">
        <v>1000695</v>
      </c>
      <c r="LI16" s="111">
        <v>1000695</v>
      </c>
      <c r="LJ16" s="129">
        <v>0</v>
      </c>
      <c r="LK16" s="109">
        <v>0</v>
      </c>
      <c r="LL16" s="110">
        <v>0</v>
      </c>
      <c r="LM16" s="470">
        <v>0</v>
      </c>
      <c r="LN16" s="109">
        <v>0</v>
      </c>
      <c r="LO16" s="109">
        <v>212983</v>
      </c>
      <c r="LP16" s="109">
        <v>498540</v>
      </c>
      <c r="LQ16" s="109">
        <v>540034</v>
      </c>
      <c r="LR16" s="109">
        <v>1434643</v>
      </c>
      <c r="LS16" s="110">
        <v>2686200</v>
      </c>
      <c r="LT16" s="292">
        <v>2686200</v>
      </c>
      <c r="LU16" s="129">
        <v>0</v>
      </c>
      <c r="LV16" s="109">
        <v>0</v>
      </c>
      <c r="LW16" s="110">
        <v>0</v>
      </c>
      <c r="LX16" s="470">
        <v>0</v>
      </c>
      <c r="LY16" s="109">
        <v>0</v>
      </c>
      <c r="LZ16" s="109">
        <v>197892</v>
      </c>
      <c r="MA16" s="109">
        <v>271300</v>
      </c>
      <c r="MB16" s="109">
        <v>1795182</v>
      </c>
      <c r="MC16" s="109">
        <v>0</v>
      </c>
      <c r="MD16" s="110">
        <v>2264374</v>
      </c>
      <c r="ME16" s="111">
        <v>2264374</v>
      </c>
      <c r="MF16" s="129">
        <v>0</v>
      </c>
      <c r="MG16" s="109">
        <v>0</v>
      </c>
      <c r="MH16" s="110">
        <v>0</v>
      </c>
      <c r="MI16" s="470">
        <v>0</v>
      </c>
      <c r="MJ16" s="109">
        <v>1370602</v>
      </c>
      <c r="MK16" s="109">
        <v>1088291</v>
      </c>
      <c r="ML16" s="109">
        <v>7669823</v>
      </c>
      <c r="MM16" s="109">
        <v>12722101</v>
      </c>
      <c r="MN16" s="109">
        <v>5431247</v>
      </c>
      <c r="MO16" s="110">
        <v>28282064</v>
      </c>
      <c r="MP16" s="130">
        <v>28282064</v>
      </c>
      <c r="MQ16" s="129">
        <v>0</v>
      </c>
      <c r="MR16" s="109">
        <v>0</v>
      </c>
      <c r="MS16" s="110">
        <v>0</v>
      </c>
      <c r="MT16" s="470">
        <v>0</v>
      </c>
      <c r="MU16" s="109">
        <v>215412</v>
      </c>
      <c r="MV16" s="109">
        <v>241770</v>
      </c>
      <c r="MW16" s="109">
        <v>5486437</v>
      </c>
      <c r="MX16" s="109">
        <v>9774105</v>
      </c>
      <c r="MY16" s="109">
        <v>2898525</v>
      </c>
      <c r="MZ16" s="110">
        <v>18616249</v>
      </c>
      <c r="NA16" s="130">
        <v>18616249</v>
      </c>
      <c r="NB16" s="129">
        <v>0</v>
      </c>
      <c r="NC16" s="109">
        <v>0</v>
      </c>
      <c r="ND16" s="110">
        <v>0</v>
      </c>
      <c r="NE16" s="470">
        <v>0</v>
      </c>
      <c r="NF16" s="109">
        <v>1155190</v>
      </c>
      <c r="NG16" s="109">
        <v>846521</v>
      </c>
      <c r="NH16" s="109">
        <v>2183386</v>
      </c>
      <c r="NI16" s="109">
        <v>2947996</v>
      </c>
      <c r="NJ16" s="109">
        <v>2147774</v>
      </c>
      <c r="NK16" s="110">
        <v>9280867</v>
      </c>
      <c r="NL16" s="292">
        <v>9280867</v>
      </c>
      <c r="NM16" s="129">
        <v>0</v>
      </c>
      <c r="NN16" s="109">
        <v>0</v>
      </c>
      <c r="NO16" s="110">
        <v>0</v>
      </c>
      <c r="NP16" s="470">
        <v>0</v>
      </c>
      <c r="NQ16" s="109">
        <v>0</v>
      </c>
      <c r="NR16" s="109">
        <v>0</v>
      </c>
      <c r="NS16" s="109">
        <v>0</v>
      </c>
      <c r="NT16" s="109">
        <v>0</v>
      </c>
      <c r="NU16" s="109">
        <v>0</v>
      </c>
      <c r="NV16" s="110">
        <v>0</v>
      </c>
      <c r="NW16" s="111">
        <v>0</v>
      </c>
      <c r="NX16" s="129">
        <v>0</v>
      </c>
      <c r="NY16" s="109">
        <v>0</v>
      </c>
      <c r="NZ16" s="110">
        <v>0</v>
      </c>
      <c r="OA16" s="470">
        <v>0</v>
      </c>
      <c r="OB16" s="109">
        <v>0</v>
      </c>
      <c r="OC16" s="109">
        <v>0</v>
      </c>
      <c r="OD16" s="109">
        <v>0</v>
      </c>
      <c r="OE16" s="109">
        <v>0</v>
      </c>
      <c r="OF16" s="109">
        <v>384948</v>
      </c>
      <c r="OG16" s="110">
        <v>384948</v>
      </c>
      <c r="OH16" s="111">
        <v>384948</v>
      </c>
      <c r="OI16" s="129">
        <v>1690539</v>
      </c>
      <c r="OJ16" s="109">
        <v>1701066</v>
      </c>
      <c r="OK16" s="128">
        <v>3391605</v>
      </c>
      <c r="OL16" s="108">
        <v>0</v>
      </c>
      <c r="OM16" s="109">
        <v>22417755</v>
      </c>
      <c r="ON16" s="109">
        <v>20785550</v>
      </c>
      <c r="OO16" s="109">
        <v>27601046</v>
      </c>
      <c r="OP16" s="109">
        <v>33666776</v>
      </c>
      <c r="OQ16" s="109">
        <v>20116402</v>
      </c>
      <c r="OR16" s="110">
        <v>124587529</v>
      </c>
      <c r="OS16" s="130">
        <v>127979134</v>
      </c>
    </row>
    <row r="17" spans="2:409" ht="21" customHeight="1" x14ac:dyDescent="0.2">
      <c r="B17" s="437" t="s">
        <v>11</v>
      </c>
      <c r="C17" s="100">
        <v>714154</v>
      </c>
      <c r="D17" s="104">
        <v>724094</v>
      </c>
      <c r="E17" s="154">
        <v>1438248</v>
      </c>
      <c r="F17" s="101">
        <v>0</v>
      </c>
      <c r="G17" s="104">
        <v>6849114</v>
      </c>
      <c r="H17" s="104">
        <v>6528680</v>
      </c>
      <c r="I17" s="104">
        <v>4161754</v>
      </c>
      <c r="J17" s="104">
        <v>8893597</v>
      </c>
      <c r="K17" s="104">
        <v>3805384</v>
      </c>
      <c r="L17" s="99">
        <v>30238529</v>
      </c>
      <c r="M17" s="106">
        <v>31676777</v>
      </c>
      <c r="N17" s="100">
        <v>206692</v>
      </c>
      <c r="O17" s="104">
        <v>205431</v>
      </c>
      <c r="P17" s="103">
        <v>412123</v>
      </c>
      <c r="Q17" s="100">
        <v>0</v>
      </c>
      <c r="R17" s="104">
        <v>1225467</v>
      </c>
      <c r="S17" s="104">
        <v>1336331</v>
      </c>
      <c r="T17" s="104">
        <v>1320499</v>
      </c>
      <c r="U17" s="104">
        <v>2674607</v>
      </c>
      <c r="V17" s="104">
        <v>1685097</v>
      </c>
      <c r="W17" s="103">
        <v>8242001</v>
      </c>
      <c r="X17" s="106">
        <v>8654124</v>
      </c>
      <c r="Y17" s="100">
        <v>0</v>
      </c>
      <c r="Z17" s="104">
        <v>0</v>
      </c>
      <c r="AA17" s="103">
        <v>0</v>
      </c>
      <c r="AB17" s="100">
        <v>0</v>
      </c>
      <c r="AC17" s="104">
        <v>445482</v>
      </c>
      <c r="AD17" s="104">
        <v>505793</v>
      </c>
      <c r="AE17" s="104">
        <v>591644</v>
      </c>
      <c r="AF17" s="104">
        <v>1436582</v>
      </c>
      <c r="AG17" s="104">
        <v>1101986</v>
      </c>
      <c r="AH17" s="103">
        <v>4081487</v>
      </c>
      <c r="AI17" s="106">
        <v>4081487</v>
      </c>
      <c r="AJ17" s="100">
        <v>0</v>
      </c>
      <c r="AK17" s="104">
        <v>0</v>
      </c>
      <c r="AL17" s="103">
        <v>0</v>
      </c>
      <c r="AM17" s="100">
        <v>0</v>
      </c>
      <c r="AN17" s="104">
        <v>0</v>
      </c>
      <c r="AO17" s="104">
        <v>92242</v>
      </c>
      <c r="AP17" s="104">
        <v>23060</v>
      </c>
      <c r="AQ17" s="104">
        <v>175368</v>
      </c>
      <c r="AR17" s="104">
        <v>234948</v>
      </c>
      <c r="AS17" s="103">
        <v>525618</v>
      </c>
      <c r="AT17" s="106">
        <v>525618</v>
      </c>
      <c r="AU17" s="100">
        <v>199636</v>
      </c>
      <c r="AV17" s="104">
        <v>98822</v>
      </c>
      <c r="AW17" s="103">
        <v>298458</v>
      </c>
      <c r="AX17" s="100">
        <v>0</v>
      </c>
      <c r="AY17" s="104">
        <v>445621</v>
      </c>
      <c r="AZ17" s="104">
        <v>372760</v>
      </c>
      <c r="BA17" s="104">
        <v>600867</v>
      </c>
      <c r="BB17" s="104">
        <v>598228</v>
      </c>
      <c r="BC17" s="104">
        <v>207595</v>
      </c>
      <c r="BD17" s="103">
        <v>2225071</v>
      </c>
      <c r="BE17" s="106">
        <v>2523529</v>
      </c>
      <c r="BF17" s="100">
        <v>0</v>
      </c>
      <c r="BG17" s="104">
        <v>50161</v>
      </c>
      <c r="BH17" s="102">
        <v>50161</v>
      </c>
      <c r="BI17" s="101">
        <v>0</v>
      </c>
      <c r="BJ17" s="104">
        <v>92580</v>
      </c>
      <c r="BK17" s="104">
        <v>0</v>
      </c>
      <c r="BL17" s="104">
        <v>0</v>
      </c>
      <c r="BM17" s="104">
        <v>130693</v>
      </c>
      <c r="BN17" s="104">
        <v>5232</v>
      </c>
      <c r="BO17" s="103">
        <v>228505</v>
      </c>
      <c r="BP17" s="106">
        <v>278666</v>
      </c>
      <c r="BQ17" s="100">
        <v>7056</v>
      </c>
      <c r="BR17" s="104">
        <v>56448</v>
      </c>
      <c r="BS17" s="103">
        <v>63504</v>
      </c>
      <c r="BT17" s="100">
        <v>0</v>
      </c>
      <c r="BU17" s="104">
        <v>241784</v>
      </c>
      <c r="BV17" s="104">
        <v>365536</v>
      </c>
      <c r="BW17" s="104">
        <v>104928</v>
      </c>
      <c r="BX17" s="104">
        <v>333736</v>
      </c>
      <c r="BY17" s="104">
        <v>135336</v>
      </c>
      <c r="BZ17" s="103">
        <v>1181320</v>
      </c>
      <c r="CA17" s="106">
        <v>1244824</v>
      </c>
      <c r="CB17" s="100">
        <v>103541</v>
      </c>
      <c r="CC17" s="104">
        <v>149125</v>
      </c>
      <c r="CD17" s="103">
        <v>252666</v>
      </c>
      <c r="CE17" s="100">
        <v>0</v>
      </c>
      <c r="CF17" s="104">
        <v>2465714</v>
      </c>
      <c r="CG17" s="104">
        <v>2039977</v>
      </c>
      <c r="CH17" s="104">
        <v>1410464</v>
      </c>
      <c r="CI17" s="104">
        <v>1803495</v>
      </c>
      <c r="CJ17" s="104">
        <v>419751</v>
      </c>
      <c r="CK17" s="103">
        <v>8139401</v>
      </c>
      <c r="CL17" s="106">
        <v>8392067</v>
      </c>
      <c r="CM17" s="100">
        <v>0</v>
      </c>
      <c r="CN17" s="104">
        <v>0</v>
      </c>
      <c r="CO17" s="103">
        <v>0</v>
      </c>
      <c r="CP17" s="101">
        <v>0</v>
      </c>
      <c r="CQ17" s="104">
        <v>1846571</v>
      </c>
      <c r="CR17" s="104">
        <v>1581576</v>
      </c>
      <c r="CS17" s="104">
        <v>1001455</v>
      </c>
      <c r="CT17" s="104">
        <v>871432</v>
      </c>
      <c r="CU17" s="104">
        <v>319248</v>
      </c>
      <c r="CV17" s="103">
        <v>5620282</v>
      </c>
      <c r="CW17" s="106">
        <v>5620282</v>
      </c>
      <c r="CX17" s="100">
        <v>103541</v>
      </c>
      <c r="CY17" s="104">
        <v>149125</v>
      </c>
      <c r="CZ17" s="103">
        <v>252666</v>
      </c>
      <c r="DA17" s="100">
        <v>0</v>
      </c>
      <c r="DB17" s="104">
        <v>619143</v>
      </c>
      <c r="DC17" s="104">
        <v>458401</v>
      </c>
      <c r="DD17" s="104">
        <v>409009</v>
      </c>
      <c r="DE17" s="104">
        <v>932063</v>
      </c>
      <c r="DF17" s="104">
        <v>100503</v>
      </c>
      <c r="DG17" s="103">
        <v>2519119</v>
      </c>
      <c r="DH17" s="106">
        <v>2771785</v>
      </c>
      <c r="DI17" s="100">
        <v>0</v>
      </c>
      <c r="DJ17" s="104">
        <v>0</v>
      </c>
      <c r="DK17" s="102">
        <v>0</v>
      </c>
      <c r="DL17" s="101">
        <v>0</v>
      </c>
      <c r="DM17" s="104">
        <v>407455</v>
      </c>
      <c r="DN17" s="104">
        <v>373277</v>
      </c>
      <c r="DO17" s="104">
        <v>24400</v>
      </c>
      <c r="DP17" s="104">
        <v>229310</v>
      </c>
      <c r="DQ17" s="104">
        <v>704937</v>
      </c>
      <c r="DR17" s="103">
        <v>1739379</v>
      </c>
      <c r="DS17" s="106">
        <v>1739379</v>
      </c>
      <c r="DT17" s="100">
        <v>0</v>
      </c>
      <c r="DU17" s="104">
        <v>0</v>
      </c>
      <c r="DV17" s="103">
        <v>0</v>
      </c>
      <c r="DW17" s="100">
        <v>0</v>
      </c>
      <c r="DX17" s="104">
        <v>323079</v>
      </c>
      <c r="DY17" s="104">
        <v>345021</v>
      </c>
      <c r="DZ17" s="104">
        <v>24400</v>
      </c>
      <c r="EA17" s="104">
        <v>143671</v>
      </c>
      <c r="EB17" s="104">
        <v>620869</v>
      </c>
      <c r="EC17" s="103">
        <v>1457040</v>
      </c>
      <c r="ED17" s="106">
        <v>1457040</v>
      </c>
      <c r="EE17" s="100">
        <v>0</v>
      </c>
      <c r="EF17" s="102">
        <v>0</v>
      </c>
      <c r="EG17" s="103">
        <v>0</v>
      </c>
      <c r="EH17" s="100">
        <v>0</v>
      </c>
      <c r="EI17" s="104">
        <v>84376</v>
      </c>
      <c r="EJ17" s="104">
        <v>28256</v>
      </c>
      <c r="EK17" s="104">
        <v>0</v>
      </c>
      <c r="EL17" s="104">
        <v>85639</v>
      </c>
      <c r="EM17" s="104">
        <v>84068</v>
      </c>
      <c r="EN17" s="102">
        <v>282339</v>
      </c>
      <c r="EO17" s="106">
        <v>282339</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06">
        <v>0</v>
      </c>
      <c r="FE17" s="104">
        <v>0</v>
      </c>
      <c r="FF17" s="104">
        <v>0</v>
      </c>
      <c r="FG17" s="104">
        <v>0</v>
      </c>
      <c r="FH17" s="104">
        <v>0</v>
      </c>
      <c r="FI17" s="104">
        <v>0</v>
      </c>
      <c r="FJ17" s="103">
        <v>0</v>
      </c>
      <c r="FK17" s="106">
        <v>0</v>
      </c>
      <c r="FL17" s="100">
        <v>42480</v>
      </c>
      <c r="FM17" s="104">
        <v>169408</v>
      </c>
      <c r="FN17" s="103">
        <v>211888</v>
      </c>
      <c r="FO17" s="100">
        <v>0</v>
      </c>
      <c r="FP17" s="104">
        <v>524248</v>
      </c>
      <c r="FQ17" s="104">
        <v>673345</v>
      </c>
      <c r="FR17" s="104">
        <v>385488</v>
      </c>
      <c r="FS17" s="104">
        <v>629768</v>
      </c>
      <c r="FT17" s="104">
        <v>287992</v>
      </c>
      <c r="FU17" s="103">
        <v>2500841</v>
      </c>
      <c r="FV17" s="106">
        <v>2712729</v>
      </c>
      <c r="FW17" s="105">
        <v>42480</v>
      </c>
      <c r="FX17" s="104">
        <v>169408</v>
      </c>
      <c r="FY17" s="102">
        <v>211888</v>
      </c>
      <c r="FZ17" s="101">
        <v>0</v>
      </c>
      <c r="GA17" s="104">
        <v>247928</v>
      </c>
      <c r="GB17" s="104">
        <v>578728</v>
      </c>
      <c r="GC17" s="104">
        <v>385488</v>
      </c>
      <c r="GD17" s="104">
        <v>629768</v>
      </c>
      <c r="GE17" s="104">
        <v>287992</v>
      </c>
      <c r="GF17" s="103">
        <v>2129904</v>
      </c>
      <c r="GG17" s="290">
        <v>2341792</v>
      </c>
      <c r="GH17" s="105">
        <v>0</v>
      </c>
      <c r="GI17" s="104">
        <v>0</v>
      </c>
      <c r="GJ17" s="102">
        <v>0</v>
      </c>
      <c r="GK17" s="101">
        <v>0</v>
      </c>
      <c r="GL17" s="104">
        <v>0</v>
      </c>
      <c r="GM17" s="104">
        <v>17177</v>
      </c>
      <c r="GN17" s="104">
        <v>0</v>
      </c>
      <c r="GO17" s="104">
        <v>0</v>
      </c>
      <c r="GP17" s="104">
        <v>0</v>
      </c>
      <c r="GQ17" s="103">
        <v>17177</v>
      </c>
      <c r="GR17" s="106">
        <v>17177</v>
      </c>
      <c r="GS17" s="100">
        <v>0</v>
      </c>
      <c r="GT17" s="104">
        <v>0</v>
      </c>
      <c r="GU17" s="103">
        <v>0</v>
      </c>
      <c r="GV17" s="100">
        <v>0</v>
      </c>
      <c r="GW17" s="104">
        <v>276320</v>
      </c>
      <c r="GX17" s="104">
        <v>77440</v>
      </c>
      <c r="GY17" s="104">
        <v>0</v>
      </c>
      <c r="GZ17" s="104">
        <v>0</v>
      </c>
      <c r="HA17" s="104">
        <v>0</v>
      </c>
      <c r="HB17" s="102">
        <v>353760</v>
      </c>
      <c r="HC17" s="106">
        <v>353760</v>
      </c>
      <c r="HD17" s="100">
        <v>361441</v>
      </c>
      <c r="HE17" s="104">
        <v>200130</v>
      </c>
      <c r="HF17" s="102">
        <v>561571</v>
      </c>
      <c r="HG17" s="101">
        <v>0</v>
      </c>
      <c r="HH17" s="104">
        <v>2226230</v>
      </c>
      <c r="HI17" s="104">
        <v>2105750</v>
      </c>
      <c r="HJ17" s="104">
        <v>1020903</v>
      </c>
      <c r="HK17" s="104">
        <v>3556417</v>
      </c>
      <c r="HL17" s="104">
        <v>707607</v>
      </c>
      <c r="HM17" s="103">
        <v>9616907</v>
      </c>
      <c r="HN17" s="99">
        <v>10178478</v>
      </c>
      <c r="HO17" s="456">
        <v>0</v>
      </c>
      <c r="HP17" s="457">
        <v>0</v>
      </c>
      <c r="HQ17" s="458">
        <v>0</v>
      </c>
      <c r="HR17" s="459">
        <v>0</v>
      </c>
      <c r="HS17" s="457">
        <v>0</v>
      </c>
      <c r="HT17" s="457">
        <v>0</v>
      </c>
      <c r="HU17" s="457">
        <v>0</v>
      </c>
      <c r="HV17" s="457">
        <v>0</v>
      </c>
      <c r="HW17" s="457">
        <v>0</v>
      </c>
      <c r="HX17" s="460">
        <v>0</v>
      </c>
      <c r="HY17" s="461">
        <v>0</v>
      </c>
      <c r="HZ17" s="118">
        <v>0</v>
      </c>
      <c r="IA17" s="119">
        <v>0</v>
      </c>
      <c r="IB17" s="120">
        <v>0</v>
      </c>
      <c r="IC17" s="131">
        <v>0</v>
      </c>
      <c r="ID17" s="119">
        <v>1669508</v>
      </c>
      <c r="IE17" s="132">
        <v>1857152</v>
      </c>
      <c r="IF17" s="120">
        <v>1849175</v>
      </c>
      <c r="IG17" s="119">
        <v>1319881</v>
      </c>
      <c r="IH17" s="120">
        <v>221922</v>
      </c>
      <c r="II17" s="133">
        <v>6917638</v>
      </c>
      <c r="IJ17" s="126">
        <v>6917638</v>
      </c>
      <c r="IK17" s="215">
        <v>0</v>
      </c>
      <c r="IL17" s="219">
        <v>0</v>
      </c>
      <c r="IM17" s="220">
        <v>0</v>
      </c>
      <c r="IN17" s="470">
        <v>0</v>
      </c>
      <c r="IO17" s="109">
        <v>150210</v>
      </c>
      <c r="IP17" s="109">
        <v>0</v>
      </c>
      <c r="IQ17" s="109">
        <v>195227</v>
      </c>
      <c r="IR17" s="109">
        <v>0</v>
      </c>
      <c r="IS17" s="109">
        <v>0</v>
      </c>
      <c r="IT17" s="128">
        <v>345437</v>
      </c>
      <c r="IU17" s="292">
        <v>345437</v>
      </c>
      <c r="IV17" s="129">
        <v>0</v>
      </c>
      <c r="IW17" s="109">
        <v>0</v>
      </c>
      <c r="IX17" s="110">
        <v>0</v>
      </c>
      <c r="IY17" s="470">
        <v>0</v>
      </c>
      <c r="IZ17" s="109">
        <v>0</v>
      </c>
      <c r="JA17" s="109">
        <v>29410</v>
      </c>
      <c r="JB17" s="109">
        <v>0</v>
      </c>
      <c r="JC17" s="109">
        <v>30747</v>
      </c>
      <c r="JD17" s="109">
        <v>0</v>
      </c>
      <c r="JE17" s="110">
        <v>60157</v>
      </c>
      <c r="JF17" s="111">
        <v>60157</v>
      </c>
      <c r="JG17" s="129">
        <v>0</v>
      </c>
      <c r="JH17" s="109">
        <v>0</v>
      </c>
      <c r="JI17" s="128">
        <v>0</v>
      </c>
      <c r="JJ17" s="108">
        <v>0</v>
      </c>
      <c r="JK17" s="109">
        <v>539925</v>
      </c>
      <c r="JL17" s="109">
        <v>303443</v>
      </c>
      <c r="JM17" s="109">
        <v>424441</v>
      </c>
      <c r="JN17" s="109">
        <v>221655</v>
      </c>
      <c r="JO17" s="109">
        <v>221922</v>
      </c>
      <c r="JP17" s="110">
        <v>1711386</v>
      </c>
      <c r="JQ17" s="292">
        <v>1711386</v>
      </c>
      <c r="JR17" s="129">
        <v>0</v>
      </c>
      <c r="JS17" s="109">
        <v>0</v>
      </c>
      <c r="JT17" s="128">
        <v>0</v>
      </c>
      <c r="JU17" s="108">
        <v>0</v>
      </c>
      <c r="JV17" s="109">
        <v>53864</v>
      </c>
      <c r="JW17" s="109">
        <v>254329</v>
      </c>
      <c r="JX17" s="109">
        <v>173095</v>
      </c>
      <c r="JY17" s="109">
        <v>0</v>
      </c>
      <c r="JZ17" s="109">
        <v>0</v>
      </c>
      <c r="KA17" s="110">
        <v>481288</v>
      </c>
      <c r="KB17" s="292">
        <v>481288</v>
      </c>
      <c r="KC17" s="217">
        <v>0</v>
      </c>
      <c r="KD17" s="213">
        <v>0</v>
      </c>
      <c r="KE17" s="110">
        <v>0</v>
      </c>
      <c r="KF17" s="108">
        <v>0</v>
      </c>
      <c r="KG17" s="109">
        <v>174412</v>
      </c>
      <c r="KH17" s="109">
        <v>333597</v>
      </c>
      <c r="KI17" s="109">
        <v>718453</v>
      </c>
      <c r="KJ17" s="109">
        <v>0</v>
      </c>
      <c r="KK17" s="109">
        <v>0</v>
      </c>
      <c r="KL17" s="110">
        <v>1226462</v>
      </c>
      <c r="KM17" s="130">
        <v>1226462</v>
      </c>
      <c r="KN17" s="215">
        <v>0</v>
      </c>
      <c r="KO17" s="219">
        <v>0</v>
      </c>
      <c r="KP17" s="220">
        <v>0</v>
      </c>
      <c r="KQ17" s="470">
        <v>0</v>
      </c>
      <c r="KR17" s="109">
        <v>480849</v>
      </c>
      <c r="KS17" s="109">
        <v>746913</v>
      </c>
      <c r="KT17" s="109">
        <v>337959</v>
      </c>
      <c r="KU17" s="109">
        <v>785837</v>
      </c>
      <c r="KV17" s="109">
        <v>0</v>
      </c>
      <c r="KW17" s="110">
        <v>2351558</v>
      </c>
      <c r="KX17" s="292">
        <v>2351558</v>
      </c>
      <c r="KY17" s="129">
        <v>0</v>
      </c>
      <c r="KZ17" s="109">
        <v>0</v>
      </c>
      <c r="LA17" s="110">
        <v>0</v>
      </c>
      <c r="LB17" s="470">
        <v>0</v>
      </c>
      <c r="LC17" s="109">
        <v>0</v>
      </c>
      <c r="LD17" s="109">
        <v>0</v>
      </c>
      <c r="LE17" s="109">
        <v>0</v>
      </c>
      <c r="LF17" s="109">
        <v>0</v>
      </c>
      <c r="LG17" s="109">
        <v>0</v>
      </c>
      <c r="LH17" s="110">
        <v>0</v>
      </c>
      <c r="LI17" s="111">
        <v>0</v>
      </c>
      <c r="LJ17" s="129">
        <v>0</v>
      </c>
      <c r="LK17" s="109">
        <v>0</v>
      </c>
      <c r="LL17" s="110">
        <v>0</v>
      </c>
      <c r="LM17" s="470">
        <v>0</v>
      </c>
      <c r="LN17" s="109">
        <v>0</v>
      </c>
      <c r="LO17" s="109">
        <v>0</v>
      </c>
      <c r="LP17" s="109">
        <v>0</v>
      </c>
      <c r="LQ17" s="109">
        <v>0</v>
      </c>
      <c r="LR17" s="109">
        <v>0</v>
      </c>
      <c r="LS17" s="110">
        <v>0</v>
      </c>
      <c r="LT17" s="292">
        <v>0</v>
      </c>
      <c r="LU17" s="129">
        <v>0</v>
      </c>
      <c r="LV17" s="109">
        <v>0</v>
      </c>
      <c r="LW17" s="110">
        <v>0</v>
      </c>
      <c r="LX17" s="470">
        <v>0</v>
      </c>
      <c r="LY17" s="109">
        <v>270248</v>
      </c>
      <c r="LZ17" s="109">
        <v>189460</v>
      </c>
      <c r="MA17" s="109">
        <v>0</v>
      </c>
      <c r="MB17" s="109">
        <v>281642</v>
      </c>
      <c r="MC17" s="109">
        <v>0</v>
      </c>
      <c r="MD17" s="110">
        <v>741350</v>
      </c>
      <c r="ME17" s="111">
        <v>741350</v>
      </c>
      <c r="MF17" s="129">
        <v>0</v>
      </c>
      <c r="MG17" s="109">
        <v>0</v>
      </c>
      <c r="MH17" s="110">
        <v>0</v>
      </c>
      <c r="MI17" s="470">
        <v>0</v>
      </c>
      <c r="MJ17" s="109">
        <v>329399</v>
      </c>
      <c r="MK17" s="109">
        <v>377904</v>
      </c>
      <c r="ML17" s="109">
        <v>2463161</v>
      </c>
      <c r="MM17" s="109">
        <v>5923628</v>
      </c>
      <c r="MN17" s="109">
        <v>2327980</v>
      </c>
      <c r="MO17" s="110">
        <v>11422072</v>
      </c>
      <c r="MP17" s="130">
        <v>11422072</v>
      </c>
      <c r="MQ17" s="129">
        <v>0</v>
      </c>
      <c r="MR17" s="109">
        <v>0</v>
      </c>
      <c r="MS17" s="110">
        <v>0</v>
      </c>
      <c r="MT17" s="470">
        <v>0</v>
      </c>
      <c r="MU17" s="109">
        <v>0</v>
      </c>
      <c r="MV17" s="109">
        <v>0</v>
      </c>
      <c r="MW17" s="109">
        <v>1156346</v>
      </c>
      <c r="MX17" s="109">
        <v>4371371</v>
      </c>
      <c r="MY17" s="109">
        <v>598391</v>
      </c>
      <c r="MZ17" s="110">
        <v>6126108</v>
      </c>
      <c r="NA17" s="130">
        <v>6126108</v>
      </c>
      <c r="NB17" s="129">
        <v>0</v>
      </c>
      <c r="NC17" s="109">
        <v>0</v>
      </c>
      <c r="ND17" s="110">
        <v>0</v>
      </c>
      <c r="NE17" s="470">
        <v>0</v>
      </c>
      <c r="NF17" s="109">
        <v>329399</v>
      </c>
      <c r="NG17" s="109">
        <v>377904</v>
      </c>
      <c r="NH17" s="109">
        <v>1306815</v>
      </c>
      <c r="NI17" s="109">
        <v>1222321</v>
      </c>
      <c r="NJ17" s="109">
        <v>1729589</v>
      </c>
      <c r="NK17" s="110">
        <v>4966028</v>
      </c>
      <c r="NL17" s="292">
        <v>4966028</v>
      </c>
      <c r="NM17" s="129">
        <v>0</v>
      </c>
      <c r="NN17" s="109">
        <v>0</v>
      </c>
      <c r="NO17" s="110">
        <v>0</v>
      </c>
      <c r="NP17" s="470">
        <v>0</v>
      </c>
      <c r="NQ17" s="109">
        <v>0</v>
      </c>
      <c r="NR17" s="109">
        <v>0</v>
      </c>
      <c r="NS17" s="109">
        <v>0</v>
      </c>
      <c r="NT17" s="109">
        <v>0</v>
      </c>
      <c r="NU17" s="109">
        <v>0</v>
      </c>
      <c r="NV17" s="110">
        <v>0</v>
      </c>
      <c r="NW17" s="111">
        <v>0</v>
      </c>
      <c r="NX17" s="129">
        <v>0</v>
      </c>
      <c r="NY17" s="109">
        <v>0</v>
      </c>
      <c r="NZ17" s="110">
        <v>0</v>
      </c>
      <c r="OA17" s="470">
        <v>0</v>
      </c>
      <c r="OB17" s="109">
        <v>0</v>
      </c>
      <c r="OC17" s="109">
        <v>0</v>
      </c>
      <c r="OD17" s="109">
        <v>0</v>
      </c>
      <c r="OE17" s="109">
        <v>329936</v>
      </c>
      <c r="OF17" s="109">
        <v>0</v>
      </c>
      <c r="OG17" s="110">
        <v>329936</v>
      </c>
      <c r="OH17" s="111">
        <v>329936</v>
      </c>
      <c r="OI17" s="129">
        <v>714154</v>
      </c>
      <c r="OJ17" s="109">
        <v>724094</v>
      </c>
      <c r="OK17" s="128">
        <v>1438248</v>
      </c>
      <c r="OL17" s="108">
        <v>0</v>
      </c>
      <c r="OM17" s="109">
        <v>8848021</v>
      </c>
      <c r="ON17" s="109">
        <v>8763736</v>
      </c>
      <c r="OO17" s="109">
        <v>8474090</v>
      </c>
      <c r="OP17" s="109">
        <v>16137106</v>
      </c>
      <c r="OQ17" s="109">
        <v>6355286</v>
      </c>
      <c r="OR17" s="110">
        <v>48578239</v>
      </c>
      <c r="OS17" s="130">
        <v>50016487</v>
      </c>
    </row>
    <row r="18" spans="2:409" ht="21" customHeight="1" x14ac:dyDescent="0.2">
      <c r="B18" s="437" t="s">
        <v>12</v>
      </c>
      <c r="C18" s="100">
        <v>1006866</v>
      </c>
      <c r="D18" s="104">
        <v>1825709</v>
      </c>
      <c r="E18" s="103">
        <v>2832575</v>
      </c>
      <c r="F18" s="99">
        <v>0</v>
      </c>
      <c r="G18" s="104">
        <v>6244830</v>
      </c>
      <c r="H18" s="153">
        <v>10211513</v>
      </c>
      <c r="I18" s="153">
        <v>8208224</v>
      </c>
      <c r="J18" s="153">
        <v>12190033</v>
      </c>
      <c r="K18" s="153">
        <v>3678285</v>
      </c>
      <c r="L18" s="102">
        <v>40532885</v>
      </c>
      <c r="M18" s="106">
        <v>43365460</v>
      </c>
      <c r="N18" s="100">
        <v>391427</v>
      </c>
      <c r="O18" s="104">
        <v>635948</v>
      </c>
      <c r="P18" s="103">
        <v>1027375</v>
      </c>
      <c r="Q18" s="100">
        <v>0</v>
      </c>
      <c r="R18" s="104">
        <v>1923020</v>
      </c>
      <c r="S18" s="104">
        <v>3638069</v>
      </c>
      <c r="T18" s="104">
        <v>2416463</v>
      </c>
      <c r="U18" s="104">
        <v>4752556</v>
      </c>
      <c r="V18" s="104">
        <v>2086222</v>
      </c>
      <c r="W18" s="103">
        <v>14816330</v>
      </c>
      <c r="X18" s="106">
        <v>15843705</v>
      </c>
      <c r="Y18" s="100">
        <v>0</v>
      </c>
      <c r="Z18" s="104">
        <v>0</v>
      </c>
      <c r="AA18" s="103">
        <v>0</v>
      </c>
      <c r="AB18" s="100">
        <v>0</v>
      </c>
      <c r="AC18" s="104">
        <v>1172669</v>
      </c>
      <c r="AD18" s="104">
        <v>1898400</v>
      </c>
      <c r="AE18" s="104">
        <v>1633889</v>
      </c>
      <c r="AF18" s="104">
        <v>2909223</v>
      </c>
      <c r="AG18" s="104">
        <v>1150828</v>
      </c>
      <c r="AH18" s="103">
        <v>8765009</v>
      </c>
      <c r="AI18" s="106">
        <v>8765009</v>
      </c>
      <c r="AJ18" s="100">
        <v>0</v>
      </c>
      <c r="AK18" s="104">
        <v>0</v>
      </c>
      <c r="AL18" s="103">
        <v>0</v>
      </c>
      <c r="AM18" s="100">
        <v>0</v>
      </c>
      <c r="AN18" s="104">
        <v>0</v>
      </c>
      <c r="AO18" s="104">
        <v>0</v>
      </c>
      <c r="AP18" s="104">
        <v>46763</v>
      </c>
      <c r="AQ18" s="104">
        <v>363038</v>
      </c>
      <c r="AR18" s="104">
        <v>360466</v>
      </c>
      <c r="AS18" s="103">
        <v>770267</v>
      </c>
      <c r="AT18" s="106">
        <v>770267</v>
      </c>
      <c r="AU18" s="100">
        <v>325003</v>
      </c>
      <c r="AV18" s="104">
        <v>530381</v>
      </c>
      <c r="AW18" s="103">
        <v>855384</v>
      </c>
      <c r="AX18" s="100">
        <v>0</v>
      </c>
      <c r="AY18" s="104">
        <v>554584</v>
      </c>
      <c r="AZ18" s="104">
        <v>1134362</v>
      </c>
      <c r="BA18" s="104">
        <v>402555</v>
      </c>
      <c r="BB18" s="104">
        <v>793483</v>
      </c>
      <c r="BC18" s="104">
        <v>428096</v>
      </c>
      <c r="BD18" s="103">
        <v>3313080</v>
      </c>
      <c r="BE18" s="106">
        <v>4168464</v>
      </c>
      <c r="BF18" s="100">
        <v>0</v>
      </c>
      <c r="BG18" s="104">
        <v>31919</v>
      </c>
      <c r="BH18" s="102">
        <v>31919</v>
      </c>
      <c r="BI18" s="101">
        <v>0</v>
      </c>
      <c r="BJ18" s="104">
        <v>23775</v>
      </c>
      <c r="BK18" s="104">
        <v>95531</v>
      </c>
      <c r="BL18" s="104">
        <v>0</v>
      </c>
      <c r="BM18" s="104">
        <v>152938</v>
      </c>
      <c r="BN18" s="104">
        <v>0</v>
      </c>
      <c r="BO18" s="103">
        <v>272244</v>
      </c>
      <c r="BP18" s="106">
        <v>304163</v>
      </c>
      <c r="BQ18" s="100">
        <v>66424</v>
      </c>
      <c r="BR18" s="104">
        <v>73648</v>
      </c>
      <c r="BS18" s="103">
        <v>140072</v>
      </c>
      <c r="BT18" s="100">
        <v>0</v>
      </c>
      <c r="BU18" s="104">
        <v>171992</v>
      </c>
      <c r="BV18" s="104">
        <v>509776</v>
      </c>
      <c r="BW18" s="104">
        <v>333256</v>
      </c>
      <c r="BX18" s="104">
        <v>533874</v>
      </c>
      <c r="BY18" s="104">
        <v>146832</v>
      </c>
      <c r="BZ18" s="103">
        <v>1695730</v>
      </c>
      <c r="CA18" s="106">
        <v>1835802</v>
      </c>
      <c r="CB18" s="100">
        <v>105285</v>
      </c>
      <c r="CC18" s="104">
        <v>459648</v>
      </c>
      <c r="CD18" s="103">
        <v>564933</v>
      </c>
      <c r="CE18" s="100">
        <v>0</v>
      </c>
      <c r="CF18" s="104">
        <v>2374416</v>
      </c>
      <c r="CG18" s="104">
        <v>2529002</v>
      </c>
      <c r="CH18" s="104">
        <v>2429517</v>
      </c>
      <c r="CI18" s="104">
        <v>2027401</v>
      </c>
      <c r="CJ18" s="104">
        <v>319300</v>
      </c>
      <c r="CK18" s="103">
        <v>9679636</v>
      </c>
      <c r="CL18" s="106">
        <v>10244569</v>
      </c>
      <c r="CM18" s="100">
        <v>0</v>
      </c>
      <c r="CN18" s="104">
        <v>0</v>
      </c>
      <c r="CO18" s="103">
        <v>0</v>
      </c>
      <c r="CP18" s="101">
        <v>0</v>
      </c>
      <c r="CQ18" s="104">
        <v>2047514</v>
      </c>
      <c r="CR18" s="104">
        <v>1748747</v>
      </c>
      <c r="CS18" s="104">
        <v>1837416</v>
      </c>
      <c r="CT18" s="104">
        <v>1573869</v>
      </c>
      <c r="CU18" s="104">
        <v>319300</v>
      </c>
      <c r="CV18" s="103">
        <v>7526846</v>
      </c>
      <c r="CW18" s="106">
        <v>7526846</v>
      </c>
      <c r="CX18" s="100">
        <v>105285</v>
      </c>
      <c r="CY18" s="104">
        <v>459648</v>
      </c>
      <c r="CZ18" s="103">
        <v>564933</v>
      </c>
      <c r="DA18" s="100">
        <v>0</v>
      </c>
      <c r="DB18" s="104">
        <v>326902</v>
      </c>
      <c r="DC18" s="104">
        <v>780255</v>
      </c>
      <c r="DD18" s="104">
        <v>592101</v>
      </c>
      <c r="DE18" s="104">
        <v>453532</v>
      </c>
      <c r="DF18" s="104">
        <v>0</v>
      </c>
      <c r="DG18" s="103">
        <v>2152790</v>
      </c>
      <c r="DH18" s="106">
        <v>2717723</v>
      </c>
      <c r="DI18" s="100">
        <v>0</v>
      </c>
      <c r="DJ18" s="104">
        <v>20762</v>
      </c>
      <c r="DK18" s="102">
        <v>20762</v>
      </c>
      <c r="DL18" s="101">
        <v>0</v>
      </c>
      <c r="DM18" s="104">
        <v>260514</v>
      </c>
      <c r="DN18" s="104">
        <v>472362</v>
      </c>
      <c r="DO18" s="104">
        <v>778178</v>
      </c>
      <c r="DP18" s="104">
        <v>1161344</v>
      </c>
      <c r="DQ18" s="104">
        <v>192203</v>
      </c>
      <c r="DR18" s="103">
        <v>2864601</v>
      </c>
      <c r="DS18" s="106">
        <v>2885363</v>
      </c>
      <c r="DT18" s="100">
        <v>0</v>
      </c>
      <c r="DU18" s="104">
        <v>20762</v>
      </c>
      <c r="DV18" s="103">
        <v>20762</v>
      </c>
      <c r="DW18" s="100">
        <v>0</v>
      </c>
      <c r="DX18" s="104">
        <v>260514</v>
      </c>
      <c r="DY18" s="104">
        <v>472362</v>
      </c>
      <c r="DZ18" s="104">
        <v>778178</v>
      </c>
      <c r="EA18" s="104">
        <v>1053196</v>
      </c>
      <c r="EB18" s="104">
        <v>192203</v>
      </c>
      <c r="EC18" s="103">
        <v>2756453</v>
      </c>
      <c r="ED18" s="106">
        <v>2777215</v>
      </c>
      <c r="EE18" s="100">
        <v>0</v>
      </c>
      <c r="EF18" s="102">
        <v>0</v>
      </c>
      <c r="EG18" s="103">
        <v>0</v>
      </c>
      <c r="EH18" s="100">
        <v>0</v>
      </c>
      <c r="EI18" s="104">
        <v>0</v>
      </c>
      <c r="EJ18" s="104">
        <v>0</v>
      </c>
      <c r="EK18" s="104">
        <v>0</v>
      </c>
      <c r="EL18" s="104">
        <v>108148</v>
      </c>
      <c r="EM18" s="104">
        <v>0</v>
      </c>
      <c r="EN18" s="102">
        <v>108148</v>
      </c>
      <c r="EO18" s="106">
        <v>108148</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06">
        <v>0</v>
      </c>
      <c r="FE18" s="104">
        <v>0</v>
      </c>
      <c r="FF18" s="104">
        <v>0</v>
      </c>
      <c r="FG18" s="104">
        <v>0</v>
      </c>
      <c r="FH18" s="104">
        <v>0</v>
      </c>
      <c r="FI18" s="104">
        <v>0</v>
      </c>
      <c r="FJ18" s="103">
        <v>0</v>
      </c>
      <c r="FK18" s="106">
        <v>0</v>
      </c>
      <c r="FL18" s="100">
        <v>288864</v>
      </c>
      <c r="FM18" s="104">
        <v>426360</v>
      </c>
      <c r="FN18" s="103">
        <v>715224</v>
      </c>
      <c r="FO18" s="100">
        <v>0</v>
      </c>
      <c r="FP18" s="104">
        <v>322584</v>
      </c>
      <c r="FQ18" s="104">
        <v>1127624</v>
      </c>
      <c r="FR18" s="104">
        <v>718440</v>
      </c>
      <c r="FS18" s="104">
        <v>937224</v>
      </c>
      <c r="FT18" s="104">
        <v>261768</v>
      </c>
      <c r="FU18" s="103">
        <v>3367640</v>
      </c>
      <c r="FV18" s="106">
        <v>4082864</v>
      </c>
      <c r="FW18" s="105">
        <v>106064</v>
      </c>
      <c r="FX18" s="104">
        <v>307640</v>
      </c>
      <c r="FY18" s="102">
        <v>413704</v>
      </c>
      <c r="FZ18" s="101">
        <v>0</v>
      </c>
      <c r="GA18" s="104">
        <v>185864</v>
      </c>
      <c r="GB18" s="104">
        <v>1060256</v>
      </c>
      <c r="GC18" s="104">
        <v>646440</v>
      </c>
      <c r="GD18" s="104">
        <v>824584</v>
      </c>
      <c r="GE18" s="104">
        <v>261768</v>
      </c>
      <c r="GF18" s="103">
        <v>2978912</v>
      </c>
      <c r="GG18" s="290">
        <v>3392616</v>
      </c>
      <c r="GH18" s="105">
        <v>29040</v>
      </c>
      <c r="GI18" s="104">
        <v>38720</v>
      </c>
      <c r="GJ18" s="102">
        <v>67760</v>
      </c>
      <c r="GK18" s="101">
        <v>0</v>
      </c>
      <c r="GL18" s="104">
        <v>16720</v>
      </c>
      <c r="GM18" s="104">
        <v>67368</v>
      </c>
      <c r="GN18" s="104">
        <v>0</v>
      </c>
      <c r="GO18" s="104">
        <v>0</v>
      </c>
      <c r="GP18" s="104">
        <v>0</v>
      </c>
      <c r="GQ18" s="103">
        <v>84088</v>
      </c>
      <c r="GR18" s="106">
        <v>151848</v>
      </c>
      <c r="GS18" s="100">
        <v>153760</v>
      </c>
      <c r="GT18" s="104">
        <v>80000</v>
      </c>
      <c r="GU18" s="103">
        <v>233760</v>
      </c>
      <c r="GV18" s="100">
        <v>0</v>
      </c>
      <c r="GW18" s="104">
        <v>120000</v>
      </c>
      <c r="GX18" s="104">
        <v>0</v>
      </c>
      <c r="GY18" s="104">
        <v>72000</v>
      </c>
      <c r="GZ18" s="104">
        <v>112640</v>
      </c>
      <c r="HA18" s="104">
        <v>0</v>
      </c>
      <c r="HB18" s="102">
        <v>304640</v>
      </c>
      <c r="HC18" s="106">
        <v>538400</v>
      </c>
      <c r="HD18" s="100">
        <v>221290</v>
      </c>
      <c r="HE18" s="104">
        <v>282991</v>
      </c>
      <c r="HF18" s="102">
        <v>504281</v>
      </c>
      <c r="HG18" s="101">
        <v>0</v>
      </c>
      <c r="HH18" s="104">
        <v>1364296</v>
      </c>
      <c r="HI18" s="104">
        <v>2444456</v>
      </c>
      <c r="HJ18" s="104">
        <v>1865626</v>
      </c>
      <c r="HK18" s="104">
        <v>3311508</v>
      </c>
      <c r="HL18" s="104">
        <v>818792</v>
      </c>
      <c r="HM18" s="103">
        <v>9804678</v>
      </c>
      <c r="HN18" s="99">
        <v>10308959</v>
      </c>
      <c r="HO18" s="456">
        <v>0</v>
      </c>
      <c r="HP18" s="457">
        <v>0</v>
      </c>
      <c r="HQ18" s="458">
        <v>0</v>
      </c>
      <c r="HR18" s="459">
        <v>0</v>
      </c>
      <c r="HS18" s="457">
        <v>0</v>
      </c>
      <c r="HT18" s="457">
        <v>0</v>
      </c>
      <c r="HU18" s="457">
        <v>0</v>
      </c>
      <c r="HV18" s="457">
        <v>0</v>
      </c>
      <c r="HW18" s="457">
        <v>0</v>
      </c>
      <c r="HX18" s="460">
        <v>0</v>
      </c>
      <c r="HY18" s="461">
        <v>0</v>
      </c>
      <c r="HZ18" s="135">
        <v>0</v>
      </c>
      <c r="IA18" s="122">
        <v>0</v>
      </c>
      <c r="IB18" s="135">
        <v>0</v>
      </c>
      <c r="IC18" s="121">
        <v>0</v>
      </c>
      <c r="ID18" s="122">
        <v>1727217</v>
      </c>
      <c r="IE18" s="123">
        <v>2432268</v>
      </c>
      <c r="IF18" s="124">
        <v>1844268</v>
      </c>
      <c r="IG18" s="122">
        <v>2863945</v>
      </c>
      <c r="IH18" s="124">
        <v>1959970</v>
      </c>
      <c r="II18" s="125">
        <v>10827668</v>
      </c>
      <c r="IJ18" s="135">
        <v>10827668</v>
      </c>
      <c r="IK18" s="215">
        <v>0</v>
      </c>
      <c r="IL18" s="219">
        <v>0</v>
      </c>
      <c r="IM18" s="220">
        <v>0</v>
      </c>
      <c r="IN18" s="470">
        <v>0</v>
      </c>
      <c r="IO18" s="109">
        <v>73478</v>
      </c>
      <c r="IP18" s="109">
        <v>0</v>
      </c>
      <c r="IQ18" s="109">
        <v>0</v>
      </c>
      <c r="IR18" s="109">
        <v>0</v>
      </c>
      <c r="IS18" s="109">
        <v>0</v>
      </c>
      <c r="IT18" s="128">
        <v>73478</v>
      </c>
      <c r="IU18" s="292">
        <v>73478</v>
      </c>
      <c r="IV18" s="129">
        <v>0</v>
      </c>
      <c r="IW18" s="109">
        <v>0</v>
      </c>
      <c r="IX18" s="110">
        <v>0</v>
      </c>
      <c r="IY18" s="470">
        <v>0</v>
      </c>
      <c r="IZ18" s="109">
        <v>0</v>
      </c>
      <c r="JA18" s="109">
        <v>0</v>
      </c>
      <c r="JB18" s="109">
        <v>0</v>
      </c>
      <c r="JC18" s="109">
        <v>0</v>
      </c>
      <c r="JD18" s="109">
        <v>0</v>
      </c>
      <c r="JE18" s="110">
        <v>0</v>
      </c>
      <c r="JF18" s="111">
        <v>0</v>
      </c>
      <c r="JG18" s="129">
        <v>0</v>
      </c>
      <c r="JH18" s="109">
        <v>0</v>
      </c>
      <c r="JI18" s="128">
        <v>0</v>
      </c>
      <c r="JJ18" s="108">
        <v>0</v>
      </c>
      <c r="JK18" s="109">
        <v>816329</v>
      </c>
      <c r="JL18" s="109">
        <v>882502</v>
      </c>
      <c r="JM18" s="109">
        <v>682471</v>
      </c>
      <c r="JN18" s="109">
        <v>221846</v>
      </c>
      <c r="JO18" s="109">
        <v>85071</v>
      </c>
      <c r="JP18" s="110">
        <v>2688219</v>
      </c>
      <c r="JQ18" s="292">
        <v>2688219</v>
      </c>
      <c r="JR18" s="129">
        <v>0</v>
      </c>
      <c r="JS18" s="109">
        <v>0</v>
      </c>
      <c r="JT18" s="128">
        <v>0</v>
      </c>
      <c r="JU18" s="108">
        <v>0</v>
      </c>
      <c r="JV18" s="109">
        <v>0</v>
      </c>
      <c r="JW18" s="109">
        <v>0</v>
      </c>
      <c r="JX18" s="109">
        <v>0</v>
      </c>
      <c r="JY18" s="109">
        <v>0</v>
      </c>
      <c r="JZ18" s="109">
        <v>0</v>
      </c>
      <c r="KA18" s="110">
        <v>0</v>
      </c>
      <c r="KB18" s="292">
        <v>0</v>
      </c>
      <c r="KC18" s="217">
        <v>0</v>
      </c>
      <c r="KD18" s="213">
        <v>0</v>
      </c>
      <c r="KE18" s="110">
        <v>0</v>
      </c>
      <c r="KF18" s="108">
        <v>0</v>
      </c>
      <c r="KG18" s="109">
        <v>351913</v>
      </c>
      <c r="KH18" s="109">
        <v>538038</v>
      </c>
      <c r="KI18" s="109">
        <v>478344</v>
      </c>
      <c r="KJ18" s="109">
        <v>817961</v>
      </c>
      <c r="KK18" s="109">
        <v>741797</v>
      </c>
      <c r="KL18" s="110">
        <v>2928053</v>
      </c>
      <c r="KM18" s="130">
        <v>2928053</v>
      </c>
      <c r="KN18" s="215">
        <v>0</v>
      </c>
      <c r="KO18" s="219">
        <v>0</v>
      </c>
      <c r="KP18" s="220">
        <v>0</v>
      </c>
      <c r="KQ18" s="470">
        <v>0</v>
      </c>
      <c r="KR18" s="109">
        <v>485497</v>
      </c>
      <c r="KS18" s="109">
        <v>252371</v>
      </c>
      <c r="KT18" s="109">
        <v>255163</v>
      </c>
      <c r="KU18" s="109">
        <v>782996</v>
      </c>
      <c r="KV18" s="109">
        <v>532004</v>
      </c>
      <c r="KW18" s="110">
        <v>2308031</v>
      </c>
      <c r="KX18" s="292">
        <v>2308031</v>
      </c>
      <c r="KY18" s="129">
        <v>0</v>
      </c>
      <c r="KZ18" s="109">
        <v>0</v>
      </c>
      <c r="LA18" s="110">
        <v>0</v>
      </c>
      <c r="LB18" s="470">
        <v>0</v>
      </c>
      <c r="LC18" s="109">
        <v>0</v>
      </c>
      <c r="LD18" s="109">
        <v>564849</v>
      </c>
      <c r="LE18" s="109">
        <v>168303</v>
      </c>
      <c r="LF18" s="109">
        <v>454582</v>
      </c>
      <c r="LG18" s="109">
        <v>0</v>
      </c>
      <c r="LH18" s="110">
        <v>1187734</v>
      </c>
      <c r="LI18" s="111">
        <v>1187734</v>
      </c>
      <c r="LJ18" s="129">
        <v>0</v>
      </c>
      <c r="LK18" s="109">
        <v>0</v>
      </c>
      <c r="LL18" s="110">
        <v>0</v>
      </c>
      <c r="LM18" s="470">
        <v>0</v>
      </c>
      <c r="LN18" s="109">
        <v>0</v>
      </c>
      <c r="LO18" s="109">
        <v>0</v>
      </c>
      <c r="LP18" s="109">
        <v>259987</v>
      </c>
      <c r="LQ18" s="109">
        <v>0</v>
      </c>
      <c r="LR18" s="109">
        <v>601098</v>
      </c>
      <c r="LS18" s="110">
        <v>861085</v>
      </c>
      <c r="LT18" s="292">
        <v>861085</v>
      </c>
      <c r="LU18" s="129">
        <v>0</v>
      </c>
      <c r="LV18" s="109">
        <v>0</v>
      </c>
      <c r="LW18" s="110">
        <v>0</v>
      </c>
      <c r="LX18" s="470">
        <v>0</v>
      </c>
      <c r="LY18" s="109">
        <v>0</v>
      </c>
      <c r="LZ18" s="109">
        <v>194508</v>
      </c>
      <c r="MA18" s="109">
        <v>0</v>
      </c>
      <c r="MB18" s="109">
        <v>586560</v>
      </c>
      <c r="MC18" s="109">
        <v>0</v>
      </c>
      <c r="MD18" s="110">
        <v>781068</v>
      </c>
      <c r="ME18" s="111">
        <v>781068</v>
      </c>
      <c r="MF18" s="129">
        <v>0</v>
      </c>
      <c r="MG18" s="109">
        <v>0</v>
      </c>
      <c r="MH18" s="110">
        <v>0</v>
      </c>
      <c r="MI18" s="470">
        <v>0</v>
      </c>
      <c r="MJ18" s="109">
        <v>0</v>
      </c>
      <c r="MK18" s="109">
        <v>380220</v>
      </c>
      <c r="ML18" s="109">
        <v>4937799</v>
      </c>
      <c r="MM18" s="109">
        <v>5389791</v>
      </c>
      <c r="MN18" s="109">
        <v>3541360</v>
      </c>
      <c r="MO18" s="110">
        <v>14249170</v>
      </c>
      <c r="MP18" s="130">
        <v>14249170</v>
      </c>
      <c r="MQ18" s="129">
        <v>0</v>
      </c>
      <c r="MR18" s="109">
        <v>0</v>
      </c>
      <c r="MS18" s="110">
        <v>0</v>
      </c>
      <c r="MT18" s="470">
        <v>0</v>
      </c>
      <c r="MU18" s="109">
        <v>0</v>
      </c>
      <c r="MV18" s="109">
        <v>0</v>
      </c>
      <c r="MW18" s="109">
        <v>2223400</v>
      </c>
      <c r="MX18" s="109">
        <v>2272615</v>
      </c>
      <c r="MY18" s="109">
        <v>1539138</v>
      </c>
      <c r="MZ18" s="110">
        <v>6035153</v>
      </c>
      <c r="NA18" s="130">
        <v>6035153</v>
      </c>
      <c r="NB18" s="129">
        <v>0</v>
      </c>
      <c r="NC18" s="109">
        <v>0</v>
      </c>
      <c r="ND18" s="110">
        <v>0</v>
      </c>
      <c r="NE18" s="470">
        <v>0</v>
      </c>
      <c r="NF18" s="109">
        <v>0</v>
      </c>
      <c r="NG18" s="109">
        <v>380220</v>
      </c>
      <c r="NH18" s="109">
        <v>2714399</v>
      </c>
      <c r="NI18" s="109">
        <v>3117176</v>
      </c>
      <c r="NJ18" s="109">
        <v>1651077</v>
      </c>
      <c r="NK18" s="110">
        <v>7862872</v>
      </c>
      <c r="NL18" s="292">
        <v>7862872</v>
      </c>
      <c r="NM18" s="129">
        <v>0</v>
      </c>
      <c r="NN18" s="109">
        <v>0</v>
      </c>
      <c r="NO18" s="110">
        <v>0</v>
      </c>
      <c r="NP18" s="470">
        <v>0</v>
      </c>
      <c r="NQ18" s="109">
        <v>0</v>
      </c>
      <c r="NR18" s="109">
        <v>0</v>
      </c>
      <c r="NS18" s="109">
        <v>0</v>
      </c>
      <c r="NT18" s="109">
        <v>0</v>
      </c>
      <c r="NU18" s="109">
        <v>0</v>
      </c>
      <c r="NV18" s="110">
        <v>0</v>
      </c>
      <c r="NW18" s="111">
        <v>0</v>
      </c>
      <c r="NX18" s="129">
        <v>0</v>
      </c>
      <c r="NY18" s="109">
        <v>0</v>
      </c>
      <c r="NZ18" s="110">
        <v>0</v>
      </c>
      <c r="OA18" s="470">
        <v>0</v>
      </c>
      <c r="OB18" s="109">
        <v>0</v>
      </c>
      <c r="OC18" s="109">
        <v>0</v>
      </c>
      <c r="OD18" s="109">
        <v>0</v>
      </c>
      <c r="OE18" s="109">
        <v>0</v>
      </c>
      <c r="OF18" s="109">
        <v>351145</v>
      </c>
      <c r="OG18" s="110">
        <v>351145</v>
      </c>
      <c r="OH18" s="111">
        <v>351145</v>
      </c>
      <c r="OI18" s="129">
        <v>1006866</v>
      </c>
      <c r="OJ18" s="109">
        <v>1825709</v>
      </c>
      <c r="OK18" s="128">
        <v>2832575</v>
      </c>
      <c r="OL18" s="108">
        <v>0</v>
      </c>
      <c r="OM18" s="109">
        <v>7972047</v>
      </c>
      <c r="ON18" s="109">
        <v>13024001</v>
      </c>
      <c r="OO18" s="109">
        <v>14990291</v>
      </c>
      <c r="OP18" s="109">
        <v>20443769</v>
      </c>
      <c r="OQ18" s="109">
        <v>9179615</v>
      </c>
      <c r="OR18" s="110">
        <v>65609723</v>
      </c>
      <c r="OS18" s="130">
        <v>68442298</v>
      </c>
    </row>
    <row r="19" spans="2:409" ht="21" customHeight="1" x14ac:dyDescent="0.2">
      <c r="B19" s="437" t="s">
        <v>13</v>
      </c>
      <c r="C19" s="100">
        <v>240531</v>
      </c>
      <c r="D19" s="104">
        <v>92419</v>
      </c>
      <c r="E19" s="103">
        <v>332950</v>
      </c>
      <c r="F19" s="100">
        <v>0</v>
      </c>
      <c r="G19" s="153">
        <v>2546329</v>
      </c>
      <c r="H19" s="104">
        <v>4268094</v>
      </c>
      <c r="I19" s="104">
        <v>4562552</v>
      </c>
      <c r="J19" s="104">
        <v>4955898</v>
      </c>
      <c r="K19" s="104">
        <v>3800844</v>
      </c>
      <c r="L19" s="102">
        <v>20133717</v>
      </c>
      <c r="M19" s="106">
        <v>20466667</v>
      </c>
      <c r="N19" s="100">
        <v>29702</v>
      </c>
      <c r="O19" s="104">
        <v>25664</v>
      </c>
      <c r="P19" s="103">
        <v>55366</v>
      </c>
      <c r="Q19" s="100">
        <v>0</v>
      </c>
      <c r="R19" s="104">
        <v>677439</v>
      </c>
      <c r="S19" s="104">
        <v>1803293</v>
      </c>
      <c r="T19" s="104">
        <v>1394356</v>
      </c>
      <c r="U19" s="104">
        <v>1859765</v>
      </c>
      <c r="V19" s="104">
        <v>2615925</v>
      </c>
      <c r="W19" s="103">
        <v>8350778</v>
      </c>
      <c r="X19" s="106">
        <v>8406144</v>
      </c>
      <c r="Y19" s="100">
        <v>0</v>
      </c>
      <c r="Z19" s="104">
        <v>0</v>
      </c>
      <c r="AA19" s="103">
        <v>0</v>
      </c>
      <c r="AB19" s="100">
        <v>0</v>
      </c>
      <c r="AC19" s="104">
        <v>273429</v>
      </c>
      <c r="AD19" s="104">
        <v>576955</v>
      </c>
      <c r="AE19" s="104">
        <v>720165</v>
      </c>
      <c r="AF19" s="104">
        <v>1225555</v>
      </c>
      <c r="AG19" s="104">
        <v>1608559</v>
      </c>
      <c r="AH19" s="103">
        <v>4404663</v>
      </c>
      <c r="AI19" s="106">
        <v>4404663</v>
      </c>
      <c r="AJ19" s="100">
        <v>0</v>
      </c>
      <c r="AK19" s="104">
        <v>0</v>
      </c>
      <c r="AL19" s="103">
        <v>0</v>
      </c>
      <c r="AM19" s="100">
        <v>0</v>
      </c>
      <c r="AN19" s="104">
        <v>0</v>
      </c>
      <c r="AO19" s="104">
        <v>0</v>
      </c>
      <c r="AP19" s="104">
        <v>0</v>
      </c>
      <c r="AQ19" s="104">
        <v>95355</v>
      </c>
      <c r="AR19" s="104">
        <v>241065</v>
      </c>
      <c r="AS19" s="103">
        <v>336420</v>
      </c>
      <c r="AT19" s="106">
        <v>336420</v>
      </c>
      <c r="AU19" s="100">
        <v>0</v>
      </c>
      <c r="AV19" s="104">
        <v>25664</v>
      </c>
      <c r="AW19" s="103">
        <v>25664</v>
      </c>
      <c r="AX19" s="100">
        <v>0</v>
      </c>
      <c r="AY19" s="104">
        <v>185912</v>
      </c>
      <c r="AZ19" s="104">
        <v>866560</v>
      </c>
      <c r="BA19" s="104">
        <v>428269</v>
      </c>
      <c r="BB19" s="104">
        <v>242890</v>
      </c>
      <c r="BC19" s="104">
        <v>531063</v>
      </c>
      <c r="BD19" s="103">
        <v>2254694</v>
      </c>
      <c r="BE19" s="106">
        <v>2280358</v>
      </c>
      <c r="BF19" s="100">
        <v>21446</v>
      </c>
      <c r="BG19" s="104">
        <v>0</v>
      </c>
      <c r="BH19" s="102">
        <v>21446</v>
      </c>
      <c r="BI19" s="101">
        <v>0</v>
      </c>
      <c r="BJ19" s="104">
        <v>39858</v>
      </c>
      <c r="BK19" s="104">
        <v>23562</v>
      </c>
      <c r="BL19" s="104">
        <v>16450</v>
      </c>
      <c r="BM19" s="104">
        <v>57205</v>
      </c>
      <c r="BN19" s="104">
        <v>10966</v>
      </c>
      <c r="BO19" s="103">
        <v>148041</v>
      </c>
      <c r="BP19" s="106">
        <v>169487</v>
      </c>
      <c r="BQ19" s="100">
        <v>8256</v>
      </c>
      <c r="BR19" s="104">
        <v>0</v>
      </c>
      <c r="BS19" s="103">
        <v>8256</v>
      </c>
      <c r="BT19" s="100">
        <v>0</v>
      </c>
      <c r="BU19" s="104">
        <v>178240</v>
      </c>
      <c r="BV19" s="104">
        <v>336216</v>
      </c>
      <c r="BW19" s="104">
        <v>229472</v>
      </c>
      <c r="BX19" s="104">
        <v>238760</v>
      </c>
      <c r="BY19" s="104">
        <v>224272</v>
      </c>
      <c r="BZ19" s="103">
        <v>1206960</v>
      </c>
      <c r="CA19" s="106">
        <v>1215216</v>
      </c>
      <c r="CB19" s="100">
        <v>0</v>
      </c>
      <c r="CC19" s="104">
        <v>40115</v>
      </c>
      <c r="CD19" s="103">
        <v>40115</v>
      </c>
      <c r="CE19" s="100">
        <v>0</v>
      </c>
      <c r="CF19" s="104">
        <v>579432</v>
      </c>
      <c r="CG19" s="104">
        <v>767927</v>
      </c>
      <c r="CH19" s="104">
        <v>946719</v>
      </c>
      <c r="CI19" s="104">
        <v>755997</v>
      </c>
      <c r="CJ19" s="104">
        <v>358053</v>
      </c>
      <c r="CK19" s="103">
        <v>3408128</v>
      </c>
      <c r="CL19" s="106">
        <v>3448243</v>
      </c>
      <c r="CM19" s="100">
        <v>0</v>
      </c>
      <c r="CN19" s="104">
        <v>0</v>
      </c>
      <c r="CO19" s="103">
        <v>0</v>
      </c>
      <c r="CP19" s="101">
        <v>0</v>
      </c>
      <c r="CQ19" s="104">
        <v>429817</v>
      </c>
      <c r="CR19" s="104">
        <v>678828</v>
      </c>
      <c r="CS19" s="104">
        <v>810597</v>
      </c>
      <c r="CT19" s="104">
        <v>695811</v>
      </c>
      <c r="CU19" s="104">
        <v>36568</v>
      </c>
      <c r="CV19" s="103">
        <v>2651621</v>
      </c>
      <c r="CW19" s="106">
        <v>2651621</v>
      </c>
      <c r="CX19" s="100">
        <v>0</v>
      </c>
      <c r="CY19" s="104">
        <v>40115</v>
      </c>
      <c r="CZ19" s="103">
        <v>40115</v>
      </c>
      <c r="DA19" s="100">
        <v>0</v>
      </c>
      <c r="DB19" s="104">
        <v>149615</v>
      </c>
      <c r="DC19" s="104">
        <v>89099</v>
      </c>
      <c r="DD19" s="104">
        <v>136122</v>
      </c>
      <c r="DE19" s="104">
        <v>60186</v>
      </c>
      <c r="DF19" s="104">
        <v>321485</v>
      </c>
      <c r="DG19" s="103">
        <v>756507</v>
      </c>
      <c r="DH19" s="106">
        <v>796622</v>
      </c>
      <c r="DI19" s="100">
        <v>0</v>
      </c>
      <c r="DJ19" s="104">
        <v>0</v>
      </c>
      <c r="DK19" s="102">
        <v>0</v>
      </c>
      <c r="DL19" s="101">
        <v>0</v>
      </c>
      <c r="DM19" s="104">
        <v>40716</v>
      </c>
      <c r="DN19" s="104">
        <v>136965</v>
      </c>
      <c r="DO19" s="104">
        <v>84100</v>
      </c>
      <c r="DP19" s="104">
        <v>498275</v>
      </c>
      <c r="DQ19" s="104">
        <v>93844</v>
      </c>
      <c r="DR19" s="103">
        <v>853900</v>
      </c>
      <c r="DS19" s="106">
        <v>853900</v>
      </c>
      <c r="DT19" s="100">
        <v>0</v>
      </c>
      <c r="DU19" s="104">
        <v>0</v>
      </c>
      <c r="DV19" s="103">
        <v>0</v>
      </c>
      <c r="DW19" s="100">
        <v>0</v>
      </c>
      <c r="DX19" s="104">
        <v>40716</v>
      </c>
      <c r="DY19" s="104">
        <v>136965</v>
      </c>
      <c r="DZ19" s="104">
        <v>84100</v>
      </c>
      <c r="EA19" s="104">
        <v>498275</v>
      </c>
      <c r="EB19" s="104">
        <v>93844</v>
      </c>
      <c r="EC19" s="103">
        <v>853900</v>
      </c>
      <c r="ED19" s="106">
        <v>853900</v>
      </c>
      <c r="EE19" s="100">
        <v>0</v>
      </c>
      <c r="EF19" s="102">
        <v>0</v>
      </c>
      <c r="EG19" s="103">
        <v>0</v>
      </c>
      <c r="EH19" s="100">
        <v>0</v>
      </c>
      <c r="EI19" s="104">
        <v>0</v>
      </c>
      <c r="EJ19" s="104">
        <v>0</v>
      </c>
      <c r="EK19" s="104">
        <v>0</v>
      </c>
      <c r="EL19" s="104">
        <v>0</v>
      </c>
      <c r="EM19" s="104">
        <v>0</v>
      </c>
      <c r="EN19" s="102">
        <v>0</v>
      </c>
      <c r="EO19" s="106">
        <v>0</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06">
        <v>0</v>
      </c>
      <c r="FE19" s="104">
        <v>0</v>
      </c>
      <c r="FF19" s="104">
        <v>0</v>
      </c>
      <c r="FG19" s="104">
        <v>0</v>
      </c>
      <c r="FH19" s="104">
        <v>0</v>
      </c>
      <c r="FI19" s="104">
        <v>0</v>
      </c>
      <c r="FJ19" s="103">
        <v>0</v>
      </c>
      <c r="FK19" s="106">
        <v>0</v>
      </c>
      <c r="FL19" s="100">
        <v>160000</v>
      </c>
      <c r="FM19" s="104">
        <v>26640</v>
      </c>
      <c r="FN19" s="103">
        <v>186640</v>
      </c>
      <c r="FO19" s="100">
        <v>0</v>
      </c>
      <c r="FP19" s="104">
        <v>99256</v>
      </c>
      <c r="FQ19" s="104">
        <v>287168</v>
      </c>
      <c r="FR19" s="104">
        <v>130092</v>
      </c>
      <c r="FS19" s="104">
        <v>287248</v>
      </c>
      <c r="FT19" s="104">
        <v>255224</v>
      </c>
      <c r="FU19" s="103">
        <v>1058988</v>
      </c>
      <c r="FV19" s="106">
        <v>1245628</v>
      </c>
      <c r="FW19" s="105">
        <v>0</v>
      </c>
      <c r="FX19" s="104">
        <v>26640</v>
      </c>
      <c r="FY19" s="102">
        <v>26640</v>
      </c>
      <c r="FZ19" s="101">
        <v>0</v>
      </c>
      <c r="GA19" s="104">
        <v>84736</v>
      </c>
      <c r="GB19" s="104">
        <v>287168</v>
      </c>
      <c r="GC19" s="104">
        <v>120632</v>
      </c>
      <c r="GD19" s="104">
        <v>274048</v>
      </c>
      <c r="GE19" s="104">
        <v>227504</v>
      </c>
      <c r="GF19" s="103">
        <v>994088</v>
      </c>
      <c r="GG19" s="290">
        <v>1020728</v>
      </c>
      <c r="GH19" s="105">
        <v>0</v>
      </c>
      <c r="GI19" s="104">
        <v>0</v>
      </c>
      <c r="GJ19" s="102">
        <v>0</v>
      </c>
      <c r="GK19" s="101">
        <v>0</v>
      </c>
      <c r="GL19" s="104">
        <v>14520</v>
      </c>
      <c r="GM19" s="104">
        <v>0</v>
      </c>
      <c r="GN19" s="104">
        <v>9460</v>
      </c>
      <c r="GO19" s="104">
        <v>13200</v>
      </c>
      <c r="GP19" s="104">
        <v>27720</v>
      </c>
      <c r="GQ19" s="103">
        <v>64900</v>
      </c>
      <c r="GR19" s="106">
        <v>64900</v>
      </c>
      <c r="GS19" s="100">
        <v>160000</v>
      </c>
      <c r="GT19" s="104">
        <v>0</v>
      </c>
      <c r="GU19" s="103">
        <v>160000</v>
      </c>
      <c r="GV19" s="100">
        <v>0</v>
      </c>
      <c r="GW19" s="104">
        <v>0</v>
      </c>
      <c r="GX19" s="104">
        <v>0</v>
      </c>
      <c r="GY19" s="104">
        <v>0</v>
      </c>
      <c r="GZ19" s="104">
        <v>0</v>
      </c>
      <c r="HA19" s="104">
        <v>0</v>
      </c>
      <c r="HB19" s="102">
        <v>0</v>
      </c>
      <c r="HC19" s="106">
        <v>160000</v>
      </c>
      <c r="HD19" s="100">
        <v>50829</v>
      </c>
      <c r="HE19" s="104">
        <v>0</v>
      </c>
      <c r="HF19" s="102">
        <v>50829</v>
      </c>
      <c r="HG19" s="101">
        <v>0</v>
      </c>
      <c r="HH19" s="104">
        <v>1149486</v>
      </c>
      <c r="HI19" s="104">
        <v>1272741</v>
      </c>
      <c r="HJ19" s="104">
        <v>2007285</v>
      </c>
      <c r="HK19" s="104">
        <v>1554613</v>
      </c>
      <c r="HL19" s="104">
        <v>477798</v>
      </c>
      <c r="HM19" s="103">
        <v>6461923</v>
      </c>
      <c r="HN19" s="99">
        <v>6512752</v>
      </c>
      <c r="HO19" s="456">
        <v>0</v>
      </c>
      <c r="HP19" s="457">
        <v>0</v>
      </c>
      <c r="HQ19" s="458">
        <v>0</v>
      </c>
      <c r="HR19" s="459">
        <v>0</v>
      </c>
      <c r="HS19" s="457">
        <v>0</v>
      </c>
      <c r="HT19" s="457">
        <v>0</v>
      </c>
      <c r="HU19" s="457">
        <v>0</v>
      </c>
      <c r="HV19" s="457">
        <v>0</v>
      </c>
      <c r="HW19" s="457">
        <v>0</v>
      </c>
      <c r="HX19" s="460">
        <v>0</v>
      </c>
      <c r="HY19" s="461">
        <v>0</v>
      </c>
      <c r="HZ19" s="118">
        <v>0</v>
      </c>
      <c r="IA19" s="119">
        <v>77980</v>
      </c>
      <c r="IB19" s="120">
        <v>77980</v>
      </c>
      <c r="IC19" s="131">
        <v>0</v>
      </c>
      <c r="ID19" s="119">
        <v>1015663</v>
      </c>
      <c r="IE19" s="132">
        <v>1013676</v>
      </c>
      <c r="IF19" s="120">
        <v>860607</v>
      </c>
      <c r="IG19" s="119">
        <v>352683</v>
      </c>
      <c r="IH19" s="120">
        <v>55908</v>
      </c>
      <c r="II19" s="133">
        <v>3298537</v>
      </c>
      <c r="IJ19" s="126">
        <v>3376517</v>
      </c>
      <c r="IK19" s="215">
        <v>0</v>
      </c>
      <c r="IL19" s="219">
        <v>0</v>
      </c>
      <c r="IM19" s="220">
        <v>0</v>
      </c>
      <c r="IN19" s="470">
        <v>0</v>
      </c>
      <c r="IO19" s="109">
        <v>0</v>
      </c>
      <c r="IP19" s="109">
        <v>0</v>
      </c>
      <c r="IQ19" s="109">
        <v>0</v>
      </c>
      <c r="IR19" s="109">
        <v>0</v>
      </c>
      <c r="IS19" s="109">
        <v>0</v>
      </c>
      <c r="IT19" s="128">
        <v>0</v>
      </c>
      <c r="IU19" s="292">
        <v>0</v>
      </c>
      <c r="IV19" s="129">
        <v>0</v>
      </c>
      <c r="IW19" s="109">
        <v>0</v>
      </c>
      <c r="IX19" s="110">
        <v>0</v>
      </c>
      <c r="IY19" s="470">
        <v>0</v>
      </c>
      <c r="IZ19" s="109">
        <v>0</v>
      </c>
      <c r="JA19" s="109">
        <v>0</v>
      </c>
      <c r="JB19" s="109">
        <v>0</v>
      </c>
      <c r="JC19" s="109">
        <v>0</v>
      </c>
      <c r="JD19" s="109">
        <v>0</v>
      </c>
      <c r="JE19" s="110">
        <v>0</v>
      </c>
      <c r="JF19" s="111">
        <v>0</v>
      </c>
      <c r="JG19" s="129">
        <v>0</v>
      </c>
      <c r="JH19" s="109">
        <v>0</v>
      </c>
      <c r="JI19" s="128">
        <v>0</v>
      </c>
      <c r="JJ19" s="108">
        <v>0</v>
      </c>
      <c r="JK19" s="109">
        <v>583952</v>
      </c>
      <c r="JL19" s="109">
        <v>420980</v>
      </c>
      <c r="JM19" s="109">
        <v>221924</v>
      </c>
      <c r="JN19" s="109">
        <v>325547</v>
      </c>
      <c r="JO19" s="109">
        <v>0</v>
      </c>
      <c r="JP19" s="110">
        <v>1552403</v>
      </c>
      <c r="JQ19" s="292">
        <v>1552403</v>
      </c>
      <c r="JR19" s="129">
        <v>0</v>
      </c>
      <c r="JS19" s="109">
        <v>0</v>
      </c>
      <c r="JT19" s="128">
        <v>0</v>
      </c>
      <c r="JU19" s="108">
        <v>0</v>
      </c>
      <c r="JV19" s="109">
        <v>0</v>
      </c>
      <c r="JW19" s="109">
        <v>179043</v>
      </c>
      <c r="JX19" s="109">
        <v>287152</v>
      </c>
      <c r="JY19" s="109">
        <v>27136</v>
      </c>
      <c r="JZ19" s="109">
        <v>55908</v>
      </c>
      <c r="KA19" s="110">
        <v>549239</v>
      </c>
      <c r="KB19" s="292">
        <v>549239</v>
      </c>
      <c r="KC19" s="217">
        <v>0</v>
      </c>
      <c r="KD19" s="213">
        <v>77980</v>
      </c>
      <c r="KE19" s="110">
        <v>77980</v>
      </c>
      <c r="KF19" s="108">
        <v>0</v>
      </c>
      <c r="KG19" s="109">
        <v>120040</v>
      </c>
      <c r="KH19" s="109">
        <v>173561</v>
      </c>
      <c r="KI19" s="109">
        <v>351531</v>
      </c>
      <c r="KJ19" s="109">
        <v>0</v>
      </c>
      <c r="KK19" s="109">
        <v>0</v>
      </c>
      <c r="KL19" s="110">
        <v>645132</v>
      </c>
      <c r="KM19" s="130">
        <v>723112</v>
      </c>
      <c r="KN19" s="215">
        <v>0</v>
      </c>
      <c r="KO19" s="219">
        <v>0</v>
      </c>
      <c r="KP19" s="220">
        <v>0</v>
      </c>
      <c r="KQ19" s="470">
        <v>0</v>
      </c>
      <c r="KR19" s="109">
        <v>311671</v>
      </c>
      <c r="KS19" s="109">
        <v>240092</v>
      </c>
      <c r="KT19" s="109">
        <v>0</v>
      </c>
      <c r="KU19" s="109">
        <v>0</v>
      </c>
      <c r="KV19" s="109">
        <v>0</v>
      </c>
      <c r="KW19" s="110">
        <v>551763</v>
      </c>
      <c r="KX19" s="292">
        <v>551763</v>
      </c>
      <c r="KY19" s="129">
        <v>0</v>
      </c>
      <c r="KZ19" s="109">
        <v>0</v>
      </c>
      <c r="LA19" s="110">
        <v>0</v>
      </c>
      <c r="LB19" s="470">
        <v>0</v>
      </c>
      <c r="LC19" s="109">
        <v>0</v>
      </c>
      <c r="LD19" s="109">
        <v>0</v>
      </c>
      <c r="LE19" s="109">
        <v>0</v>
      </c>
      <c r="LF19" s="109">
        <v>0</v>
      </c>
      <c r="LG19" s="109">
        <v>0</v>
      </c>
      <c r="LH19" s="110">
        <v>0</v>
      </c>
      <c r="LI19" s="111">
        <v>0</v>
      </c>
      <c r="LJ19" s="129">
        <v>0</v>
      </c>
      <c r="LK19" s="109">
        <v>0</v>
      </c>
      <c r="LL19" s="110">
        <v>0</v>
      </c>
      <c r="LM19" s="470">
        <v>0</v>
      </c>
      <c r="LN19" s="109">
        <v>0</v>
      </c>
      <c r="LO19" s="109">
        <v>0</v>
      </c>
      <c r="LP19" s="109">
        <v>0</v>
      </c>
      <c r="LQ19" s="109">
        <v>0</v>
      </c>
      <c r="LR19" s="109">
        <v>0</v>
      </c>
      <c r="LS19" s="110">
        <v>0</v>
      </c>
      <c r="LT19" s="292">
        <v>0</v>
      </c>
      <c r="LU19" s="129">
        <v>0</v>
      </c>
      <c r="LV19" s="109">
        <v>0</v>
      </c>
      <c r="LW19" s="110">
        <v>0</v>
      </c>
      <c r="LX19" s="470">
        <v>0</v>
      </c>
      <c r="LY19" s="109">
        <v>0</v>
      </c>
      <c r="LZ19" s="109">
        <v>0</v>
      </c>
      <c r="MA19" s="109">
        <v>0</v>
      </c>
      <c r="MB19" s="109">
        <v>0</v>
      </c>
      <c r="MC19" s="109">
        <v>0</v>
      </c>
      <c r="MD19" s="110">
        <v>0</v>
      </c>
      <c r="ME19" s="111">
        <v>0</v>
      </c>
      <c r="MF19" s="129">
        <v>0</v>
      </c>
      <c r="MG19" s="109">
        <v>0</v>
      </c>
      <c r="MH19" s="110">
        <v>0</v>
      </c>
      <c r="MI19" s="470">
        <v>0</v>
      </c>
      <c r="MJ19" s="109">
        <v>0</v>
      </c>
      <c r="MK19" s="109">
        <v>285971</v>
      </c>
      <c r="ML19" s="109">
        <v>2805201</v>
      </c>
      <c r="MM19" s="109">
        <v>3045214</v>
      </c>
      <c r="MN19" s="109">
        <v>905695</v>
      </c>
      <c r="MO19" s="110">
        <v>7042081</v>
      </c>
      <c r="MP19" s="130">
        <v>7042081</v>
      </c>
      <c r="MQ19" s="129">
        <v>0</v>
      </c>
      <c r="MR19" s="109">
        <v>0</v>
      </c>
      <c r="MS19" s="110">
        <v>0</v>
      </c>
      <c r="MT19" s="470">
        <v>0</v>
      </c>
      <c r="MU19" s="109">
        <v>0</v>
      </c>
      <c r="MV19" s="109">
        <v>0</v>
      </c>
      <c r="MW19" s="109">
        <v>1080426</v>
      </c>
      <c r="MX19" s="109">
        <v>2727774</v>
      </c>
      <c r="MY19" s="109">
        <v>905695</v>
      </c>
      <c r="MZ19" s="110">
        <v>4713895</v>
      </c>
      <c r="NA19" s="130">
        <v>4713895</v>
      </c>
      <c r="NB19" s="129">
        <v>0</v>
      </c>
      <c r="NC19" s="109">
        <v>0</v>
      </c>
      <c r="ND19" s="110">
        <v>0</v>
      </c>
      <c r="NE19" s="470">
        <v>0</v>
      </c>
      <c r="NF19" s="109">
        <v>0</v>
      </c>
      <c r="NG19" s="109">
        <v>285971</v>
      </c>
      <c r="NH19" s="109">
        <v>1724775</v>
      </c>
      <c r="NI19" s="109">
        <v>317440</v>
      </c>
      <c r="NJ19" s="109">
        <v>0</v>
      </c>
      <c r="NK19" s="110">
        <v>2328186</v>
      </c>
      <c r="NL19" s="292">
        <v>2328186</v>
      </c>
      <c r="NM19" s="129">
        <v>0</v>
      </c>
      <c r="NN19" s="109">
        <v>0</v>
      </c>
      <c r="NO19" s="110">
        <v>0</v>
      </c>
      <c r="NP19" s="470">
        <v>0</v>
      </c>
      <c r="NQ19" s="109">
        <v>0</v>
      </c>
      <c r="NR19" s="109">
        <v>0</v>
      </c>
      <c r="NS19" s="109">
        <v>0</v>
      </c>
      <c r="NT19" s="109">
        <v>0</v>
      </c>
      <c r="NU19" s="109">
        <v>0</v>
      </c>
      <c r="NV19" s="110">
        <v>0</v>
      </c>
      <c r="NW19" s="111">
        <v>0</v>
      </c>
      <c r="NX19" s="129">
        <v>0</v>
      </c>
      <c r="NY19" s="109">
        <v>0</v>
      </c>
      <c r="NZ19" s="110">
        <v>0</v>
      </c>
      <c r="OA19" s="470">
        <v>0</v>
      </c>
      <c r="OB19" s="109">
        <v>0</v>
      </c>
      <c r="OC19" s="109">
        <v>0</v>
      </c>
      <c r="OD19" s="109">
        <v>0</v>
      </c>
      <c r="OE19" s="109">
        <v>0</v>
      </c>
      <c r="OF19" s="109">
        <v>0</v>
      </c>
      <c r="OG19" s="110">
        <v>0</v>
      </c>
      <c r="OH19" s="111">
        <v>0</v>
      </c>
      <c r="OI19" s="129">
        <v>240531</v>
      </c>
      <c r="OJ19" s="109">
        <v>170399</v>
      </c>
      <c r="OK19" s="128">
        <v>410930</v>
      </c>
      <c r="OL19" s="108">
        <v>0</v>
      </c>
      <c r="OM19" s="109">
        <v>3561992</v>
      </c>
      <c r="ON19" s="109">
        <v>5567741</v>
      </c>
      <c r="OO19" s="109">
        <v>8228360</v>
      </c>
      <c r="OP19" s="109">
        <v>8353795</v>
      </c>
      <c r="OQ19" s="109">
        <v>4762447</v>
      </c>
      <c r="OR19" s="110">
        <v>30474335</v>
      </c>
      <c r="OS19" s="130">
        <v>30885265</v>
      </c>
    </row>
    <row r="20" spans="2:409" ht="21" customHeight="1" x14ac:dyDescent="0.2">
      <c r="B20" s="437" t="s">
        <v>15</v>
      </c>
      <c r="C20" s="100">
        <v>300640</v>
      </c>
      <c r="D20" s="104">
        <v>233958</v>
      </c>
      <c r="E20" s="103">
        <v>534598</v>
      </c>
      <c r="F20" s="99">
        <v>0</v>
      </c>
      <c r="G20" s="104">
        <v>2082961</v>
      </c>
      <c r="H20" s="104">
        <v>1478954</v>
      </c>
      <c r="I20" s="104">
        <v>2218610</v>
      </c>
      <c r="J20" s="104">
        <v>1568060</v>
      </c>
      <c r="K20" s="104">
        <v>610809</v>
      </c>
      <c r="L20" s="99">
        <v>7959394</v>
      </c>
      <c r="M20" s="106">
        <v>8493992</v>
      </c>
      <c r="N20" s="100">
        <v>0</v>
      </c>
      <c r="O20" s="104">
        <v>24282</v>
      </c>
      <c r="P20" s="103">
        <v>24282</v>
      </c>
      <c r="Q20" s="100">
        <v>0</v>
      </c>
      <c r="R20" s="104">
        <v>600644</v>
      </c>
      <c r="S20" s="104">
        <v>741563</v>
      </c>
      <c r="T20" s="104">
        <v>557485</v>
      </c>
      <c r="U20" s="104">
        <v>795794</v>
      </c>
      <c r="V20" s="104">
        <v>322072</v>
      </c>
      <c r="W20" s="103">
        <v>3017558</v>
      </c>
      <c r="X20" s="106">
        <v>3041840</v>
      </c>
      <c r="Y20" s="100">
        <v>0</v>
      </c>
      <c r="Z20" s="104">
        <v>0</v>
      </c>
      <c r="AA20" s="103">
        <v>0</v>
      </c>
      <c r="AB20" s="100">
        <v>0</v>
      </c>
      <c r="AC20" s="104">
        <v>213379</v>
      </c>
      <c r="AD20" s="104">
        <v>439736</v>
      </c>
      <c r="AE20" s="104">
        <v>303526</v>
      </c>
      <c r="AF20" s="104">
        <v>504887</v>
      </c>
      <c r="AG20" s="104">
        <v>284208</v>
      </c>
      <c r="AH20" s="103">
        <v>1745736</v>
      </c>
      <c r="AI20" s="106">
        <v>1745736</v>
      </c>
      <c r="AJ20" s="100">
        <v>0</v>
      </c>
      <c r="AK20" s="104">
        <v>0</v>
      </c>
      <c r="AL20" s="103">
        <v>0</v>
      </c>
      <c r="AM20" s="100">
        <v>0</v>
      </c>
      <c r="AN20" s="104">
        <v>0</v>
      </c>
      <c r="AO20" s="104">
        <v>46763</v>
      </c>
      <c r="AP20" s="104">
        <v>0</v>
      </c>
      <c r="AQ20" s="104">
        <v>81841</v>
      </c>
      <c r="AR20" s="104">
        <v>0</v>
      </c>
      <c r="AS20" s="103">
        <v>128604</v>
      </c>
      <c r="AT20" s="106">
        <v>128604</v>
      </c>
      <c r="AU20" s="100">
        <v>0</v>
      </c>
      <c r="AV20" s="104">
        <v>13370</v>
      </c>
      <c r="AW20" s="103">
        <v>13370</v>
      </c>
      <c r="AX20" s="100">
        <v>0</v>
      </c>
      <c r="AY20" s="104">
        <v>185644</v>
      </c>
      <c r="AZ20" s="104">
        <v>140050</v>
      </c>
      <c r="BA20" s="104">
        <v>132879</v>
      </c>
      <c r="BB20" s="104">
        <v>164842</v>
      </c>
      <c r="BC20" s="104">
        <v>0</v>
      </c>
      <c r="BD20" s="103">
        <v>623415</v>
      </c>
      <c r="BE20" s="106">
        <v>636785</v>
      </c>
      <c r="BF20" s="100">
        <v>0</v>
      </c>
      <c r="BG20" s="104">
        <v>0</v>
      </c>
      <c r="BH20" s="102">
        <v>0</v>
      </c>
      <c r="BI20" s="101">
        <v>0</v>
      </c>
      <c r="BJ20" s="104">
        <v>37413</v>
      </c>
      <c r="BK20" s="104">
        <v>46558</v>
      </c>
      <c r="BL20" s="104">
        <v>0</v>
      </c>
      <c r="BM20" s="104">
        <v>0</v>
      </c>
      <c r="BN20" s="104">
        <v>0</v>
      </c>
      <c r="BO20" s="103">
        <v>83971</v>
      </c>
      <c r="BP20" s="106">
        <v>83971</v>
      </c>
      <c r="BQ20" s="100">
        <v>0</v>
      </c>
      <c r="BR20" s="104">
        <v>10912</v>
      </c>
      <c r="BS20" s="103">
        <v>10912</v>
      </c>
      <c r="BT20" s="100">
        <v>0</v>
      </c>
      <c r="BU20" s="104">
        <v>164208</v>
      </c>
      <c r="BV20" s="104">
        <v>68456</v>
      </c>
      <c r="BW20" s="104">
        <v>121080</v>
      </c>
      <c r="BX20" s="104">
        <v>44224</v>
      </c>
      <c r="BY20" s="104">
        <v>37864</v>
      </c>
      <c r="BZ20" s="103">
        <v>435832</v>
      </c>
      <c r="CA20" s="106">
        <v>446744</v>
      </c>
      <c r="CB20" s="100">
        <v>19225</v>
      </c>
      <c r="CC20" s="104">
        <v>0</v>
      </c>
      <c r="CD20" s="103">
        <v>19225</v>
      </c>
      <c r="CE20" s="100">
        <v>0</v>
      </c>
      <c r="CF20" s="104">
        <v>167673</v>
      </c>
      <c r="CG20" s="104">
        <v>398774</v>
      </c>
      <c r="CH20" s="104">
        <v>332795</v>
      </c>
      <c r="CI20" s="104">
        <v>126952</v>
      </c>
      <c r="CJ20" s="104">
        <v>0</v>
      </c>
      <c r="CK20" s="103">
        <v>1026194</v>
      </c>
      <c r="CL20" s="106">
        <v>1045419</v>
      </c>
      <c r="CM20" s="100">
        <v>0</v>
      </c>
      <c r="CN20" s="104">
        <v>0</v>
      </c>
      <c r="CO20" s="103">
        <v>0</v>
      </c>
      <c r="CP20" s="101">
        <v>0</v>
      </c>
      <c r="CQ20" s="104">
        <v>103190</v>
      </c>
      <c r="CR20" s="104">
        <v>240701</v>
      </c>
      <c r="CS20" s="104">
        <v>209200</v>
      </c>
      <c r="CT20" s="104">
        <v>126952</v>
      </c>
      <c r="CU20" s="104">
        <v>0</v>
      </c>
      <c r="CV20" s="103">
        <v>680043</v>
      </c>
      <c r="CW20" s="106">
        <v>680043</v>
      </c>
      <c r="CX20" s="100">
        <v>19225</v>
      </c>
      <c r="CY20" s="104">
        <v>0</v>
      </c>
      <c r="CZ20" s="103">
        <v>19225</v>
      </c>
      <c r="DA20" s="100">
        <v>0</v>
      </c>
      <c r="DB20" s="104">
        <v>64483</v>
      </c>
      <c r="DC20" s="104">
        <v>158073</v>
      </c>
      <c r="DD20" s="104">
        <v>123595</v>
      </c>
      <c r="DE20" s="104">
        <v>0</v>
      </c>
      <c r="DF20" s="104">
        <v>0</v>
      </c>
      <c r="DG20" s="103">
        <v>346151</v>
      </c>
      <c r="DH20" s="106">
        <v>365376</v>
      </c>
      <c r="DI20" s="100">
        <v>0</v>
      </c>
      <c r="DJ20" s="104">
        <v>0</v>
      </c>
      <c r="DK20" s="102">
        <v>0</v>
      </c>
      <c r="DL20" s="101">
        <v>0</v>
      </c>
      <c r="DM20" s="104">
        <v>43460</v>
      </c>
      <c r="DN20" s="104">
        <v>24668</v>
      </c>
      <c r="DO20" s="104">
        <v>0</v>
      </c>
      <c r="DP20" s="104">
        <v>370589</v>
      </c>
      <c r="DQ20" s="104">
        <v>0</v>
      </c>
      <c r="DR20" s="103">
        <v>438717</v>
      </c>
      <c r="DS20" s="106">
        <v>438717</v>
      </c>
      <c r="DT20" s="100">
        <v>0</v>
      </c>
      <c r="DU20" s="104">
        <v>0</v>
      </c>
      <c r="DV20" s="103">
        <v>0</v>
      </c>
      <c r="DW20" s="100">
        <v>0</v>
      </c>
      <c r="DX20" s="104">
        <v>43460</v>
      </c>
      <c r="DY20" s="104">
        <v>24668</v>
      </c>
      <c r="DZ20" s="104">
        <v>0</v>
      </c>
      <c r="EA20" s="104">
        <v>370589</v>
      </c>
      <c r="EB20" s="104">
        <v>0</v>
      </c>
      <c r="EC20" s="103">
        <v>438717</v>
      </c>
      <c r="ED20" s="106">
        <v>438717</v>
      </c>
      <c r="EE20" s="100">
        <v>0</v>
      </c>
      <c r="EF20" s="102">
        <v>0</v>
      </c>
      <c r="EG20" s="103">
        <v>0</v>
      </c>
      <c r="EH20" s="100">
        <v>0</v>
      </c>
      <c r="EI20" s="104">
        <v>0</v>
      </c>
      <c r="EJ20" s="104">
        <v>0</v>
      </c>
      <c r="EK20" s="104">
        <v>0</v>
      </c>
      <c r="EL20" s="104">
        <v>0</v>
      </c>
      <c r="EM20" s="104">
        <v>0</v>
      </c>
      <c r="EN20" s="102">
        <v>0</v>
      </c>
      <c r="EO20" s="106">
        <v>0</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06">
        <v>0</v>
      </c>
      <c r="FE20" s="104">
        <v>0</v>
      </c>
      <c r="FF20" s="104">
        <v>0</v>
      </c>
      <c r="FG20" s="104">
        <v>0</v>
      </c>
      <c r="FH20" s="104">
        <v>0</v>
      </c>
      <c r="FI20" s="104">
        <v>0</v>
      </c>
      <c r="FJ20" s="103">
        <v>0</v>
      </c>
      <c r="FK20" s="106">
        <v>0</v>
      </c>
      <c r="FL20" s="100">
        <v>166400</v>
      </c>
      <c r="FM20" s="104">
        <v>16400</v>
      </c>
      <c r="FN20" s="103">
        <v>182800</v>
      </c>
      <c r="FO20" s="100">
        <v>0</v>
      </c>
      <c r="FP20" s="104">
        <v>9040</v>
      </c>
      <c r="FQ20" s="104">
        <v>127176</v>
      </c>
      <c r="FR20" s="104">
        <v>195608</v>
      </c>
      <c r="FS20" s="104">
        <v>127816</v>
      </c>
      <c r="FT20" s="104">
        <v>44320</v>
      </c>
      <c r="FU20" s="103">
        <v>503960</v>
      </c>
      <c r="FV20" s="106">
        <v>686760</v>
      </c>
      <c r="FW20" s="105">
        <v>6400</v>
      </c>
      <c r="FX20" s="104">
        <v>16400</v>
      </c>
      <c r="FY20" s="102">
        <v>22800</v>
      </c>
      <c r="FZ20" s="101">
        <v>0</v>
      </c>
      <c r="GA20" s="104">
        <v>9040</v>
      </c>
      <c r="GB20" s="104">
        <v>127176</v>
      </c>
      <c r="GC20" s="104">
        <v>195608</v>
      </c>
      <c r="GD20" s="104">
        <v>127816</v>
      </c>
      <c r="GE20" s="104">
        <v>44320</v>
      </c>
      <c r="GF20" s="103">
        <v>503960</v>
      </c>
      <c r="GG20" s="290">
        <v>526760</v>
      </c>
      <c r="GH20" s="105">
        <v>0</v>
      </c>
      <c r="GI20" s="104">
        <v>0</v>
      </c>
      <c r="GJ20" s="102">
        <v>0</v>
      </c>
      <c r="GK20" s="101">
        <v>0</v>
      </c>
      <c r="GL20" s="104">
        <v>0</v>
      </c>
      <c r="GM20" s="104">
        <v>0</v>
      </c>
      <c r="GN20" s="104">
        <v>0</v>
      </c>
      <c r="GO20" s="104">
        <v>0</v>
      </c>
      <c r="GP20" s="104">
        <v>0</v>
      </c>
      <c r="GQ20" s="103">
        <v>0</v>
      </c>
      <c r="GR20" s="106">
        <v>0</v>
      </c>
      <c r="GS20" s="100">
        <v>160000</v>
      </c>
      <c r="GT20" s="104">
        <v>0</v>
      </c>
      <c r="GU20" s="103">
        <v>160000</v>
      </c>
      <c r="GV20" s="100">
        <v>0</v>
      </c>
      <c r="GW20" s="104">
        <v>0</v>
      </c>
      <c r="GX20" s="104">
        <v>0</v>
      </c>
      <c r="GY20" s="104">
        <v>0</v>
      </c>
      <c r="GZ20" s="104">
        <v>0</v>
      </c>
      <c r="HA20" s="104">
        <v>0</v>
      </c>
      <c r="HB20" s="102">
        <v>0</v>
      </c>
      <c r="HC20" s="106">
        <v>160000</v>
      </c>
      <c r="HD20" s="100">
        <v>115015</v>
      </c>
      <c r="HE20" s="104">
        <v>193276</v>
      </c>
      <c r="HF20" s="102">
        <v>308291</v>
      </c>
      <c r="HG20" s="101">
        <v>0</v>
      </c>
      <c r="HH20" s="104">
        <v>1262144</v>
      </c>
      <c r="HI20" s="104">
        <v>186773</v>
      </c>
      <c r="HJ20" s="104">
        <v>1132722</v>
      </c>
      <c r="HK20" s="104">
        <v>146909</v>
      </c>
      <c r="HL20" s="104">
        <v>244417</v>
      </c>
      <c r="HM20" s="103">
        <v>2972965</v>
      </c>
      <c r="HN20" s="99">
        <v>3281256</v>
      </c>
      <c r="HO20" s="456">
        <v>0</v>
      </c>
      <c r="HP20" s="457">
        <v>0</v>
      </c>
      <c r="HQ20" s="458">
        <v>0</v>
      </c>
      <c r="HR20" s="459">
        <v>0</v>
      </c>
      <c r="HS20" s="457">
        <v>0</v>
      </c>
      <c r="HT20" s="457">
        <v>0</v>
      </c>
      <c r="HU20" s="457">
        <v>0</v>
      </c>
      <c r="HV20" s="457">
        <v>0</v>
      </c>
      <c r="HW20" s="457">
        <v>0</v>
      </c>
      <c r="HX20" s="460">
        <v>0</v>
      </c>
      <c r="HY20" s="461">
        <v>0</v>
      </c>
      <c r="HZ20" s="135">
        <v>0</v>
      </c>
      <c r="IA20" s="122">
        <v>0</v>
      </c>
      <c r="IB20" s="135">
        <v>0</v>
      </c>
      <c r="IC20" s="121">
        <v>0</v>
      </c>
      <c r="ID20" s="122">
        <v>823048</v>
      </c>
      <c r="IE20" s="123">
        <v>1227971</v>
      </c>
      <c r="IF20" s="124">
        <v>494839</v>
      </c>
      <c r="IG20" s="122">
        <v>519062</v>
      </c>
      <c r="IH20" s="124">
        <v>270281</v>
      </c>
      <c r="II20" s="125">
        <v>3335201</v>
      </c>
      <c r="IJ20" s="135">
        <v>3335201</v>
      </c>
      <c r="IK20" s="215">
        <v>0</v>
      </c>
      <c r="IL20" s="219">
        <v>0</v>
      </c>
      <c r="IM20" s="220">
        <v>0</v>
      </c>
      <c r="IN20" s="470">
        <v>0</v>
      </c>
      <c r="IO20" s="109">
        <v>191893</v>
      </c>
      <c r="IP20" s="109">
        <v>0</v>
      </c>
      <c r="IQ20" s="109">
        <v>0</v>
      </c>
      <c r="IR20" s="109">
        <v>142144</v>
      </c>
      <c r="IS20" s="109">
        <v>0</v>
      </c>
      <c r="IT20" s="128">
        <v>334037</v>
      </c>
      <c r="IU20" s="292">
        <v>334037</v>
      </c>
      <c r="IV20" s="129">
        <v>0</v>
      </c>
      <c r="IW20" s="109">
        <v>0</v>
      </c>
      <c r="IX20" s="110">
        <v>0</v>
      </c>
      <c r="IY20" s="470">
        <v>0</v>
      </c>
      <c r="IZ20" s="109">
        <v>0</v>
      </c>
      <c r="JA20" s="109">
        <v>0</v>
      </c>
      <c r="JB20" s="109">
        <v>0</v>
      </c>
      <c r="JC20" s="109">
        <v>0</v>
      </c>
      <c r="JD20" s="109">
        <v>0</v>
      </c>
      <c r="JE20" s="110">
        <v>0</v>
      </c>
      <c r="JF20" s="111">
        <v>0</v>
      </c>
      <c r="JG20" s="129">
        <v>0</v>
      </c>
      <c r="JH20" s="109">
        <v>0</v>
      </c>
      <c r="JI20" s="128">
        <v>0</v>
      </c>
      <c r="JJ20" s="108">
        <v>0</v>
      </c>
      <c r="JK20" s="109">
        <v>233727</v>
      </c>
      <c r="JL20" s="109">
        <v>320162</v>
      </c>
      <c r="JM20" s="109">
        <v>253688</v>
      </c>
      <c r="JN20" s="109">
        <v>105984</v>
      </c>
      <c r="JO20" s="109">
        <v>0</v>
      </c>
      <c r="JP20" s="110">
        <v>913561</v>
      </c>
      <c r="JQ20" s="292">
        <v>913561</v>
      </c>
      <c r="JR20" s="129">
        <v>0</v>
      </c>
      <c r="JS20" s="109">
        <v>0</v>
      </c>
      <c r="JT20" s="128">
        <v>0</v>
      </c>
      <c r="JU20" s="108">
        <v>0</v>
      </c>
      <c r="JV20" s="109">
        <v>48484</v>
      </c>
      <c r="JW20" s="109">
        <v>0</v>
      </c>
      <c r="JX20" s="109">
        <v>0</v>
      </c>
      <c r="JY20" s="109">
        <v>41460</v>
      </c>
      <c r="JZ20" s="109">
        <v>0</v>
      </c>
      <c r="KA20" s="110">
        <v>89944</v>
      </c>
      <c r="KB20" s="292">
        <v>89944</v>
      </c>
      <c r="KC20" s="217">
        <v>0</v>
      </c>
      <c r="KD20" s="213">
        <v>0</v>
      </c>
      <c r="KE20" s="110">
        <v>0</v>
      </c>
      <c r="KF20" s="108">
        <v>0</v>
      </c>
      <c r="KG20" s="109">
        <v>115175</v>
      </c>
      <c r="KH20" s="109">
        <v>0</v>
      </c>
      <c r="KI20" s="109">
        <v>0</v>
      </c>
      <c r="KJ20" s="109">
        <v>229474</v>
      </c>
      <c r="KK20" s="109">
        <v>270281</v>
      </c>
      <c r="KL20" s="110">
        <v>614930</v>
      </c>
      <c r="KM20" s="130">
        <v>614930</v>
      </c>
      <c r="KN20" s="215">
        <v>0</v>
      </c>
      <c r="KO20" s="219">
        <v>0</v>
      </c>
      <c r="KP20" s="220">
        <v>0</v>
      </c>
      <c r="KQ20" s="470">
        <v>0</v>
      </c>
      <c r="KR20" s="109">
        <v>233769</v>
      </c>
      <c r="KS20" s="109">
        <v>731952</v>
      </c>
      <c r="KT20" s="109">
        <v>0</v>
      </c>
      <c r="KU20" s="109">
        <v>0</v>
      </c>
      <c r="KV20" s="109">
        <v>0</v>
      </c>
      <c r="KW20" s="110">
        <v>965721</v>
      </c>
      <c r="KX20" s="292">
        <v>965721</v>
      </c>
      <c r="KY20" s="129">
        <v>0</v>
      </c>
      <c r="KZ20" s="109">
        <v>0</v>
      </c>
      <c r="LA20" s="110">
        <v>0</v>
      </c>
      <c r="LB20" s="470">
        <v>0</v>
      </c>
      <c r="LC20" s="109">
        <v>0</v>
      </c>
      <c r="LD20" s="109">
        <v>0</v>
      </c>
      <c r="LE20" s="109">
        <v>0</v>
      </c>
      <c r="LF20" s="109">
        <v>0</v>
      </c>
      <c r="LG20" s="109">
        <v>0</v>
      </c>
      <c r="LH20" s="110">
        <v>0</v>
      </c>
      <c r="LI20" s="111">
        <v>0</v>
      </c>
      <c r="LJ20" s="129">
        <v>0</v>
      </c>
      <c r="LK20" s="109">
        <v>0</v>
      </c>
      <c r="LL20" s="110">
        <v>0</v>
      </c>
      <c r="LM20" s="470">
        <v>0</v>
      </c>
      <c r="LN20" s="109">
        <v>0</v>
      </c>
      <c r="LO20" s="109">
        <v>0</v>
      </c>
      <c r="LP20" s="109">
        <v>0</v>
      </c>
      <c r="LQ20" s="109">
        <v>0</v>
      </c>
      <c r="LR20" s="109">
        <v>0</v>
      </c>
      <c r="LS20" s="110">
        <v>0</v>
      </c>
      <c r="LT20" s="292">
        <v>0</v>
      </c>
      <c r="LU20" s="129">
        <v>0</v>
      </c>
      <c r="LV20" s="109">
        <v>0</v>
      </c>
      <c r="LW20" s="110">
        <v>0</v>
      </c>
      <c r="LX20" s="470">
        <v>0</v>
      </c>
      <c r="LY20" s="109">
        <v>0</v>
      </c>
      <c r="LZ20" s="109">
        <v>175857</v>
      </c>
      <c r="MA20" s="109">
        <v>241151</v>
      </c>
      <c r="MB20" s="109">
        <v>0</v>
      </c>
      <c r="MC20" s="109">
        <v>0</v>
      </c>
      <c r="MD20" s="110">
        <v>417008</v>
      </c>
      <c r="ME20" s="111">
        <v>417008</v>
      </c>
      <c r="MF20" s="129">
        <v>0</v>
      </c>
      <c r="MG20" s="109">
        <v>0</v>
      </c>
      <c r="MH20" s="110">
        <v>0</v>
      </c>
      <c r="MI20" s="470">
        <v>0</v>
      </c>
      <c r="MJ20" s="109">
        <v>240240</v>
      </c>
      <c r="MK20" s="109">
        <v>275392</v>
      </c>
      <c r="ML20" s="109">
        <v>1321957</v>
      </c>
      <c r="MM20" s="109">
        <v>4443446</v>
      </c>
      <c r="MN20" s="109">
        <v>780242</v>
      </c>
      <c r="MO20" s="110">
        <v>7061277</v>
      </c>
      <c r="MP20" s="130">
        <v>7061277</v>
      </c>
      <c r="MQ20" s="129">
        <v>0</v>
      </c>
      <c r="MR20" s="109">
        <v>0</v>
      </c>
      <c r="MS20" s="110">
        <v>0</v>
      </c>
      <c r="MT20" s="470">
        <v>0</v>
      </c>
      <c r="MU20" s="109">
        <v>0</v>
      </c>
      <c r="MV20" s="109">
        <v>0</v>
      </c>
      <c r="MW20" s="109">
        <v>746123</v>
      </c>
      <c r="MX20" s="109">
        <v>3258538</v>
      </c>
      <c r="MY20" s="109">
        <v>483177</v>
      </c>
      <c r="MZ20" s="110">
        <v>4487838</v>
      </c>
      <c r="NA20" s="130">
        <v>4487838</v>
      </c>
      <c r="NB20" s="129">
        <v>0</v>
      </c>
      <c r="NC20" s="109">
        <v>0</v>
      </c>
      <c r="ND20" s="110">
        <v>0</v>
      </c>
      <c r="NE20" s="470">
        <v>0</v>
      </c>
      <c r="NF20" s="109">
        <v>240240</v>
      </c>
      <c r="NG20" s="109">
        <v>275392</v>
      </c>
      <c r="NH20" s="109">
        <v>575834</v>
      </c>
      <c r="NI20" s="109">
        <v>1184908</v>
      </c>
      <c r="NJ20" s="109">
        <v>297065</v>
      </c>
      <c r="NK20" s="110">
        <v>2573439</v>
      </c>
      <c r="NL20" s="292">
        <v>2573439</v>
      </c>
      <c r="NM20" s="129">
        <v>0</v>
      </c>
      <c r="NN20" s="109">
        <v>0</v>
      </c>
      <c r="NO20" s="110">
        <v>0</v>
      </c>
      <c r="NP20" s="470">
        <v>0</v>
      </c>
      <c r="NQ20" s="109">
        <v>0</v>
      </c>
      <c r="NR20" s="109">
        <v>0</v>
      </c>
      <c r="NS20" s="109">
        <v>0</v>
      </c>
      <c r="NT20" s="109">
        <v>0</v>
      </c>
      <c r="NU20" s="109">
        <v>0</v>
      </c>
      <c r="NV20" s="110">
        <v>0</v>
      </c>
      <c r="NW20" s="111">
        <v>0</v>
      </c>
      <c r="NX20" s="129">
        <v>0</v>
      </c>
      <c r="NY20" s="109">
        <v>0</v>
      </c>
      <c r="NZ20" s="110">
        <v>0</v>
      </c>
      <c r="OA20" s="470">
        <v>0</v>
      </c>
      <c r="OB20" s="109">
        <v>0</v>
      </c>
      <c r="OC20" s="109">
        <v>0</v>
      </c>
      <c r="OD20" s="109">
        <v>0</v>
      </c>
      <c r="OE20" s="109">
        <v>0</v>
      </c>
      <c r="OF20" s="109">
        <v>0</v>
      </c>
      <c r="OG20" s="110">
        <v>0</v>
      </c>
      <c r="OH20" s="111">
        <v>0</v>
      </c>
      <c r="OI20" s="129">
        <v>300640</v>
      </c>
      <c r="OJ20" s="109">
        <v>233958</v>
      </c>
      <c r="OK20" s="128">
        <v>534598</v>
      </c>
      <c r="OL20" s="108">
        <v>0</v>
      </c>
      <c r="OM20" s="109">
        <v>3146249</v>
      </c>
      <c r="ON20" s="109">
        <v>2982317</v>
      </c>
      <c r="OO20" s="109">
        <v>4035406</v>
      </c>
      <c r="OP20" s="109">
        <v>6530568</v>
      </c>
      <c r="OQ20" s="109">
        <v>1661332</v>
      </c>
      <c r="OR20" s="110">
        <v>18355872</v>
      </c>
      <c r="OS20" s="130">
        <v>18890470</v>
      </c>
    </row>
    <row r="21" spans="2:409" ht="21" customHeight="1" x14ac:dyDescent="0.2">
      <c r="B21" s="437" t="s">
        <v>16</v>
      </c>
      <c r="C21" s="100">
        <v>532315</v>
      </c>
      <c r="D21" s="104">
        <v>639329</v>
      </c>
      <c r="E21" s="103">
        <v>1171644</v>
      </c>
      <c r="F21" s="99">
        <v>0</v>
      </c>
      <c r="G21" s="104">
        <v>3428260</v>
      </c>
      <c r="H21" s="104">
        <v>7240843</v>
      </c>
      <c r="I21" s="104">
        <v>3578652</v>
      </c>
      <c r="J21" s="104">
        <v>4122663</v>
      </c>
      <c r="K21" s="104">
        <v>2425623</v>
      </c>
      <c r="L21" s="99">
        <v>20796041</v>
      </c>
      <c r="M21" s="106">
        <v>21967685</v>
      </c>
      <c r="N21" s="100">
        <v>123025</v>
      </c>
      <c r="O21" s="104">
        <v>187506</v>
      </c>
      <c r="P21" s="103">
        <v>310531</v>
      </c>
      <c r="Q21" s="100">
        <v>0</v>
      </c>
      <c r="R21" s="104">
        <v>938551</v>
      </c>
      <c r="S21" s="104">
        <v>1448918</v>
      </c>
      <c r="T21" s="104">
        <v>549162</v>
      </c>
      <c r="U21" s="104">
        <v>961540</v>
      </c>
      <c r="V21" s="104">
        <v>695798</v>
      </c>
      <c r="W21" s="103">
        <v>4593969</v>
      </c>
      <c r="X21" s="106">
        <v>4904500</v>
      </c>
      <c r="Y21" s="100">
        <v>0</v>
      </c>
      <c r="Z21" s="104">
        <v>0</v>
      </c>
      <c r="AA21" s="103">
        <v>0</v>
      </c>
      <c r="AB21" s="100">
        <v>0</v>
      </c>
      <c r="AC21" s="104">
        <v>392046</v>
      </c>
      <c r="AD21" s="104">
        <v>371610</v>
      </c>
      <c r="AE21" s="104">
        <v>184262</v>
      </c>
      <c r="AF21" s="104">
        <v>305910</v>
      </c>
      <c r="AG21" s="104">
        <v>269785</v>
      </c>
      <c r="AH21" s="103">
        <v>1523613</v>
      </c>
      <c r="AI21" s="106">
        <v>1523613</v>
      </c>
      <c r="AJ21" s="100">
        <v>0</v>
      </c>
      <c r="AK21" s="104">
        <v>0</v>
      </c>
      <c r="AL21" s="103">
        <v>0</v>
      </c>
      <c r="AM21" s="100">
        <v>0</v>
      </c>
      <c r="AN21" s="104">
        <v>0</v>
      </c>
      <c r="AO21" s="104">
        <v>0</v>
      </c>
      <c r="AP21" s="104">
        <v>35969</v>
      </c>
      <c r="AQ21" s="104">
        <v>47355</v>
      </c>
      <c r="AR21" s="104">
        <v>130702</v>
      </c>
      <c r="AS21" s="103">
        <v>214026</v>
      </c>
      <c r="AT21" s="106">
        <v>214026</v>
      </c>
      <c r="AU21" s="100">
        <v>66922</v>
      </c>
      <c r="AV21" s="104">
        <v>165298</v>
      </c>
      <c r="AW21" s="103">
        <v>232220</v>
      </c>
      <c r="AX21" s="100">
        <v>0</v>
      </c>
      <c r="AY21" s="104">
        <v>345591</v>
      </c>
      <c r="AZ21" s="104">
        <v>683473</v>
      </c>
      <c r="BA21" s="104">
        <v>164619</v>
      </c>
      <c r="BB21" s="104">
        <v>426731</v>
      </c>
      <c r="BC21" s="104">
        <v>106799</v>
      </c>
      <c r="BD21" s="103">
        <v>1727213</v>
      </c>
      <c r="BE21" s="106">
        <v>1959433</v>
      </c>
      <c r="BF21" s="100">
        <v>31039</v>
      </c>
      <c r="BG21" s="104">
        <v>0</v>
      </c>
      <c r="BH21" s="102">
        <v>31039</v>
      </c>
      <c r="BI21" s="101">
        <v>0</v>
      </c>
      <c r="BJ21" s="104">
        <v>27130</v>
      </c>
      <c r="BK21" s="104">
        <v>115363</v>
      </c>
      <c r="BL21" s="104">
        <v>0</v>
      </c>
      <c r="BM21" s="104">
        <v>0</v>
      </c>
      <c r="BN21" s="104">
        <v>0</v>
      </c>
      <c r="BO21" s="103">
        <v>142493</v>
      </c>
      <c r="BP21" s="106">
        <v>173532</v>
      </c>
      <c r="BQ21" s="100">
        <v>25064</v>
      </c>
      <c r="BR21" s="104">
        <v>22208</v>
      </c>
      <c r="BS21" s="103">
        <v>47272</v>
      </c>
      <c r="BT21" s="100">
        <v>0</v>
      </c>
      <c r="BU21" s="104">
        <v>173784</v>
      </c>
      <c r="BV21" s="104">
        <v>278472</v>
      </c>
      <c r="BW21" s="104">
        <v>164312</v>
      </c>
      <c r="BX21" s="104">
        <v>181544</v>
      </c>
      <c r="BY21" s="104">
        <v>188512</v>
      </c>
      <c r="BZ21" s="103">
        <v>986624</v>
      </c>
      <c r="CA21" s="106">
        <v>1033896</v>
      </c>
      <c r="CB21" s="100">
        <v>21089</v>
      </c>
      <c r="CC21" s="104">
        <v>275267</v>
      </c>
      <c r="CD21" s="103">
        <v>296356</v>
      </c>
      <c r="CE21" s="100">
        <v>0</v>
      </c>
      <c r="CF21" s="104">
        <v>978756</v>
      </c>
      <c r="CG21" s="104">
        <v>2879608</v>
      </c>
      <c r="CH21" s="104">
        <v>1350780</v>
      </c>
      <c r="CI21" s="104">
        <v>587346</v>
      </c>
      <c r="CJ21" s="104">
        <v>91598</v>
      </c>
      <c r="CK21" s="103">
        <v>5888088</v>
      </c>
      <c r="CL21" s="106">
        <v>6184444</v>
      </c>
      <c r="CM21" s="100">
        <v>0</v>
      </c>
      <c r="CN21" s="104">
        <v>0</v>
      </c>
      <c r="CO21" s="103">
        <v>0</v>
      </c>
      <c r="CP21" s="101">
        <v>0</v>
      </c>
      <c r="CQ21" s="104">
        <v>650773</v>
      </c>
      <c r="CR21" s="104">
        <v>1488023</v>
      </c>
      <c r="CS21" s="104">
        <v>717753</v>
      </c>
      <c r="CT21" s="104">
        <v>432797</v>
      </c>
      <c r="CU21" s="104">
        <v>33874</v>
      </c>
      <c r="CV21" s="103">
        <v>3323220</v>
      </c>
      <c r="CW21" s="106">
        <v>3323220</v>
      </c>
      <c r="CX21" s="100">
        <v>21089</v>
      </c>
      <c r="CY21" s="104">
        <v>275267</v>
      </c>
      <c r="CZ21" s="103">
        <v>296356</v>
      </c>
      <c r="DA21" s="100">
        <v>0</v>
      </c>
      <c r="DB21" s="104">
        <v>327983</v>
      </c>
      <c r="DC21" s="104">
        <v>1391585</v>
      </c>
      <c r="DD21" s="104">
        <v>633027</v>
      </c>
      <c r="DE21" s="104">
        <v>154549</v>
      </c>
      <c r="DF21" s="104">
        <v>57724</v>
      </c>
      <c r="DG21" s="103">
        <v>2564868</v>
      </c>
      <c r="DH21" s="106">
        <v>2861224</v>
      </c>
      <c r="DI21" s="100">
        <v>0</v>
      </c>
      <c r="DJ21" s="104">
        <v>57988</v>
      </c>
      <c r="DK21" s="102">
        <v>57988</v>
      </c>
      <c r="DL21" s="101">
        <v>0</v>
      </c>
      <c r="DM21" s="104">
        <v>51624</v>
      </c>
      <c r="DN21" s="104">
        <v>45515</v>
      </c>
      <c r="DO21" s="104">
        <v>112128</v>
      </c>
      <c r="DP21" s="104">
        <v>247858</v>
      </c>
      <c r="DQ21" s="104">
        <v>58045</v>
      </c>
      <c r="DR21" s="103">
        <v>515170</v>
      </c>
      <c r="DS21" s="106">
        <v>573158</v>
      </c>
      <c r="DT21" s="100">
        <v>0</v>
      </c>
      <c r="DU21" s="104">
        <v>57988</v>
      </c>
      <c r="DV21" s="103">
        <v>57988</v>
      </c>
      <c r="DW21" s="100">
        <v>0</v>
      </c>
      <c r="DX21" s="104">
        <v>51624</v>
      </c>
      <c r="DY21" s="104">
        <v>45515</v>
      </c>
      <c r="DZ21" s="104">
        <v>65416</v>
      </c>
      <c r="EA21" s="104">
        <v>247858</v>
      </c>
      <c r="EB21" s="104">
        <v>58045</v>
      </c>
      <c r="EC21" s="103">
        <v>468458</v>
      </c>
      <c r="ED21" s="106">
        <v>526446</v>
      </c>
      <c r="EE21" s="100">
        <v>0</v>
      </c>
      <c r="EF21" s="102">
        <v>0</v>
      </c>
      <c r="EG21" s="103">
        <v>0</v>
      </c>
      <c r="EH21" s="100">
        <v>0</v>
      </c>
      <c r="EI21" s="104">
        <v>0</v>
      </c>
      <c r="EJ21" s="104">
        <v>0</v>
      </c>
      <c r="EK21" s="104">
        <v>46712</v>
      </c>
      <c r="EL21" s="104">
        <v>0</v>
      </c>
      <c r="EM21" s="104">
        <v>0</v>
      </c>
      <c r="EN21" s="102">
        <v>46712</v>
      </c>
      <c r="EO21" s="106">
        <v>46712</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06">
        <v>0</v>
      </c>
      <c r="FE21" s="104">
        <v>0</v>
      </c>
      <c r="FF21" s="104">
        <v>0</v>
      </c>
      <c r="FG21" s="104">
        <v>0</v>
      </c>
      <c r="FH21" s="104">
        <v>0</v>
      </c>
      <c r="FI21" s="104">
        <v>0</v>
      </c>
      <c r="FJ21" s="103">
        <v>0</v>
      </c>
      <c r="FK21" s="106">
        <v>0</v>
      </c>
      <c r="FL21" s="100">
        <v>228040</v>
      </c>
      <c r="FM21" s="104">
        <v>118568</v>
      </c>
      <c r="FN21" s="103">
        <v>346608</v>
      </c>
      <c r="FO21" s="100">
        <v>0</v>
      </c>
      <c r="FP21" s="104">
        <v>174568</v>
      </c>
      <c r="FQ21" s="104">
        <v>776968</v>
      </c>
      <c r="FR21" s="104">
        <v>375416</v>
      </c>
      <c r="FS21" s="104">
        <v>360376</v>
      </c>
      <c r="FT21" s="104">
        <v>154776</v>
      </c>
      <c r="FU21" s="103">
        <v>1842104</v>
      </c>
      <c r="FV21" s="106">
        <v>2188712</v>
      </c>
      <c r="FW21" s="105">
        <v>68488</v>
      </c>
      <c r="FX21" s="104">
        <v>99120</v>
      </c>
      <c r="FY21" s="102">
        <v>167608</v>
      </c>
      <c r="FZ21" s="101">
        <v>0</v>
      </c>
      <c r="GA21" s="104">
        <v>133928</v>
      </c>
      <c r="GB21" s="104">
        <v>572616</v>
      </c>
      <c r="GC21" s="104">
        <v>353016</v>
      </c>
      <c r="GD21" s="104">
        <v>345976</v>
      </c>
      <c r="GE21" s="104">
        <v>122392</v>
      </c>
      <c r="GF21" s="103">
        <v>1527928</v>
      </c>
      <c r="GG21" s="290">
        <v>1695536</v>
      </c>
      <c r="GH21" s="105">
        <v>0</v>
      </c>
      <c r="GI21" s="104">
        <v>19448</v>
      </c>
      <c r="GJ21" s="102">
        <v>19448</v>
      </c>
      <c r="GK21" s="101">
        <v>0</v>
      </c>
      <c r="GL21" s="104">
        <v>40640</v>
      </c>
      <c r="GM21" s="104">
        <v>44352</v>
      </c>
      <c r="GN21" s="104">
        <v>0</v>
      </c>
      <c r="GO21" s="104">
        <v>14400</v>
      </c>
      <c r="GP21" s="104">
        <v>32384</v>
      </c>
      <c r="GQ21" s="103">
        <v>131776</v>
      </c>
      <c r="GR21" s="106">
        <v>151224</v>
      </c>
      <c r="GS21" s="100">
        <v>159552</v>
      </c>
      <c r="GT21" s="104">
        <v>0</v>
      </c>
      <c r="GU21" s="103">
        <v>159552</v>
      </c>
      <c r="GV21" s="100">
        <v>0</v>
      </c>
      <c r="GW21" s="104">
        <v>0</v>
      </c>
      <c r="GX21" s="104">
        <v>160000</v>
      </c>
      <c r="GY21" s="104">
        <v>22400</v>
      </c>
      <c r="GZ21" s="104">
        <v>0</v>
      </c>
      <c r="HA21" s="104">
        <v>0</v>
      </c>
      <c r="HB21" s="102">
        <v>182400</v>
      </c>
      <c r="HC21" s="106">
        <v>341952</v>
      </c>
      <c r="HD21" s="100">
        <v>160161</v>
      </c>
      <c r="HE21" s="104">
        <v>0</v>
      </c>
      <c r="HF21" s="102">
        <v>160161</v>
      </c>
      <c r="HG21" s="101">
        <v>0</v>
      </c>
      <c r="HH21" s="104">
        <v>1284761</v>
      </c>
      <c r="HI21" s="104">
        <v>2089834</v>
      </c>
      <c r="HJ21" s="104">
        <v>1191166</v>
      </c>
      <c r="HK21" s="104">
        <v>1965543</v>
      </c>
      <c r="HL21" s="104">
        <v>1425406</v>
      </c>
      <c r="HM21" s="103">
        <v>7956710</v>
      </c>
      <c r="HN21" s="99">
        <v>8116871</v>
      </c>
      <c r="HO21" s="456">
        <v>0</v>
      </c>
      <c r="HP21" s="457">
        <v>0</v>
      </c>
      <c r="HQ21" s="458">
        <v>0</v>
      </c>
      <c r="HR21" s="459">
        <v>0</v>
      </c>
      <c r="HS21" s="457">
        <v>0</v>
      </c>
      <c r="HT21" s="457">
        <v>0</v>
      </c>
      <c r="HU21" s="457">
        <v>0</v>
      </c>
      <c r="HV21" s="457">
        <v>0</v>
      </c>
      <c r="HW21" s="457">
        <v>0</v>
      </c>
      <c r="HX21" s="460">
        <v>0</v>
      </c>
      <c r="HY21" s="461">
        <v>0</v>
      </c>
      <c r="HZ21" s="118">
        <v>0</v>
      </c>
      <c r="IA21" s="119">
        <v>0</v>
      </c>
      <c r="IB21" s="120">
        <v>0</v>
      </c>
      <c r="IC21" s="131">
        <v>0</v>
      </c>
      <c r="ID21" s="119">
        <v>288170</v>
      </c>
      <c r="IE21" s="132">
        <v>1122673</v>
      </c>
      <c r="IF21" s="120">
        <v>1140538</v>
      </c>
      <c r="IG21" s="119">
        <v>1453017</v>
      </c>
      <c r="IH21" s="120">
        <v>1000736</v>
      </c>
      <c r="II21" s="133">
        <v>5005134</v>
      </c>
      <c r="IJ21" s="126">
        <v>5005134</v>
      </c>
      <c r="IK21" s="215">
        <v>0</v>
      </c>
      <c r="IL21" s="219">
        <v>0</v>
      </c>
      <c r="IM21" s="220">
        <v>0</v>
      </c>
      <c r="IN21" s="470">
        <v>0</v>
      </c>
      <c r="IO21" s="109">
        <v>0</v>
      </c>
      <c r="IP21" s="109">
        <v>0</v>
      </c>
      <c r="IQ21" s="109">
        <v>150280</v>
      </c>
      <c r="IR21" s="109">
        <v>232056</v>
      </c>
      <c r="IS21" s="109">
        <v>0</v>
      </c>
      <c r="IT21" s="128">
        <v>382336</v>
      </c>
      <c r="IU21" s="292">
        <v>382336</v>
      </c>
      <c r="IV21" s="129">
        <v>0</v>
      </c>
      <c r="IW21" s="109">
        <v>0</v>
      </c>
      <c r="IX21" s="110">
        <v>0</v>
      </c>
      <c r="IY21" s="470">
        <v>0</v>
      </c>
      <c r="IZ21" s="109">
        <v>0</v>
      </c>
      <c r="JA21" s="109">
        <v>0</v>
      </c>
      <c r="JB21" s="109">
        <v>0</v>
      </c>
      <c r="JC21" s="109">
        <v>93104</v>
      </c>
      <c r="JD21" s="109">
        <v>0</v>
      </c>
      <c r="JE21" s="110">
        <v>93104</v>
      </c>
      <c r="JF21" s="111">
        <v>93104</v>
      </c>
      <c r="JG21" s="129">
        <v>0</v>
      </c>
      <c r="JH21" s="109">
        <v>0</v>
      </c>
      <c r="JI21" s="128">
        <v>0</v>
      </c>
      <c r="JJ21" s="108">
        <v>0</v>
      </c>
      <c r="JK21" s="109">
        <v>196342</v>
      </c>
      <c r="JL21" s="109">
        <v>353437</v>
      </c>
      <c r="JM21" s="109">
        <v>300669</v>
      </c>
      <c r="JN21" s="109">
        <v>496291</v>
      </c>
      <c r="JO21" s="109">
        <v>214870</v>
      </c>
      <c r="JP21" s="110">
        <v>1561609</v>
      </c>
      <c r="JQ21" s="292">
        <v>1561609</v>
      </c>
      <c r="JR21" s="129">
        <v>0</v>
      </c>
      <c r="JS21" s="109">
        <v>0</v>
      </c>
      <c r="JT21" s="128">
        <v>0</v>
      </c>
      <c r="JU21" s="108">
        <v>0</v>
      </c>
      <c r="JV21" s="109">
        <v>91828</v>
      </c>
      <c r="JW21" s="109">
        <v>111406</v>
      </c>
      <c r="JX21" s="109">
        <v>48542</v>
      </c>
      <c r="JY21" s="109">
        <v>0</v>
      </c>
      <c r="JZ21" s="109">
        <v>0</v>
      </c>
      <c r="KA21" s="110">
        <v>251776</v>
      </c>
      <c r="KB21" s="292">
        <v>251776</v>
      </c>
      <c r="KC21" s="217">
        <v>0</v>
      </c>
      <c r="KD21" s="213">
        <v>0</v>
      </c>
      <c r="KE21" s="110">
        <v>0</v>
      </c>
      <c r="KF21" s="108">
        <v>0</v>
      </c>
      <c r="KG21" s="109">
        <v>0</v>
      </c>
      <c r="KH21" s="109">
        <v>0</v>
      </c>
      <c r="KI21" s="109">
        <v>388423</v>
      </c>
      <c r="KJ21" s="109">
        <v>377068</v>
      </c>
      <c r="KK21" s="109">
        <v>0</v>
      </c>
      <c r="KL21" s="110">
        <v>765491</v>
      </c>
      <c r="KM21" s="130">
        <v>765491</v>
      </c>
      <c r="KN21" s="215">
        <v>0</v>
      </c>
      <c r="KO21" s="219">
        <v>0</v>
      </c>
      <c r="KP21" s="220">
        <v>0</v>
      </c>
      <c r="KQ21" s="470">
        <v>0</v>
      </c>
      <c r="KR21" s="109">
        <v>0</v>
      </c>
      <c r="KS21" s="109">
        <v>489072</v>
      </c>
      <c r="KT21" s="109">
        <v>252624</v>
      </c>
      <c r="KU21" s="109">
        <v>254498</v>
      </c>
      <c r="KV21" s="109">
        <v>785866</v>
      </c>
      <c r="KW21" s="110">
        <v>1782060</v>
      </c>
      <c r="KX21" s="292">
        <v>1782060</v>
      </c>
      <c r="KY21" s="129">
        <v>0</v>
      </c>
      <c r="KZ21" s="109">
        <v>0</v>
      </c>
      <c r="LA21" s="110">
        <v>0</v>
      </c>
      <c r="LB21" s="470">
        <v>0</v>
      </c>
      <c r="LC21" s="109">
        <v>0</v>
      </c>
      <c r="LD21" s="109">
        <v>0</v>
      </c>
      <c r="LE21" s="109">
        <v>0</v>
      </c>
      <c r="LF21" s="109">
        <v>0</v>
      </c>
      <c r="LG21" s="109">
        <v>0</v>
      </c>
      <c r="LH21" s="110">
        <v>0</v>
      </c>
      <c r="LI21" s="111">
        <v>0</v>
      </c>
      <c r="LJ21" s="129">
        <v>0</v>
      </c>
      <c r="LK21" s="109">
        <v>0</v>
      </c>
      <c r="LL21" s="110">
        <v>0</v>
      </c>
      <c r="LM21" s="470">
        <v>0</v>
      </c>
      <c r="LN21" s="109">
        <v>0</v>
      </c>
      <c r="LO21" s="109">
        <v>0</v>
      </c>
      <c r="LP21" s="109">
        <v>0</v>
      </c>
      <c r="LQ21" s="109">
        <v>0</v>
      </c>
      <c r="LR21" s="109">
        <v>0</v>
      </c>
      <c r="LS21" s="110">
        <v>0</v>
      </c>
      <c r="LT21" s="292">
        <v>0</v>
      </c>
      <c r="LU21" s="129">
        <v>0</v>
      </c>
      <c r="LV21" s="109">
        <v>0</v>
      </c>
      <c r="LW21" s="110">
        <v>0</v>
      </c>
      <c r="LX21" s="470">
        <v>0</v>
      </c>
      <c r="LY21" s="109">
        <v>0</v>
      </c>
      <c r="LZ21" s="109">
        <v>168758</v>
      </c>
      <c r="MA21" s="109">
        <v>0</v>
      </c>
      <c r="MB21" s="109">
        <v>0</v>
      </c>
      <c r="MC21" s="109">
        <v>0</v>
      </c>
      <c r="MD21" s="110">
        <v>168758</v>
      </c>
      <c r="ME21" s="111">
        <v>168758</v>
      </c>
      <c r="MF21" s="129">
        <v>0</v>
      </c>
      <c r="MG21" s="109">
        <v>0</v>
      </c>
      <c r="MH21" s="110">
        <v>0</v>
      </c>
      <c r="MI21" s="470">
        <v>0</v>
      </c>
      <c r="MJ21" s="109">
        <v>160876</v>
      </c>
      <c r="MK21" s="109">
        <v>1235371</v>
      </c>
      <c r="ML21" s="109">
        <v>1878631</v>
      </c>
      <c r="MM21" s="109">
        <v>3950517</v>
      </c>
      <c r="MN21" s="109">
        <v>1774959</v>
      </c>
      <c r="MO21" s="110">
        <v>9000354</v>
      </c>
      <c r="MP21" s="130">
        <v>9000354</v>
      </c>
      <c r="MQ21" s="129">
        <v>0</v>
      </c>
      <c r="MR21" s="109">
        <v>0</v>
      </c>
      <c r="MS21" s="110">
        <v>0</v>
      </c>
      <c r="MT21" s="470">
        <v>0</v>
      </c>
      <c r="MU21" s="109">
        <v>0</v>
      </c>
      <c r="MV21" s="109">
        <v>212013</v>
      </c>
      <c r="MW21" s="109">
        <v>1043390</v>
      </c>
      <c r="MX21" s="109">
        <v>2042720</v>
      </c>
      <c r="MY21" s="109">
        <v>1371913</v>
      </c>
      <c r="MZ21" s="110">
        <v>4670036</v>
      </c>
      <c r="NA21" s="130">
        <v>4670036</v>
      </c>
      <c r="NB21" s="129">
        <v>0</v>
      </c>
      <c r="NC21" s="109">
        <v>0</v>
      </c>
      <c r="ND21" s="110">
        <v>0</v>
      </c>
      <c r="NE21" s="470">
        <v>0</v>
      </c>
      <c r="NF21" s="109">
        <v>160876</v>
      </c>
      <c r="NG21" s="109">
        <v>1023358</v>
      </c>
      <c r="NH21" s="109">
        <v>835241</v>
      </c>
      <c r="NI21" s="109">
        <v>1907797</v>
      </c>
      <c r="NJ21" s="109">
        <v>0</v>
      </c>
      <c r="NK21" s="110">
        <v>3927272</v>
      </c>
      <c r="NL21" s="292">
        <v>3927272</v>
      </c>
      <c r="NM21" s="129">
        <v>0</v>
      </c>
      <c r="NN21" s="109">
        <v>0</v>
      </c>
      <c r="NO21" s="110">
        <v>0</v>
      </c>
      <c r="NP21" s="470">
        <v>0</v>
      </c>
      <c r="NQ21" s="109">
        <v>0</v>
      </c>
      <c r="NR21" s="109">
        <v>0</v>
      </c>
      <c r="NS21" s="109">
        <v>0</v>
      </c>
      <c r="NT21" s="109">
        <v>0</v>
      </c>
      <c r="NU21" s="109">
        <v>0</v>
      </c>
      <c r="NV21" s="110">
        <v>0</v>
      </c>
      <c r="NW21" s="111">
        <v>0</v>
      </c>
      <c r="NX21" s="129">
        <v>0</v>
      </c>
      <c r="NY21" s="109">
        <v>0</v>
      </c>
      <c r="NZ21" s="110">
        <v>0</v>
      </c>
      <c r="OA21" s="470">
        <v>0</v>
      </c>
      <c r="OB21" s="109">
        <v>0</v>
      </c>
      <c r="OC21" s="109">
        <v>0</v>
      </c>
      <c r="OD21" s="109">
        <v>0</v>
      </c>
      <c r="OE21" s="109">
        <v>0</v>
      </c>
      <c r="OF21" s="109">
        <v>403046</v>
      </c>
      <c r="OG21" s="110">
        <v>403046</v>
      </c>
      <c r="OH21" s="111">
        <v>403046</v>
      </c>
      <c r="OI21" s="129">
        <v>532315</v>
      </c>
      <c r="OJ21" s="109">
        <v>639329</v>
      </c>
      <c r="OK21" s="128">
        <v>1171644</v>
      </c>
      <c r="OL21" s="108">
        <v>0</v>
      </c>
      <c r="OM21" s="109">
        <v>3877306</v>
      </c>
      <c r="ON21" s="109">
        <v>9598887</v>
      </c>
      <c r="OO21" s="109">
        <v>6597821</v>
      </c>
      <c r="OP21" s="109">
        <v>9526197</v>
      </c>
      <c r="OQ21" s="109">
        <v>5201318</v>
      </c>
      <c r="OR21" s="110">
        <v>34801529</v>
      </c>
      <c r="OS21" s="130">
        <v>35973173</v>
      </c>
    </row>
    <row r="22" spans="2:409" ht="21" customHeight="1" x14ac:dyDescent="0.2">
      <c r="B22" s="437" t="s">
        <v>17</v>
      </c>
      <c r="C22" s="100">
        <v>549834</v>
      </c>
      <c r="D22" s="104">
        <v>753410</v>
      </c>
      <c r="E22" s="103">
        <v>1303244</v>
      </c>
      <c r="F22" s="99">
        <v>0</v>
      </c>
      <c r="G22" s="104">
        <v>3925902</v>
      </c>
      <c r="H22" s="104">
        <v>7085541</v>
      </c>
      <c r="I22" s="104">
        <v>5138321</v>
      </c>
      <c r="J22" s="104">
        <v>2591548</v>
      </c>
      <c r="K22" s="104">
        <v>2349438</v>
      </c>
      <c r="L22" s="99">
        <v>21090750</v>
      </c>
      <c r="M22" s="106">
        <v>22393994</v>
      </c>
      <c r="N22" s="100">
        <v>100264</v>
      </c>
      <c r="O22" s="104">
        <v>139026</v>
      </c>
      <c r="P22" s="103">
        <v>239290</v>
      </c>
      <c r="Q22" s="100">
        <v>0</v>
      </c>
      <c r="R22" s="104">
        <v>1233151</v>
      </c>
      <c r="S22" s="104">
        <v>1237552</v>
      </c>
      <c r="T22" s="104">
        <v>1851583</v>
      </c>
      <c r="U22" s="104">
        <v>406336</v>
      </c>
      <c r="V22" s="104">
        <v>1191909</v>
      </c>
      <c r="W22" s="103">
        <v>5920531</v>
      </c>
      <c r="X22" s="106">
        <v>6159821</v>
      </c>
      <c r="Y22" s="100">
        <v>0</v>
      </c>
      <c r="Z22" s="104">
        <v>0</v>
      </c>
      <c r="AA22" s="103">
        <v>0</v>
      </c>
      <c r="AB22" s="100">
        <v>0</v>
      </c>
      <c r="AC22" s="104">
        <v>464553</v>
      </c>
      <c r="AD22" s="104">
        <v>456951</v>
      </c>
      <c r="AE22" s="104">
        <v>836882</v>
      </c>
      <c r="AF22" s="104">
        <v>36482</v>
      </c>
      <c r="AG22" s="104">
        <v>763961</v>
      </c>
      <c r="AH22" s="103">
        <v>2558829</v>
      </c>
      <c r="AI22" s="106">
        <v>2558829</v>
      </c>
      <c r="AJ22" s="100">
        <v>0</v>
      </c>
      <c r="AK22" s="104">
        <v>0</v>
      </c>
      <c r="AL22" s="103">
        <v>0</v>
      </c>
      <c r="AM22" s="100">
        <v>0</v>
      </c>
      <c r="AN22" s="104">
        <v>0</v>
      </c>
      <c r="AO22" s="104">
        <v>0</v>
      </c>
      <c r="AP22" s="104">
        <v>47374</v>
      </c>
      <c r="AQ22" s="104">
        <v>35043</v>
      </c>
      <c r="AR22" s="104">
        <v>106291</v>
      </c>
      <c r="AS22" s="103">
        <v>188708</v>
      </c>
      <c r="AT22" s="106">
        <v>188708</v>
      </c>
      <c r="AU22" s="100">
        <v>0</v>
      </c>
      <c r="AV22" s="104">
        <v>61482</v>
      </c>
      <c r="AW22" s="103">
        <v>61482</v>
      </c>
      <c r="AX22" s="100">
        <v>0</v>
      </c>
      <c r="AY22" s="104">
        <v>488057</v>
      </c>
      <c r="AZ22" s="104">
        <v>446860</v>
      </c>
      <c r="BA22" s="104">
        <v>566660</v>
      </c>
      <c r="BB22" s="104">
        <v>181587</v>
      </c>
      <c r="BC22" s="104">
        <v>171753</v>
      </c>
      <c r="BD22" s="103">
        <v>1854917</v>
      </c>
      <c r="BE22" s="106">
        <v>1916399</v>
      </c>
      <c r="BF22" s="100">
        <v>0</v>
      </c>
      <c r="BG22" s="104">
        <v>29624</v>
      </c>
      <c r="BH22" s="102">
        <v>29624</v>
      </c>
      <c r="BI22" s="101">
        <v>0</v>
      </c>
      <c r="BJ22" s="104">
        <v>24781</v>
      </c>
      <c r="BK22" s="104">
        <v>48037</v>
      </c>
      <c r="BL22" s="104">
        <v>118811</v>
      </c>
      <c r="BM22" s="104">
        <v>0</v>
      </c>
      <c r="BN22" s="104">
        <v>0</v>
      </c>
      <c r="BO22" s="103">
        <v>191629</v>
      </c>
      <c r="BP22" s="106">
        <v>221253</v>
      </c>
      <c r="BQ22" s="100">
        <v>100264</v>
      </c>
      <c r="BR22" s="104">
        <v>47920</v>
      </c>
      <c r="BS22" s="103">
        <v>148184</v>
      </c>
      <c r="BT22" s="100">
        <v>0</v>
      </c>
      <c r="BU22" s="104">
        <v>255760</v>
      </c>
      <c r="BV22" s="104">
        <v>285704</v>
      </c>
      <c r="BW22" s="104">
        <v>281856</v>
      </c>
      <c r="BX22" s="104">
        <v>153224</v>
      </c>
      <c r="BY22" s="104">
        <v>149904</v>
      </c>
      <c r="BZ22" s="103">
        <v>1126448</v>
      </c>
      <c r="CA22" s="106">
        <v>1274632</v>
      </c>
      <c r="CB22" s="100">
        <v>88739</v>
      </c>
      <c r="CC22" s="104">
        <v>118383</v>
      </c>
      <c r="CD22" s="103">
        <v>207122</v>
      </c>
      <c r="CE22" s="100">
        <v>0</v>
      </c>
      <c r="CF22" s="104">
        <v>1247344</v>
      </c>
      <c r="CG22" s="104">
        <v>2607387</v>
      </c>
      <c r="CH22" s="104">
        <v>1051440</v>
      </c>
      <c r="CI22" s="104">
        <v>337176</v>
      </c>
      <c r="CJ22" s="104">
        <v>318912</v>
      </c>
      <c r="CK22" s="103">
        <v>5562259</v>
      </c>
      <c r="CL22" s="106">
        <v>5769381</v>
      </c>
      <c r="CM22" s="100">
        <v>0</v>
      </c>
      <c r="CN22" s="104">
        <v>0</v>
      </c>
      <c r="CO22" s="103">
        <v>0</v>
      </c>
      <c r="CP22" s="101">
        <v>0</v>
      </c>
      <c r="CQ22" s="104">
        <v>1161435</v>
      </c>
      <c r="CR22" s="104">
        <v>1934625</v>
      </c>
      <c r="CS22" s="104">
        <v>763760</v>
      </c>
      <c r="CT22" s="104">
        <v>273166</v>
      </c>
      <c r="CU22" s="104">
        <v>209891</v>
      </c>
      <c r="CV22" s="103">
        <v>4342877</v>
      </c>
      <c r="CW22" s="106">
        <v>4342877</v>
      </c>
      <c r="CX22" s="100">
        <v>88739</v>
      </c>
      <c r="CY22" s="104">
        <v>118383</v>
      </c>
      <c r="CZ22" s="103">
        <v>207122</v>
      </c>
      <c r="DA22" s="100">
        <v>0</v>
      </c>
      <c r="DB22" s="104">
        <v>85909</v>
      </c>
      <c r="DC22" s="104">
        <v>672762</v>
      </c>
      <c r="DD22" s="104">
        <v>287680</v>
      </c>
      <c r="DE22" s="104">
        <v>64010</v>
      </c>
      <c r="DF22" s="104">
        <v>109021</v>
      </c>
      <c r="DG22" s="103">
        <v>1219382</v>
      </c>
      <c r="DH22" s="106">
        <v>1426504</v>
      </c>
      <c r="DI22" s="100">
        <v>0</v>
      </c>
      <c r="DJ22" s="104">
        <v>0</v>
      </c>
      <c r="DK22" s="102">
        <v>0</v>
      </c>
      <c r="DL22" s="101">
        <v>0</v>
      </c>
      <c r="DM22" s="104">
        <v>152470</v>
      </c>
      <c r="DN22" s="104">
        <v>559156</v>
      </c>
      <c r="DO22" s="104">
        <v>432436</v>
      </c>
      <c r="DP22" s="104">
        <v>732612</v>
      </c>
      <c r="DQ22" s="104">
        <v>321836</v>
      </c>
      <c r="DR22" s="103">
        <v>2198510</v>
      </c>
      <c r="DS22" s="106">
        <v>2198510</v>
      </c>
      <c r="DT22" s="100">
        <v>0</v>
      </c>
      <c r="DU22" s="104">
        <v>0</v>
      </c>
      <c r="DV22" s="103">
        <v>0</v>
      </c>
      <c r="DW22" s="100">
        <v>0</v>
      </c>
      <c r="DX22" s="104">
        <v>152470</v>
      </c>
      <c r="DY22" s="104">
        <v>559156</v>
      </c>
      <c r="DZ22" s="104">
        <v>339795</v>
      </c>
      <c r="EA22" s="104">
        <v>732612</v>
      </c>
      <c r="EB22" s="104">
        <v>321836</v>
      </c>
      <c r="EC22" s="103">
        <v>2105869</v>
      </c>
      <c r="ED22" s="106">
        <v>2105869</v>
      </c>
      <c r="EE22" s="100">
        <v>0</v>
      </c>
      <c r="EF22" s="102">
        <v>0</v>
      </c>
      <c r="EG22" s="103">
        <v>0</v>
      </c>
      <c r="EH22" s="100">
        <v>0</v>
      </c>
      <c r="EI22" s="104">
        <v>0</v>
      </c>
      <c r="EJ22" s="104">
        <v>0</v>
      </c>
      <c r="EK22" s="104">
        <v>92641</v>
      </c>
      <c r="EL22" s="104">
        <v>0</v>
      </c>
      <c r="EM22" s="104">
        <v>0</v>
      </c>
      <c r="EN22" s="102">
        <v>92641</v>
      </c>
      <c r="EO22" s="106">
        <v>92641</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06">
        <v>0</v>
      </c>
      <c r="FE22" s="104">
        <v>0</v>
      </c>
      <c r="FF22" s="104">
        <v>0</v>
      </c>
      <c r="FG22" s="104">
        <v>0</v>
      </c>
      <c r="FH22" s="104">
        <v>0</v>
      </c>
      <c r="FI22" s="104">
        <v>0</v>
      </c>
      <c r="FJ22" s="103">
        <v>0</v>
      </c>
      <c r="FK22" s="106">
        <v>0</v>
      </c>
      <c r="FL22" s="100">
        <v>82344</v>
      </c>
      <c r="FM22" s="104">
        <v>307552</v>
      </c>
      <c r="FN22" s="103">
        <v>389896</v>
      </c>
      <c r="FO22" s="100">
        <v>0</v>
      </c>
      <c r="FP22" s="104">
        <v>197672</v>
      </c>
      <c r="FQ22" s="104">
        <v>1048496</v>
      </c>
      <c r="FR22" s="104">
        <v>492304</v>
      </c>
      <c r="FS22" s="104">
        <v>307992</v>
      </c>
      <c r="FT22" s="104">
        <v>163128</v>
      </c>
      <c r="FU22" s="103">
        <v>2209592</v>
      </c>
      <c r="FV22" s="106">
        <v>2599488</v>
      </c>
      <c r="FW22" s="105">
        <v>51664</v>
      </c>
      <c r="FX22" s="104">
        <v>147552</v>
      </c>
      <c r="FY22" s="102">
        <v>199216</v>
      </c>
      <c r="FZ22" s="101">
        <v>0</v>
      </c>
      <c r="GA22" s="104">
        <v>93672</v>
      </c>
      <c r="GB22" s="104">
        <v>824096</v>
      </c>
      <c r="GC22" s="104">
        <v>460360</v>
      </c>
      <c r="GD22" s="104">
        <v>146392</v>
      </c>
      <c r="GE22" s="104">
        <v>163128</v>
      </c>
      <c r="GF22" s="103">
        <v>1687648</v>
      </c>
      <c r="GG22" s="290">
        <v>1886864</v>
      </c>
      <c r="GH22" s="105">
        <v>0</v>
      </c>
      <c r="GI22" s="104">
        <v>0</v>
      </c>
      <c r="GJ22" s="102">
        <v>0</v>
      </c>
      <c r="GK22" s="101">
        <v>0</v>
      </c>
      <c r="GL22" s="104">
        <v>63200</v>
      </c>
      <c r="GM22" s="104">
        <v>11600</v>
      </c>
      <c r="GN22" s="104">
        <v>0</v>
      </c>
      <c r="GO22" s="104">
        <v>0</v>
      </c>
      <c r="GP22" s="104">
        <v>0</v>
      </c>
      <c r="GQ22" s="103">
        <v>74800</v>
      </c>
      <c r="GR22" s="106">
        <v>74800</v>
      </c>
      <c r="GS22" s="100">
        <v>30680</v>
      </c>
      <c r="GT22" s="104">
        <v>160000</v>
      </c>
      <c r="GU22" s="103">
        <v>190680</v>
      </c>
      <c r="GV22" s="100">
        <v>0</v>
      </c>
      <c r="GW22" s="104">
        <v>40800</v>
      </c>
      <c r="GX22" s="104">
        <v>212800</v>
      </c>
      <c r="GY22" s="104">
        <v>31944</v>
      </c>
      <c r="GZ22" s="104">
        <v>161600</v>
      </c>
      <c r="HA22" s="104">
        <v>0</v>
      </c>
      <c r="HB22" s="102">
        <v>447144</v>
      </c>
      <c r="HC22" s="106">
        <v>637824</v>
      </c>
      <c r="HD22" s="100">
        <v>278487</v>
      </c>
      <c r="HE22" s="104">
        <v>188449</v>
      </c>
      <c r="HF22" s="102">
        <v>466936</v>
      </c>
      <c r="HG22" s="101">
        <v>0</v>
      </c>
      <c r="HH22" s="104">
        <v>1095265</v>
      </c>
      <c r="HI22" s="104">
        <v>1632950</v>
      </c>
      <c r="HJ22" s="104">
        <v>1310558</v>
      </c>
      <c r="HK22" s="104">
        <v>807432</v>
      </c>
      <c r="HL22" s="104">
        <v>353653</v>
      </c>
      <c r="HM22" s="103">
        <v>5199858</v>
      </c>
      <c r="HN22" s="99">
        <v>5666794</v>
      </c>
      <c r="HO22" s="456">
        <v>0</v>
      </c>
      <c r="HP22" s="457">
        <v>0</v>
      </c>
      <c r="HQ22" s="458">
        <v>0</v>
      </c>
      <c r="HR22" s="459">
        <v>0</v>
      </c>
      <c r="HS22" s="457">
        <v>0</v>
      </c>
      <c r="HT22" s="457">
        <v>0</v>
      </c>
      <c r="HU22" s="457">
        <v>0</v>
      </c>
      <c r="HV22" s="457">
        <v>0</v>
      </c>
      <c r="HW22" s="457">
        <v>0</v>
      </c>
      <c r="HX22" s="460">
        <v>0</v>
      </c>
      <c r="HY22" s="461">
        <v>0</v>
      </c>
      <c r="HZ22" s="135">
        <v>0</v>
      </c>
      <c r="IA22" s="122">
        <v>0</v>
      </c>
      <c r="IB22" s="135">
        <v>0</v>
      </c>
      <c r="IC22" s="121">
        <v>0</v>
      </c>
      <c r="ID22" s="122">
        <v>1516132</v>
      </c>
      <c r="IE22" s="123">
        <v>2290241</v>
      </c>
      <c r="IF22" s="124">
        <v>2776354</v>
      </c>
      <c r="IG22" s="122">
        <v>1226535</v>
      </c>
      <c r="IH22" s="124">
        <v>831925</v>
      </c>
      <c r="II22" s="125">
        <v>8641187</v>
      </c>
      <c r="IJ22" s="135">
        <v>8641187</v>
      </c>
      <c r="IK22" s="215">
        <v>0</v>
      </c>
      <c r="IL22" s="219">
        <v>0</v>
      </c>
      <c r="IM22" s="220">
        <v>0</v>
      </c>
      <c r="IN22" s="470">
        <v>0</v>
      </c>
      <c r="IO22" s="109">
        <v>0</v>
      </c>
      <c r="IP22" s="109">
        <v>0</v>
      </c>
      <c r="IQ22" s="109">
        <v>0</v>
      </c>
      <c r="IR22" s="109">
        <v>0</v>
      </c>
      <c r="IS22" s="109">
        <v>242829</v>
      </c>
      <c r="IT22" s="128">
        <v>242829</v>
      </c>
      <c r="IU22" s="292">
        <v>242829</v>
      </c>
      <c r="IV22" s="129">
        <v>0</v>
      </c>
      <c r="IW22" s="109">
        <v>0</v>
      </c>
      <c r="IX22" s="110">
        <v>0</v>
      </c>
      <c r="IY22" s="470">
        <v>0</v>
      </c>
      <c r="IZ22" s="109">
        <v>0</v>
      </c>
      <c r="JA22" s="109">
        <v>0</v>
      </c>
      <c r="JB22" s="109">
        <v>0</v>
      </c>
      <c r="JC22" s="109">
        <v>0</v>
      </c>
      <c r="JD22" s="109">
        <v>0</v>
      </c>
      <c r="JE22" s="110">
        <v>0</v>
      </c>
      <c r="JF22" s="111">
        <v>0</v>
      </c>
      <c r="JG22" s="129">
        <v>0</v>
      </c>
      <c r="JH22" s="109">
        <v>0</v>
      </c>
      <c r="JI22" s="128">
        <v>0</v>
      </c>
      <c r="JJ22" s="108">
        <v>0</v>
      </c>
      <c r="JK22" s="109">
        <v>803053</v>
      </c>
      <c r="JL22" s="109">
        <v>1069216</v>
      </c>
      <c r="JM22" s="109">
        <v>690466</v>
      </c>
      <c r="JN22" s="109">
        <v>136227</v>
      </c>
      <c r="JO22" s="109">
        <v>0</v>
      </c>
      <c r="JP22" s="110">
        <v>2698962</v>
      </c>
      <c r="JQ22" s="292">
        <v>2698962</v>
      </c>
      <c r="JR22" s="129">
        <v>0</v>
      </c>
      <c r="JS22" s="109">
        <v>0</v>
      </c>
      <c r="JT22" s="128">
        <v>0</v>
      </c>
      <c r="JU22" s="108">
        <v>0</v>
      </c>
      <c r="JV22" s="109">
        <v>103417</v>
      </c>
      <c r="JW22" s="109">
        <v>146220</v>
      </c>
      <c r="JX22" s="109">
        <v>6404</v>
      </c>
      <c r="JY22" s="109">
        <v>0</v>
      </c>
      <c r="JZ22" s="109">
        <v>0</v>
      </c>
      <c r="KA22" s="110">
        <v>256041</v>
      </c>
      <c r="KB22" s="292">
        <v>256041</v>
      </c>
      <c r="KC22" s="217">
        <v>0</v>
      </c>
      <c r="KD22" s="213">
        <v>0</v>
      </c>
      <c r="KE22" s="110">
        <v>0</v>
      </c>
      <c r="KF22" s="108">
        <v>0</v>
      </c>
      <c r="KG22" s="109">
        <v>128499</v>
      </c>
      <c r="KH22" s="109">
        <v>313812</v>
      </c>
      <c r="KI22" s="109">
        <v>246944</v>
      </c>
      <c r="KJ22" s="109">
        <v>272896</v>
      </c>
      <c r="KK22" s="109">
        <v>589096</v>
      </c>
      <c r="KL22" s="110">
        <v>1551247</v>
      </c>
      <c r="KM22" s="130">
        <v>1551247</v>
      </c>
      <c r="KN22" s="215">
        <v>0</v>
      </c>
      <c r="KO22" s="219">
        <v>0</v>
      </c>
      <c r="KP22" s="220">
        <v>0</v>
      </c>
      <c r="KQ22" s="470">
        <v>0</v>
      </c>
      <c r="KR22" s="109">
        <v>481163</v>
      </c>
      <c r="KS22" s="109">
        <v>760993</v>
      </c>
      <c r="KT22" s="109">
        <v>1294188</v>
      </c>
      <c r="KU22" s="109">
        <v>264629</v>
      </c>
      <c r="KV22" s="109">
        <v>0</v>
      </c>
      <c r="KW22" s="110">
        <v>2800973</v>
      </c>
      <c r="KX22" s="292">
        <v>2800973</v>
      </c>
      <c r="KY22" s="129">
        <v>0</v>
      </c>
      <c r="KZ22" s="109">
        <v>0</v>
      </c>
      <c r="LA22" s="110">
        <v>0</v>
      </c>
      <c r="LB22" s="470">
        <v>0</v>
      </c>
      <c r="LC22" s="109">
        <v>0</v>
      </c>
      <c r="LD22" s="109">
        <v>0</v>
      </c>
      <c r="LE22" s="109">
        <v>0</v>
      </c>
      <c r="LF22" s="109">
        <v>0</v>
      </c>
      <c r="LG22" s="109">
        <v>0</v>
      </c>
      <c r="LH22" s="110">
        <v>0</v>
      </c>
      <c r="LI22" s="111">
        <v>0</v>
      </c>
      <c r="LJ22" s="129">
        <v>0</v>
      </c>
      <c r="LK22" s="109">
        <v>0</v>
      </c>
      <c r="LL22" s="110">
        <v>0</v>
      </c>
      <c r="LM22" s="470">
        <v>0</v>
      </c>
      <c r="LN22" s="109">
        <v>0</v>
      </c>
      <c r="LO22" s="109">
        <v>0</v>
      </c>
      <c r="LP22" s="109">
        <v>246508</v>
      </c>
      <c r="LQ22" s="109">
        <v>552783</v>
      </c>
      <c r="LR22" s="109">
        <v>0</v>
      </c>
      <c r="LS22" s="110">
        <v>799291</v>
      </c>
      <c r="LT22" s="292">
        <v>799291</v>
      </c>
      <c r="LU22" s="129">
        <v>0</v>
      </c>
      <c r="LV22" s="109">
        <v>0</v>
      </c>
      <c r="LW22" s="110">
        <v>0</v>
      </c>
      <c r="LX22" s="470">
        <v>0</v>
      </c>
      <c r="LY22" s="109">
        <v>0</v>
      </c>
      <c r="LZ22" s="109">
        <v>0</v>
      </c>
      <c r="MA22" s="109">
        <v>291844</v>
      </c>
      <c r="MB22" s="109">
        <v>0</v>
      </c>
      <c r="MC22" s="109">
        <v>0</v>
      </c>
      <c r="MD22" s="110">
        <v>291844</v>
      </c>
      <c r="ME22" s="111">
        <v>291844</v>
      </c>
      <c r="MF22" s="129">
        <v>0</v>
      </c>
      <c r="MG22" s="109">
        <v>0</v>
      </c>
      <c r="MH22" s="110">
        <v>0</v>
      </c>
      <c r="MI22" s="470">
        <v>0</v>
      </c>
      <c r="MJ22" s="109">
        <v>738051</v>
      </c>
      <c r="MK22" s="109">
        <v>863721</v>
      </c>
      <c r="ML22" s="109">
        <v>3686152</v>
      </c>
      <c r="MM22" s="109">
        <v>4491401</v>
      </c>
      <c r="MN22" s="109">
        <v>4294178</v>
      </c>
      <c r="MO22" s="110">
        <v>14073503</v>
      </c>
      <c r="MP22" s="130">
        <v>14073503</v>
      </c>
      <c r="MQ22" s="129">
        <v>0</v>
      </c>
      <c r="MR22" s="109">
        <v>0</v>
      </c>
      <c r="MS22" s="110">
        <v>0</v>
      </c>
      <c r="MT22" s="470">
        <v>0</v>
      </c>
      <c r="MU22" s="109">
        <v>0</v>
      </c>
      <c r="MV22" s="109">
        <v>0</v>
      </c>
      <c r="MW22" s="109">
        <v>2290069</v>
      </c>
      <c r="MX22" s="109">
        <v>3129328</v>
      </c>
      <c r="MY22" s="109">
        <v>2582063</v>
      </c>
      <c r="MZ22" s="110">
        <v>8001460</v>
      </c>
      <c r="NA22" s="130">
        <v>8001460</v>
      </c>
      <c r="NB22" s="129">
        <v>0</v>
      </c>
      <c r="NC22" s="109">
        <v>0</v>
      </c>
      <c r="ND22" s="110">
        <v>0</v>
      </c>
      <c r="NE22" s="470">
        <v>0</v>
      </c>
      <c r="NF22" s="109">
        <v>738051</v>
      </c>
      <c r="NG22" s="109">
        <v>863721</v>
      </c>
      <c r="NH22" s="109">
        <v>1396083</v>
      </c>
      <c r="NI22" s="109">
        <v>1172032</v>
      </c>
      <c r="NJ22" s="109">
        <v>1712115</v>
      </c>
      <c r="NK22" s="110">
        <v>5882002</v>
      </c>
      <c r="NL22" s="292">
        <v>5882002</v>
      </c>
      <c r="NM22" s="129">
        <v>0</v>
      </c>
      <c r="NN22" s="109">
        <v>0</v>
      </c>
      <c r="NO22" s="110">
        <v>0</v>
      </c>
      <c r="NP22" s="470">
        <v>0</v>
      </c>
      <c r="NQ22" s="109">
        <v>0</v>
      </c>
      <c r="NR22" s="109">
        <v>0</v>
      </c>
      <c r="NS22" s="109">
        <v>0</v>
      </c>
      <c r="NT22" s="109">
        <v>0</v>
      </c>
      <c r="NU22" s="109">
        <v>0</v>
      </c>
      <c r="NV22" s="110">
        <v>0</v>
      </c>
      <c r="NW22" s="111">
        <v>0</v>
      </c>
      <c r="NX22" s="129">
        <v>0</v>
      </c>
      <c r="NY22" s="109">
        <v>0</v>
      </c>
      <c r="NZ22" s="110">
        <v>0</v>
      </c>
      <c r="OA22" s="470">
        <v>0</v>
      </c>
      <c r="OB22" s="109">
        <v>0</v>
      </c>
      <c r="OC22" s="109">
        <v>0</v>
      </c>
      <c r="OD22" s="109">
        <v>0</v>
      </c>
      <c r="OE22" s="109">
        <v>190041</v>
      </c>
      <c r="OF22" s="109">
        <v>0</v>
      </c>
      <c r="OG22" s="110">
        <v>190041</v>
      </c>
      <c r="OH22" s="111">
        <v>190041</v>
      </c>
      <c r="OI22" s="129">
        <v>549834</v>
      </c>
      <c r="OJ22" s="109">
        <v>753410</v>
      </c>
      <c r="OK22" s="128">
        <v>1303244</v>
      </c>
      <c r="OL22" s="108">
        <v>0</v>
      </c>
      <c r="OM22" s="109">
        <v>6180085</v>
      </c>
      <c r="ON22" s="109">
        <v>10239503</v>
      </c>
      <c r="OO22" s="109">
        <v>11600827</v>
      </c>
      <c r="OP22" s="109">
        <v>8309484</v>
      </c>
      <c r="OQ22" s="109">
        <v>7475541</v>
      </c>
      <c r="OR22" s="110">
        <v>43805440</v>
      </c>
      <c r="OS22" s="130">
        <v>45108684</v>
      </c>
    </row>
    <row r="23" spans="2:409" ht="21" customHeight="1" x14ac:dyDescent="0.2">
      <c r="B23" s="437" t="s">
        <v>18</v>
      </c>
      <c r="C23" s="100">
        <v>501849</v>
      </c>
      <c r="D23" s="104">
        <v>816968</v>
      </c>
      <c r="E23" s="103">
        <v>1318817</v>
      </c>
      <c r="F23" s="99">
        <v>0</v>
      </c>
      <c r="G23" s="104">
        <v>7868103</v>
      </c>
      <c r="H23" s="104">
        <v>7832972</v>
      </c>
      <c r="I23" s="104">
        <v>6665079</v>
      </c>
      <c r="J23" s="104">
        <v>6085713</v>
      </c>
      <c r="K23" s="104">
        <v>2315049</v>
      </c>
      <c r="L23" s="99">
        <v>30766916</v>
      </c>
      <c r="M23" s="106">
        <v>32085733</v>
      </c>
      <c r="N23" s="100">
        <v>159527</v>
      </c>
      <c r="O23" s="104">
        <v>352093</v>
      </c>
      <c r="P23" s="103">
        <v>511620</v>
      </c>
      <c r="Q23" s="100">
        <v>0</v>
      </c>
      <c r="R23" s="104">
        <v>2049869</v>
      </c>
      <c r="S23" s="104">
        <v>2005126</v>
      </c>
      <c r="T23" s="104">
        <v>2294152</v>
      </c>
      <c r="U23" s="104">
        <v>2361208</v>
      </c>
      <c r="V23" s="104">
        <v>1231424</v>
      </c>
      <c r="W23" s="103">
        <v>9941779</v>
      </c>
      <c r="X23" s="106">
        <v>10453399</v>
      </c>
      <c r="Y23" s="100">
        <v>0</v>
      </c>
      <c r="Z23" s="104">
        <v>0</v>
      </c>
      <c r="AA23" s="103">
        <v>0</v>
      </c>
      <c r="AB23" s="100">
        <v>0</v>
      </c>
      <c r="AC23" s="104">
        <v>846736</v>
      </c>
      <c r="AD23" s="104">
        <v>913113</v>
      </c>
      <c r="AE23" s="104">
        <v>1325934</v>
      </c>
      <c r="AF23" s="104">
        <v>1606925</v>
      </c>
      <c r="AG23" s="104">
        <v>607682</v>
      </c>
      <c r="AH23" s="103">
        <v>5300390</v>
      </c>
      <c r="AI23" s="106">
        <v>5300390</v>
      </c>
      <c r="AJ23" s="100">
        <v>0</v>
      </c>
      <c r="AK23" s="104">
        <v>0</v>
      </c>
      <c r="AL23" s="103">
        <v>0</v>
      </c>
      <c r="AM23" s="100">
        <v>0</v>
      </c>
      <c r="AN23" s="104">
        <v>35078</v>
      </c>
      <c r="AO23" s="104">
        <v>0</v>
      </c>
      <c r="AP23" s="104">
        <v>0</v>
      </c>
      <c r="AQ23" s="104">
        <v>0</v>
      </c>
      <c r="AR23" s="104">
        <v>164911</v>
      </c>
      <c r="AS23" s="103">
        <v>199989</v>
      </c>
      <c r="AT23" s="106">
        <v>199989</v>
      </c>
      <c r="AU23" s="100">
        <v>85751</v>
      </c>
      <c r="AV23" s="104">
        <v>244023</v>
      </c>
      <c r="AW23" s="103">
        <v>329774</v>
      </c>
      <c r="AX23" s="100">
        <v>0</v>
      </c>
      <c r="AY23" s="104">
        <v>553159</v>
      </c>
      <c r="AZ23" s="104">
        <v>555696</v>
      </c>
      <c r="BA23" s="104">
        <v>507458</v>
      </c>
      <c r="BB23" s="104">
        <v>302420</v>
      </c>
      <c r="BC23" s="104">
        <v>252807</v>
      </c>
      <c r="BD23" s="103">
        <v>2171540</v>
      </c>
      <c r="BE23" s="106">
        <v>2501314</v>
      </c>
      <c r="BF23" s="100">
        <v>0</v>
      </c>
      <c r="BG23" s="104">
        <v>71326</v>
      </c>
      <c r="BH23" s="102">
        <v>71326</v>
      </c>
      <c r="BI23" s="101">
        <v>0</v>
      </c>
      <c r="BJ23" s="104">
        <v>138760</v>
      </c>
      <c r="BK23" s="104">
        <v>117973</v>
      </c>
      <c r="BL23" s="104">
        <v>66320</v>
      </c>
      <c r="BM23" s="104">
        <v>172815</v>
      </c>
      <c r="BN23" s="104">
        <v>0</v>
      </c>
      <c r="BO23" s="103">
        <v>495868</v>
      </c>
      <c r="BP23" s="106">
        <v>567194</v>
      </c>
      <c r="BQ23" s="100">
        <v>73776</v>
      </c>
      <c r="BR23" s="104">
        <v>36744</v>
      </c>
      <c r="BS23" s="103">
        <v>110520</v>
      </c>
      <c r="BT23" s="100">
        <v>0</v>
      </c>
      <c r="BU23" s="104">
        <v>476136</v>
      </c>
      <c r="BV23" s="104">
        <v>418344</v>
      </c>
      <c r="BW23" s="104">
        <v>394440</v>
      </c>
      <c r="BX23" s="104">
        <v>279048</v>
      </c>
      <c r="BY23" s="104">
        <v>206024</v>
      </c>
      <c r="BZ23" s="103">
        <v>1773992</v>
      </c>
      <c r="CA23" s="106">
        <v>1884512</v>
      </c>
      <c r="CB23" s="100">
        <v>61256</v>
      </c>
      <c r="CC23" s="104">
        <v>310179</v>
      </c>
      <c r="CD23" s="103">
        <v>371435</v>
      </c>
      <c r="CE23" s="100">
        <v>0</v>
      </c>
      <c r="CF23" s="104">
        <v>2531141</v>
      </c>
      <c r="CG23" s="104">
        <v>2426374</v>
      </c>
      <c r="CH23" s="104">
        <v>1863122</v>
      </c>
      <c r="CI23" s="104">
        <v>641376</v>
      </c>
      <c r="CJ23" s="104">
        <v>86166</v>
      </c>
      <c r="CK23" s="103">
        <v>7548179</v>
      </c>
      <c r="CL23" s="106">
        <v>7919614</v>
      </c>
      <c r="CM23" s="100">
        <v>0</v>
      </c>
      <c r="CN23" s="104">
        <v>0</v>
      </c>
      <c r="CO23" s="103">
        <v>0</v>
      </c>
      <c r="CP23" s="101">
        <v>0</v>
      </c>
      <c r="CQ23" s="104">
        <v>2087220</v>
      </c>
      <c r="CR23" s="104">
        <v>1958302</v>
      </c>
      <c r="CS23" s="104">
        <v>1268242</v>
      </c>
      <c r="CT23" s="104">
        <v>465421</v>
      </c>
      <c r="CU23" s="104">
        <v>86166</v>
      </c>
      <c r="CV23" s="103">
        <v>5865351</v>
      </c>
      <c r="CW23" s="106">
        <v>5865351</v>
      </c>
      <c r="CX23" s="100">
        <v>61256</v>
      </c>
      <c r="CY23" s="104">
        <v>310179</v>
      </c>
      <c r="CZ23" s="103">
        <v>371435</v>
      </c>
      <c r="DA23" s="100">
        <v>0</v>
      </c>
      <c r="DB23" s="104">
        <v>443921</v>
      </c>
      <c r="DC23" s="104">
        <v>468072</v>
      </c>
      <c r="DD23" s="104">
        <v>594880</v>
      </c>
      <c r="DE23" s="104">
        <v>175955</v>
      </c>
      <c r="DF23" s="104">
        <v>0</v>
      </c>
      <c r="DG23" s="103">
        <v>1682828</v>
      </c>
      <c r="DH23" s="106">
        <v>2054263</v>
      </c>
      <c r="DI23" s="100">
        <v>0</v>
      </c>
      <c r="DJ23" s="104">
        <v>17352</v>
      </c>
      <c r="DK23" s="102">
        <v>17352</v>
      </c>
      <c r="DL23" s="101">
        <v>0</v>
      </c>
      <c r="DM23" s="104">
        <v>140347</v>
      </c>
      <c r="DN23" s="104">
        <v>565683</v>
      </c>
      <c r="DO23" s="104">
        <v>520296</v>
      </c>
      <c r="DP23" s="104">
        <v>1065402</v>
      </c>
      <c r="DQ23" s="104">
        <v>0</v>
      </c>
      <c r="DR23" s="103">
        <v>2291728</v>
      </c>
      <c r="DS23" s="106">
        <v>2309080</v>
      </c>
      <c r="DT23" s="100">
        <v>0</v>
      </c>
      <c r="DU23" s="104">
        <v>17352</v>
      </c>
      <c r="DV23" s="103">
        <v>17352</v>
      </c>
      <c r="DW23" s="100">
        <v>0</v>
      </c>
      <c r="DX23" s="104">
        <v>140347</v>
      </c>
      <c r="DY23" s="104">
        <v>565683</v>
      </c>
      <c r="DZ23" s="104">
        <v>520296</v>
      </c>
      <c r="EA23" s="104">
        <v>1065402</v>
      </c>
      <c r="EB23" s="104">
        <v>0</v>
      </c>
      <c r="EC23" s="103">
        <v>2291728</v>
      </c>
      <c r="ED23" s="106">
        <v>2309080</v>
      </c>
      <c r="EE23" s="100">
        <v>0</v>
      </c>
      <c r="EF23" s="102">
        <v>0</v>
      </c>
      <c r="EG23" s="103">
        <v>0</v>
      </c>
      <c r="EH23" s="100">
        <v>0</v>
      </c>
      <c r="EI23" s="104">
        <v>0</v>
      </c>
      <c r="EJ23" s="104">
        <v>0</v>
      </c>
      <c r="EK23" s="104">
        <v>0</v>
      </c>
      <c r="EL23" s="104">
        <v>0</v>
      </c>
      <c r="EM23" s="104">
        <v>0</v>
      </c>
      <c r="EN23" s="102">
        <v>0</v>
      </c>
      <c r="EO23" s="106">
        <v>0</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06">
        <v>0</v>
      </c>
      <c r="FE23" s="104">
        <v>0</v>
      </c>
      <c r="FF23" s="104">
        <v>0</v>
      </c>
      <c r="FG23" s="104">
        <v>0</v>
      </c>
      <c r="FH23" s="104">
        <v>0</v>
      </c>
      <c r="FI23" s="104">
        <v>0</v>
      </c>
      <c r="FJ23" s="103">
        <v>0</v>
      </c>
      <c r="FK23" s="106">
        <v>0</v>
      </c>
      <c r="FL23" s="100">
        <v>113568</v>
      </c>
      <c r="FM23" s="104">
        <v>137344</v>
      </c>
      <c r="FN23" s="103">
        <v>250912</v>
      </c>
      <c r="FO23" s="100">
        <v>0</v>
      </c>
      <c r="FP23" s="104">
        <v>329008</v>
      </c>
      <c r="FQ23" s="104">
        <v>531616</v>
      </c>
      <c r="FR23" s="104">
        <v>565296</v>
      </c>
      <c r="FS23" s="104">
        <v>297976</v>
      </c>
      <c r="FT23" s="104">
        <v>208984</v>
      </c>
      <c r="FU23" s="103">
        <v>1932880</v>
      </c>
      <c r="FV23" s="106">
        <v>2183792</v>
      </c>
      <c r="FW23" s="105">
        <v>27168</v>
      </c>
      <c r="FX23" s="104">
        <v>137344</v>
      </c>
      <c r="FY23" s="102">
        <v>164512</v>
      </c>
      <c r="FZ23" s="101">
        <v>0</v>
      </c>
      <c r="GA23" s="104">
        <v>249008</v>
      </c>
      <c r="GB23" s="104">
        <v>531616</v>
      </c>
      <c r="GC23" s="104">
        <v>450896</v>
      </c>
      <c r="GD23" s="104">
        <v>297976</v>
      </c>
      <c r="GE23" s="104">
        <v>208984</v>
      </c>
      <c r="GF23" s="103">
        <v>1738480</v>
      </c>
      <c r="GG23" s="290">
        <v>1902992</v>
      </c>
      <c r="GH23" s="105">
        <v>0</v>
      </c>
      <c r="GI23" s="104">
        <v>0</v>
      </c>
      <c r="GJ23" s="102">
        <v>0</v>
      </c>
      <c r="GK23" s="101">
        <v>0</v>
      </c>
      <c r="GL23" s="104">
        <v>80000</v>
      </c>
      <c r="GM23" s="104">
        <v>0</v>
      </c>
      <c r="GN23" s="104">
        <v>26400</v>
      </c>
      <c r="GO23" s="104">
        <v>0</v>
      </c>
      <c r="GP23" s="104">
        <v>0</v>
      </c>
      <c r="GQ23" s="103">
        <v>106400</v>
      </c>
      <c r="GR23" s="106">
        <v>106400</v>
      </c>
      <c r="GS23" s="100">
        <v>86400</v>
      </c>
      <c r="GT23" s="104">
        <v>0</v>
      </c>
      <c r="GU23" s="103">
        <v>86400</v>
      </c>
      <c r="GV23" s="100">
        <v>0</v>
      </c>
      <c r="GW23" s="104">
        <v>0</v>
      </c>
      <c r="GX23" s="104">
        <v>0</v>
      </c>
      <c r="GY23" s="104">
        <v>88000</v>
      </c>
      <c r="GZ23" s="104">
        <v>0</v>
      </c>
      <c r="HA23" s="104">
        <v>0</v>
      </c>
      <c r="HB23" s="102">
        <v>88000</v>
      </c>
      <c r="HC23" s="106">
        <v>174400</v>
      </c>
      <c r="HD23" s="100">
        <v>167498</v>
      </c>
      <c r="HE23" s="104">
        <v>0</v>
      </c>
      <c r="HF23" s="102">
        <v>167498</v>
      </c>
      <c r="HG23" s="101">
        <v>0</v>
      </c>
      <c r="HH23" s="104">
        <v>2817738</v>
      </c>
      <c r="HI23" s="104">
        <v>2304173</v>
      </c>
      <c r="HJ23" s="104">
        <v>1422213</v>
      </c>
      <c r="HK23" s="104">
        <v>1719751</v>
      </c>
      <c r="HL23" s="104">
        <v>788475</v>
      </c>
      <c r="HM23" s="103">
        <v>9052350</v>
      </c>
      <c r="HN23" s="99">
        <v>9219848</v>
      </c>
      <c r="HO23" s="456">
        <v>0</v>
      </c>
      <c r="HP23" s="457">
        <v>0</v>
      </c>
      <c r="HQ23" s="458">
        <v>0</v>
      </c>
      <c r="HR23" s="459">
        <v>0</v>
      </c>
      <c r="HS23" s="457">
        <v>0</v>
      </c>
      <c r="HT23" s="457">
        <v>0</v>
      </c>
      <c r="HU23" s="457">
        <v>0</v>
      </c>
      <c r="HV23" s="457">
        <v>0</v>
      </c>
      <c r="HW23" s="457">
        <v>0</v>
      </c>
      <c r="HX23" s="460">
        <v>0</v>
      </c>
      <c r="HY23" s="461">
        <v>0</v>
      </c>
      <c r="HZ23" s="118">
        <v>46082</v>
      </c>
      <c r="IA23" s="119">
        <v>0</v>
      </c>
      <c r="IB23" s="120">
        <v>46082</v>
      </c>
      <c r="IC23" s="131">
        <v>0</v>
      </c>
      <c r="ID23" s="119">
        <v>1752443</v>
      </c>
      <c r="IE23" s="132">
        <v>2175766</v>
      </c>
      <c r="IF23" s="120">
        <v>4511533</v>
      </c>
      <c r="IG23" s="119">
        <v>2416221</v>
      </c>
      <c r="IH23" s="120">
        <v>826413</v>
      </c>
      <c r="II23" s="133">
        <v>11682376</v>
      </c>
      <c r="IJ23" s="126">
        <v>11728458</v>
      </c>
      <c r="IK23" s="215">
        <v>0</v>
      </c>
      <c r="IL23" s="219">
        <v>0</v>
      </c>
      <c r="IM23" s="220">
        <v>0</v>
      </c>
      <c r="IN23" s="470">
        <v>0</v>
      </c>
      <c r="IO23" s="109">
        <v>0</v>
      </c>
      <c r="IP23" s="109">
        <v>0</v>
      </c>
      <c r="IQ23" s="109">
        <v>0</v>
      </c>
      <c r="IR23" s="109">
        <v>0</v>
      </c>
      <c r="IS23" s="109">
        <v>288951</v>
      </c>
      <c r="IT23" s="128">
        <v>288951</v>
      </c>
      <c r="IU23" s="292">
        <v>288951</v>
      </c>
      <c r="IV23" s="129">
        <v>0</v>
      </c>
      <c r="IW23" s="109">
        <v>0</v>
      </c>
      <c r="IX23" s="110">
        <v>0</v>
      </c>
      <c r="IY23" s="470">
        <v>0</v>
      </c>
      <c r="IZ23" s="109">
        <v>0</v>
      </c>
      <c r="JA23" s="109">
        <v>0</v>
      </c>
      <c r="JB23" s="109">
        <v>0</v>
      </c>
      <c r="JC23" s="109">
        <v>0</v>
      </c>
      <c r="JD23" s="109">
        <v>0</v>
      </c>
      <c r="JE23" s="110">
        <v>0</v>
      </c>
      <c r="JF23" s="111">
        <v>0</v>
      </c>
      <c r="JG23" s="129">
        <v>0</v>
      </c>
      <c r="JH23" s="109">
        <v>0</v>
      </c>
      <c r="JI23" s="128">
        <v>0</v>
      </c>
      <c r="JJ23" s="108">
        <v>0</v>
      </c>
      <c r="JK23" s="109">
        <v>755217</v>
      </c>
      <c r="JL23" s="109">
        <v>702057</v>
      </c>
      <c r="JM23" s="109">
        <v>250169</v>
      </c>
      <c r="JN23" s="109">
        <v>0</v>
      </c>
      <c r="JO23" s="109">
        <v>0</v>
      </c>
      <c r="JP23" s="110">
        <v>1707443</v>
      </c>
      <c r="JQ23" s="292">
        <v>1707443</v>
      </c>
      <c r="JR23" s="129">
        <v>0</v>
      </c>
      <c r="JS23" s="109">
        <v>0</v>
      </c>
      <c r="JT23" s="128">
        <v>0</v>
      </c>
      <c r="JU23" s="108">
        <v>0</v>
      </c>
      <c r="JV23" s="109">
        <v>0</v>
      </c>
      <c r="JW23" s="109">
        <v>188869</v>
      </c>
      <c r="JX23" s="109">
        <v>470941</v>
      </c>
      <c r="JY23" s="109">
        <v>235692</v>
      </c>
      <c r="JZ23" s="109">
        <v>0</v>
      </c>
      <c r="KA23" s="110">
        <v>895502</v>
      </c>
      <c r="KB23" s="292">
        <v>895502</v>
      </c>
      <c r="KC23" s="217">
        <v>46082</v>
      </c>
      <c r="KD23" s="213">
        <v>0</v>
      </c>
      <c r="KE23" s="110">
        <v>46082</v>
      </c>
      <c r="KF23" s="108">
        <v>0</v>
      </c>
      <c r="KG23" s="109">
        <v>518534</v>
      </c>
      <c r="KH23" s="109">
        <v>537660</v>
      </c>
      <c r="KI23" s="109">
        <v>1658429</v>
      </c>
      <c r="KJ23" s="109">
        <v>261032</v>
      </c>
      <c r="KK23" s="109">
        <v>0</v>
      </c>
      <c r="KL23" s="110">
        <v>2975655</v>
      </c>
      <c r="KM23" s="130">
        <v>3021737</v>
      </c>
      <c r="KN23" s="215">
        <v>0</v>
      </c>
      <c r="KO23" s="219">
        <v>0</v>
      </c>
      <c r="KP23" s="220">
        <v>0</v>
      </c>
      <c r="KQ23" s="470">
        <v>0</v>
      </c>
      <c r="KR23" s="109">
        <v>478692</v>
      </c>
      <c r="KS23" s="109">
        <v>747180</v>
      </c>
      <c r="KT23" s="109">
        <v>1172845</v>
      </c>
      <c r="KU23" s="109">
        <v>789106</v>
      </c>
      <c r="KV23" s="109">
        <v>537462</v>
      </c>
      <c r="KW23" s="110">
        <v>3725285</v>
      </c>
      <c r="KX23" s="292">
        <v>3725285</v>
      </c>
      <c r="KY23" s="129">
        <v>0</v>
      </c>
      <c r="KZ23" s="109">
        <v>0</v>
      </c>
      <c r="LA23" s="110">
        <v>0</v>
      </c>
      <c r="LB23" s="470">
        <v>0</v>
      </c>
      <c r="LC23" s="109">
        <v>0</v>
      </c>
      <c r="LD23" s="109">
        <v>0</v>
      </c>
      <c r="LE23" s="109">
        <v>0</v>
      </c>
      <c r="LF23" s="109">
        <v>0</v>
      </c>
      <c r="LG23" s="109">
        <v>0</v>
      </c>
      <c r="LH23" s="110">
        <v>0</v>
      </c>
      <c r="LI23" s="111">
        <v>0</v>
      </c>
      <c r="LJ23" s="129">
        <v>0</v>
      </c>
      <c r="LK23" s="109">
        <v>0</v>
      </c>
      <c r="LL23" s="110">
        <v>0</v>
      </c>
      <c r="LM23" s="470">
        <v>0</v>
      </c>
      <c r="LN23" s="109">
        <v>0</v>
      </c>
      <c r="LO23" s="109">
        <v>0</v>
      </c>
      <c r="LP23" s="109">
        <v>264969</v>
      </c>
      <c r="LQ23" s="109">
        <v>285694</v>
      </c>
      <c r="LR23" s="109">
        <v>0</v>
      </c>
      <c r="LS23" s="110">
        <v>550663</v>
      </c>
      <c r="LT23" s="292">
        <v>550663</v>
      </c>
      <c r="LU23" s="129">
        <v>0</v>
      </c>
      <c r="LV23" s="109">
        <v>0</v>
      </c>
      <c r="LW23" s="110">
        <v>0</v>
      </c>
      <c r="LX23" s="470">
        <v>0</v>
      </c>
      <c r="LY23" s="109">
        <v>0</v>
      </c>
      <c r="LZ23" s="109">
        <v>0</v>
      </c>
      <c r="MA23" s="109">
        <v>694180</v>
      </c>
      <c r="MB23" s="109">
        <v>844697</v>
      </c>
      <c r="MC23" s="109">
        <v>0</v>
      </c>
      <c r="MD23" s="110">
        <v>1538877</v>
      </c>
      <c r="ME23" s="111">
        <v>1538877</v>
      </c>
      <c r="MF23" s="129">
        <v>0</v>
      </c>
      <c r="MG23" s="109">
        <v>0</v>
      </c>
      <c r="MH23" s="110">
        <v>0</v>
      </c>
      <c r="MI23" s="470">
        <v>0</v>
      </c>
      <c r="MJ23" s="109">
        <v>244629</v>
      </c>
      <c r="MK23" s="109">
        <v>1505843</v>
      </c>
      <c r="ML23" s="109">
        <v>2458500</v>
      </c>
      <c r="MM23" s="109">
        <v>6702454</v>
      </c>
      <c r="MN23" s="109">
        <v>3420730</v>
      </c>
      <c r="MO23" s="110">
        <v>14332156</v>
      </c>
      <c r="MP23" s="130">
        <v>14332156</v>
      </c>
      <c r="MQ23" s="129">
        <v>0</v>
      </c>
      <c r="MR23" s="109">
        <v>0</v>
      </c>
      <c r="MS23" s="110">
        <v>0</v>
      </c>
      <c r="MT23" s="470">
        <v>0</v>
      </c>
      <c r="MU23" s="109">
        <v>0</v>
      </c>
      <c r="MV23" s="109">
        <v>0</v>
      </c>
      <c r="MW23" s="109">
        <v>1303569</v>
      </c>
      <c r="MX23" s="109">
        <v>5088342</v>
      </c>
      <c r="MY23" s="109">
        <v>1926698</v>
      </c>
      <c r="MZ23" s="110">
        <v>8318609</v>
      </c>
      <c r="NA23" s="130">
        <v>8318609</v>
      </c>
      <c r="NB23" s="129">
        <v>0</v>
      </c>
      <c r="NC23" s="109">
        <v>0</v>
      </c>
      <c r="ND23" s="110">
        <v>0</v>
      </c>
      <c r="NE23" s="470">
        <v>0</v>
      </c>
      <c r="NF23" s="109">
        <v>244629</v>
      </c>
      <c r="NG23" s="109">
        <v>1505843</v>
      </c>
      <c r="NH23" s="109">
        <v>1154931</v>
      </c>
      <c r="NI23" s="109">
        <v>1299688</v>
      </c>
      <c r="NJ23" s="109">
        <v>1095671</v>
      </c>
      <c r="NK23" s="110">
        <v>5300762</v>
      </c>
      <c r="NL23" s="292">
        <v>5300762</v>
      </c>
      <c r="NM23" s="129">
        <v>0</v>
      </c>
      <c r="NN23" s="109">
        <v>0</v>
      </c>
      <c r="NO23" s="110">
        <v>0</v>
      </c>
      <c r="NP23" s="470">
        <v>0</v>
      </c>
      <c r="NQ23" s="109">
        <v>0</v>
      </c>
      <c r="NR23" s="109">
        <v>0</v>
      </c>
      <c r="NS23" s="109">
        <v>0</v>
      </c>
      <c r="NT23" s="109">
        <v>314424</v>
      </c>
      <c r="NU23" s="109">
        <v>0</v>
      </c>
      <c r="NV23" s="110">
        <v>314424</v>
      </c>
      <c r="NW23" s="111">
        <v>314424</v>
      </c>
      <c r="NX23" s="129">
        <v>0</v>
      </c>
      <c r="NY23" s="109">
        <v>0</v>
      </c>
      <c r="NZ23" s="110">
        <v>0</v>
      </c>
      <c r="OA23" s="470">
        <v>0</v>
      </c>
      <c r="OB23" s="109">
        <v>0</v>
      </c>
      <c r="OC23" s="109">
        <v>0</v>
      </c>
      <c r="OD23" s="109">
        <v>0</v>
      </c>
      <c r="OE23" s="109">
        <v>0</v>
      </c>
      <c r="OF23" s="109">
        <v>398361</v>
      </c>
      <c r="OG23" s="110">
        <v>398361</v>
      </c>
      <c r="OH23" s="111">
        <v>398361</v>
      </c>
      <c r="OI23" s="129">
        <v>547931</v>
      </c>
      <c r="OJ23" s="109">
        <v>816968</v>
      </c>
      <c r="OK23" s="128">
        <v>1364899</v>
      </c>
      <c r="OL23" s="108">
        <v>0</v>
      </c>
      <c r="OM23" s="109">
        <v>9865175</v>
      </c>
      <c r="ON23" s="109">
        <v>11514581</v>
      </c>
      <c r="OO23" s="109">
        <v>13635112</v>
      </c>
      <c r="OP23" s="109">
        <v>15204388</v>
      </c>
      <c r="OQ23" s="109">
        <v>6562192</v>
      </c>
      <c r="OR23" s="110">
        <v>56781448</v>
      </c>
      <c r="OS23" s="130">
        <v>58146347</v>
      </c>
    </row>
    <row r="24" spans="2:409" ht="21" customHeight="1" x14ac:dyDescent="0.2">
      <c r="B24" s="437" t="s">
        <v>19</v>
      </c>
      <c r="C24" s="100">
        <v>464208</v>
      </c>
      <c r="D24" s="104">
        <v>342670</v>
      </c>
      <c r="E24" s="103">
        <v>806878</v>
      </c>
      <c r="F24" s="99">
        <v>0</v>
      </c>
      <c r="G24" s="104">
        <v>3827247</v>
      </c>
      <c r="H24" s="104">
        <v>3413799</v>
      </c>
      <c r="I24" s="104">
        <v>3090676</v>
      </c>
      <c r="J24" s="104">
        <v>1832458</v>
      </c>
      <c r="K24" s="104">
        <v>2027937</v>
      </c>
      <c r="L24" s="99">
        <v>14192117</v>
      </c>
      <c r="M24" s="106">
        <v>14998995</v>
      </c>
      <c r="N24" s="100">
        <v>106759</v>
      </c>
      <c r="O24" s="104">
        <v>65432</v>
      </c>
      <c r="P24" s="103">
        <v>172191</v>
      </c>
      <c r="Q24" s="100">
        <v>0</v>
      </c>
      <c r="R24" s="104">
        <v>1239077</v>
      </c>
      <c r="S24" s="104">
        <v>849106</v>
      </c>
      <c r="T24" s="104">
        <v>1164682</v>
      </c>
      <c r="U24" s="104">
        <v>839965</v>
      </c>
      <c r="V24" s="104">
        <v>938015</v>
      </c>
      <c r="W24" s="103">
        <v>5030845</v>
      </c>
      <c r="X24" s="106">
        <v>5203036</v>
      </c>
      <c r="Y24" s="100">
        <v>0</v>
      </c>
      <c r="Z24" s="104">
        <v>0</v>
      </c>
      <c r="AA24" s="103">
        <v>0</v>
      </c>
      <c r="AB24" s="100">
        <v>0</v>
      </c>
      <c r="AC24" s="104">
        <v>286867</v>
      </c>
      <c r="AD24" s="104">
        <v>348462</v>
      </c>
      <c r="AE24" s="104">
        <v>627539</v>
      </c>
      <c r="AF24" s="104">
        <v>356576</v>
      </c>
      <c r="AG24" s="104">
        <v>372366</v>
      </c>
      <c r="AH24" s="103">
        <v>1991810</v>
      </c>
      <c r="AI24" s="106">
        <v>1991810</v>
      </c>
      <c r="AJ24" s="100">
        <v>0</v>
      </c>
      <c r="AK24" s="104">
        <v>0</v>
      </c>
      <c r="AL24" s="103">
        <v>0</v>
      </c>
      <c r="AM24" s="100">
        <v>0</v>
      </c>
      <c r="AN24" s="104">
        <v>14038</v>
      </c>
      <c r="AO24" s="104">
        <v>0</v>
      </c>
      <c r="AP24" s="104">
        <v>67180</v>
      </c>
      <c r="AQ24" s="104">
        <v>137199</v>
      </c>
      <c r="AR24" s="104">
        <v>123536</v>
      </c>
      <c r="AS24" s="103">
        <v>341953</v>
      </c>
      <c r="AT24" s="106">
        <v>341953</v>
      </c>
      <c r="AU24" s="100">
        <v>23231</v>
      </c>
      <c r="AV24" s="104">
        <v>34984</v>
      </c>
      <c r="AW24" s="103">
        <v>58215</v>
      </c>
      <c r="AX24" s="100">
        <v>0</v>
      </c>
      <c r="AY24" s="104">
        <v>638238</v>
      </c>
      <c r="AZ24" s="104">
        <v>210673</v>
      </c>
      <c r="BA24" s="104">
        <v>310251</v>
      </c>
      <c r="BB24" s="104">
        <v>246550</v>
      </c>
      <c r="BC24" s="104">
        <v>256532</v>
      </c>
      <c r="BD24" s="103">
        <v>1662244</v>
      </c>
      <c r="BE24" s="106">
        <v>1720459</v>
      </c>
      <c r="BF24" s="100">
        <v>0</v>
      </c>
      <c r="BG24" s="104">
        <v>0</v>
      </c>
      <c r="BH24" s="102">
        <v>0</v>
      </c>
      <c r="BI24" s="101">
        <v>0</v>
      </c>
      <c r="BJ24" s="104">
        <v>25294</v>
      </c>
      <c r="BK24" s="104">
        <v>33219</v>
      </c>
      <c r="BL24" s="104">
        <v>0</v>
      </c>
      <c r="BM24" s="104">
        <v>0</v>
      </c>
      <c r="BN24" s="104">
        <v>0</v>
      </c>
      <c r="BO24" s="103">
        <v>58513</v>
      </c>
      <c r="BP24" s="106">
        <v>58513</v>
      </c>
      <c r="BQ24" s="100">
        <v>83528</v>
      </c>
      <c r="BR24" s="104">
        <v>30448</v>
      </c>
      <c r="BS24" s="103">
        <v>113976</v>
      </c>
      <c r="BT24" s="100">
        <v>0</v>
      </c>
      <c r="BU24" s="104">
        <v>274640</v>
      </c>
      <c r="BV24" s="104">
        <v>256752</v>
      </c>
      <c r="BW24" s="104">
        <v>159712</v>
      </c>
      <c r="BX24" s="104">
        <v>99640</v>
      </c>
      <c r="BY24" s="104">
        <v>185581</v>
      </c>
      <c r="BZ24" s="103">
        <v>976325</v>
      </c>
      <c r="CA24" s="106">
        <v>1090301</v>
      </c>
      <c r="CB24" s="100">
        <v>42823</v>
      </c>
      <c r="CC24" s="104">
        <v>119945</v>
      </c>
      <c r="CD24" s="103">
        <v>162768</v>
      </c>
      <c r="CE24" s="100">
        <v>0</v>
      </c>
      <c r="CF24" s="104">
        <v>1308080</v>
      </c>
      <c r="CG24" s="104">
        <v>910850</v>
      </c>
      <c r="CH24" s="104">
        <v>750243</v>
      </c>
      <c r="CI24" s="104">
        <v>212495</v>
      </c>
      <c r="CJ24" s="104">
        <v>53361</v>
      </c>
      <c r="CK24" s="103">
        <v>3235029</v>
      </c>
      <c r="CL24" s="106">
        <v>3397797</v>
      </c>
      <c r="CM24" s="100">
        <v>0</v>
      </c>
      <c r="CN24" s="104">
        <v>0</v>
      </c>
      <c r="CO24" s="103">
        <v>0</v>
      </c>
      <c r="CP24" s="101">
        <v>0</v>
      </c>
      <c r="CQ24" s="104">
        <v>959608</v>
      </c>
      <c r="CR24" s="104">
        <v>606138</v>
      </c>
      <c r="CS24" s="104">
        <v>531506</v>
      </c>
      <c r="CT24" s="104">
        <v>104406</v>
      </c>
      <c r="CU24" s="104">
        <v>53361</v>
      </c>
      <c r="CV24" s="103">
        <v>2255019</v>
      </c>
      <c r="CW24" s="106">
        <v>2255019</v>
      </c>
      <c r="CX24" s="100">
        <v>42823</v>
      </c>
      <c r="CY24" s="104">
        <v>119945</v>
      </c>
      <c r="CZ24" s="103">
        <v>162768</v>
      </c>
      <c r="DA24" s="100">
        <v>0</v>
      </c>
      <c r="DB24" s="104">
        <v>348472</v>
      </c>
      <c r="DC24" s="104">
        <v>304712</v>
      </c>
      <c r="DD24" s="104">
        <v>218737</v>
      </c>
      <c r="DE24" s="104">
        <v>108089</v>
      </c>
      <c r="DF24" s="104">
        <v>0</v>
      </c>
      <c r="DG24" s="103">
        <v>980010</v>
      </c>
      <c r="DH24" s="106">
        <v>1142778</v>
      </c>
      <c r="DI24" s="100">
        <v>0</v>
      </c>
      <c r="DJ24" s="104">
        <v>23682</v>
      </c>
      <c r="DK24" s="102">
        <v>23682</v>
      </c>
      <c r="DL24" s="101">
        <v>0</v>
      </c>
      <c r="DM24" s="104">
        <v>0</v>
      </c>
      <c r="DN24" s="104">
        <v>60792</v>
      </c>
      <c r="DO24" s="104">
        <v>365180</v>
      </c>
      <c r="DP24" s="104">
        <v>54553</v>
      </c>
      <c r="DQ24" s="104">
        <v>255225</v>
      </c>
      <c r="DR24" s="103">
        <v>735750</v>
      </c>
      <c r="DS24" s="106">
        <v>759432</v>
      </c>
      <c r="DT24" s="100">
        <v>0</v>
      </c>
      <c r="DU24" s="104">
        <v>23682</v>
      </c>
      <c r="DV24" s="103">
        <v>23682</v>
      </c>
      <c r="DW24" s="100">
        <v>0</v>
      </c>
      <c r="DX24" s="104">
        <v>0</v>
      </c>
      <c r="DY24" s="104">
        <v>24644</v>
      </c>
      <c r="DZ24" s="104">
        <v>136852</v>
      </c>
      <c r="EA24" s="104">
        <v>54553</v>
      </c>
      <c r="EB24" s="104">
        <v>255225</v>
      </c>
      <c r="EC24" s="103">
        <v>471274</v>
      </c>
      <c r="ED24" s="106">
        <v>494956</v>
      </c>
      <c r="EE24" s="100">
        <v>0</v>
      </c>
      <c r="EF24" s="102">
        <v>0</v>
      </c>
      <c r="EG24" s="103">
        <v>0</v>
      </c>
      <c r="EH24" s="100">
        <v>0</v>
      </c>
      <c r="EI24" s="104">
        <v>0</v>
      </c>
      <c r="EJ24" s="104">
        <v>36148</v>
      </c>
      <c r="EK24" s="104">
        <v>228328</v>
      </c>
      <c r="EL24" s="104">
        <v>0</v>
      </c>
      <c r="EM24" s="104">
        <v>0</v>
      </c>
      <c r="EN24" s="102">
        <v>264476</v>
      </c>
      <c r="EO24" s="106">
        <v>264476</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06">
        <v>0</v>
      </c>
      <c r="FE24" s="104">
        <v>0</v>
      </c>
      <c r="FF24" s="104">
        <v>0</v>
      </c>
      <c r="FG24" s="104">
        <v>0</v>
      </c>
      <c r="FH24" s="104">
        <v>0</v>
      </c>
      <c r="FI24" s="104">
        <v>0</v>
      </c>
      <c r="FJ24" s="103">
        <v>0</v>
      </c>
      <c r="FK24" s="106">
        <v>0</v>
      </c>
      <c r="FL24" s="100">
        <v>47360</v>
      </c>
      <c r="FM24" s="104">
        <v>41760</v>
      </c>
      <c r="FN24" s="103">
        <v>89120</v>
      </c>
      <c r="FO24" s="100">
        <v>0</v>
      </c>
      <c r="FP24" s="104">
        <v>461080</v>
      </c>
      <c r="FQ24" s="104">
        <v>337344</v>
      </c>
      <c r="FR24" s="104">
        <v>206256</v>
      </c>
      <c r="FS24" s="104">
        <v>187544</v>
      </c>
      <c r="FT24" s="104">
        <v>302126</v>
      </c>
      <c r="FU24" s="103">
        <v>1494350</v>
      </c>
      <c r="FV24" s="106">
        <v>1583470</v>
      </c>
      <c r="FW24" s="105">
        <v>26240</v>
      </c>
      <c r="FX24" s="104">
        <v>41760</v>
      </c>
      <c r="FY24" s="102">
        <v>68000</v>
      </c>
      <c r="FZ24" s="101">
        <v>0</v>
      </c>
      <c r="GA24" s="104">
        <v>301080</v>
      </c>
      <c r="GB24" s="104">
        <v>337344</v>
      </c>
      <c r="GC24" s="104">
        <v>206256</v>
      </c>
      <c r="GD24" s="104">
        <v>187544</v>
      </c>
      <c r="GE24" s="104">
        <v>302126</v>
      </c>
      <c r="GF24" s="103">
        <v>1334350</v>
      </c>
      <c r="GG24" s="290">
        <v>1402350</v>
      </c>
      <c r="GH24" s="105">
        <v>21120</v>
      </c>
      <c r="GI24" s="104">
        <v>0</v>
      </c>
      <c r="GJ24" s="102">
        <v>21120</v>
      </c>
      <c r="GK24" s="101">
        <v>0</v>
      </c>
      <c r="GL24" s="104">
        <v>0</v>
      </c>
      <c r="GM24" s="104">
        <v>0</v>
      </c>
      <c r="GN24" s="104">
        <v>0</v>
      </c>
      <c r="GO24" s="104">
        <v>0</v>
      </c>
      <c r="GP24" s="104">
        <v>0</v>
      </c>
      <c r="GQ24" s="103">
        <v>0</v>
      </c>
      <c r="GR24" s="106">
        <v>21120</v>
      </c>
      <c r="GS24" s="100">
        <v>0</v>
      </c>
      <c r="GT24" s="104">
        <v>0</v>
      </c>
      <c r="GU24" s="103">
        <v>0</v>
      </c>
      <c r="GV24" s="100">
        <v>0</v>
      </c>
      <c r="GW24" s="104">
        <v>160000</v>
      </c>
      <c r="GX24" s="104">
        <v>0</v>
      </c>
      <c r="GY24" s="104">
        <v>0</v>
      </c>
      <c r="GZ24" s="104">
        <v>0</v>
      </c>
      <c r="HA24" s="104">
        <v>0</v>
      </c>
      <c r="HB24" s="102">
        <v>160000</v>
      </c>
      <c r="HC24" s="106">
        <v>160000</v>
      </c>
      <c r="HD24" s="100">
        <v>267266</v>
      </c>
      <c r="HE24" s="104">
        <v>91851</v>
      </c>
      <c r="HF24" s="102">
        <v>359117</v>
      </c>
      <c r="HG24" s="101">
        <v>0</v>
      </c>
      <c r="HH24" s="104">
        <v>819010</v>
      </c>
      <c r="HI24" s="104">
        <v>1255707</v>
      </c>
      <c r="HJ24" s="104">
        <v>604315</v>
      </c>
      <c r="HK24" s="104">
        <v>537901</v>
      </c>
      <c r="HL24" s="104">
        <v>479210</v>
      </c>
      <c r="HM24" s="103">
        <v>3696143</v>
      </c>
      <c r="HN24" s="99">
        <v>4055260</v>
      </c>
      <c r="HO24" s="456">
        <v>0</v>
      </c>
      <c r="HP24" s="457">
        <v>0</v>
      </c>
      <c r="HQ24" s="458">
        <v>0</v>
      </c>
      <c r="HR24" s="459">
        <v>0</v>
      </c>
      <c r="HS24" s="457">
        <v>0</v>
      </c>
      <c r="HT24" s="457">
        <v>0</v>
      </c>
      <c r="HU24" s="457">
        <v>0</v>
      </c>
      <c r="HV24" s="457">
        <v>0</v>
      </c>
      <c r="HW24" s="457">
        <v>0</v>
      </c>
      <c r="HX24" s="460">
        <v>0</v>
      </c>
      <c r="HY24" s="461">
        <v>0</v>
      </c>
      <c r="HZ24" s="135">
        <v>0</v>
      </c>
      <c r="IA24" s="122">
        <v>0</v>
      </c>
      <c r="IB24" s="135">
        <v>0</v>
      </c>
      <c r="IC24" s="121">
        <v>0</v>
      </c>
      <c r="ID24" s="122">
        <v>910278</v>
      </c>
      <c r="IE24" s="123">
        <v>1171725</v>
      </c>
      <c r="IF24" s="124">
        <v>1345724</v>
      </c>
      <c r="IG24" s="122">
        <v>0</v>
      </c>
      <c r="IH24" s="124">
        <v>1334782</v>
      </c>
      <c r="II24" s="125">
        <v>4762509</v>
      </c>
      <c r="IJ24" s="135">
        <v>4762509</v>
      </c>
      <c r="IK24" s="215">
        <v>0</v>
      </c>
      <c r="IL24" s="219">
        <v>0</v>
      </c>
      <c r="IM24" s="220">
        <v>0</v>
      </c>
      <c r="IN24" s="470">
        <v>0</v>
      </c>
      <c r="IO24" s="109">
        <v>0</v>
      </c>
      <c r="IP24" s="109">
        <v>-122099</v>
      </c>
      <c r="IQ24" s="109">
        <v>0</v>
      </c>
      <c r="IR24" s="109">
        <v>0</v>
      </c>
      <c r="IS24" s="109">
        <v>261807</v>
      </c>
      <c r="IT24" s="128">
        <v>139708</v>
      </c>
      <c r="IU24" s="292">
        <v>139708</v>
      </c>
      <c r="IV24" s="129">
        <v>0</v>
      </c>
      <c r="IW24" s="109">
        <v>0</v>
      </c>
      <c r="IX24" s="110">
        <v>0</v>
      </c>
      <c r="IY24" s="470">
        <v>0</v>
      </c>
      <c r="IZ24" s="109">
        <v>0</v>
      </c>
      <c r="JA24" s="109">
        <v>0</v>
      </c>
      <c r="JB24" s="109">
        <v>0</v>
      </c>
      <c r="JC24" s="109">
        <v>0</v>
      </c>
      <c r="JD24" s="109">
        <v>0</v>
      </c>
      <c r="JE24" s="110">
        <v>0</v>
      </c>
      <c r="JF24" s="111">
        <v>0</v>
      </c>
      <c r="JG24" s="129">
        <v>0</v>
      </c>
      <c r="JH24" s="109">
        <v>0</v>
      </c>
      <c r="JI24" s="128">
        <v>0</v>
      </c>
      <c r="JJ24" s="108">
        <v>0</v>
      </c>
      <c r="JK24" s="109">
        <v>323142</v>
      </c>
      <c r="JL24" s="109">
        <v>344899</v>
      </c>
      <c r="JM24" s="109">
        <v>157430</v>
      </c>
      <c r="JN24" s="109">
        <v>0</v>
      </c>
      <c r="JO24" s="109">
        <v>0</v>
      </c>
      <c r="JP24" s="110">
        <v>825471</v>
      </c>
      <c r="JQ24" s="292">
        <v>825471</v>
      </c>
      <c r="JR24" s="129">
        <v>0</v>
      </c>
      <c r="JS24" s="109">
        <v>0</v>
      </c>
      <c r="JT24" s="128">
        <v>0</v>
      </c>
      <c r="JU24" s="108">
        <v>0</v>
      </c>
      <c r="JV24" s="109">
        <v>100214</v>
      </c>
      <c r="JW24" s="109">
        <v>110943</v>
      </c>
      <c r="JX24" s="109">
        <v>478993</v>
      </c>
      <c r="JY24" s="109">
        <v>0</v>
      </c>
      <c r="JZ24" s="109">
        <v>0</v>
      </c>
      <c r="KA24" s="110">
        <v>690150</v>
      </c>
      <c r="KB24" s="292">
        <v>690150</v>
      </c>
      <c r="KC24" s="217">
        <v>0</v>
      </c>
      <c r="KD24" s="213">
        <v>0</v>
      </c>
      <c r="KE24" s="110">
        <v>0</v>
      </c>
      <c r="KF24" s="108">
        <v>0</v>
      </c>
      <c r="KG24" s="109">
        <v>254456</v>
      </c>
      <c r="KH24" s="109">
        <v>341852</v>
      </c>
      <c r="KI24" s="109">
        <v>449732</v>
      </c>
      <c r="KJ24" s="109">
        <v>0</v>
      </c>
      <c r="KK24" s="109">
        <v>0</v>
      </c>
      <c r="KL24" s="110">
        <v>1046040</v>
      </c>
      <c r="KM24" s="130">
        <v>1046040</v>
      </c>
      <c r="KN24" s="215">
        <v>0</v>
      </c>
      <c r="KO24" s="219">
        <v>0</v>
      </c>
      <c r="KP24" s="220">
        <v>0</v>
      </c>
      <c r="KQ24" s="470">
        <v>0</v>
      </c>
      <c r="KR24" s="109">
        <v>232466</v>
      </c>
      <c r="KS24" s="109">
        <v>496130</v>
      </c>
      <c r="KT24" s="109">
        <v>259569</v>
      </c>
      <c r="KU24" s="109">
        <v>0</v>
      </c>
      <c r="KV24" s="109">
        <v>0</v>
      </c>
      <c r="KW24" s="110">
        <v>988165</v>
      </c>
      <c r="KX24" s="292">
        <v>988165</v>
      </c>
      <c r="KY24" s="129">
        <v>0</v>
      </c>
      <c r="KZ24" s="109">
        <v>0</v>
      </c>
      <c r="LA24" s="110">
        <v>0</v>
      </c>
      <c r="LB24" s="470">
        <v>0</v>
      </c>
      <c r="LC24" s="109">
        <v>0</v>
      </c>
      <c r="LD24" s="109">
        <v>0</v>
      </c>
      <c r="LE24" s="109">
        <v>0</v>
      </c>
      <c r="LF24" s="109">
        <v>0</v>
      </c>
      <c r="LG24" s="109">
        <v>0</v>
      </c>
      <c r="LH24" s="110">
        <v>0</v>
      </c>
      <c r="LI24" s="111">
        <v>0</v>
      </c>
      <c r="LJ24" s="129">
        <v>0</v>
      </c>
      <c r="LK24" s="109">
        <v>0</v>
      </c>
      <c r="LL24" s="110">
        <v>0</v>
      </c>
      <c r="LM24" s="470">
        <v>0</v>
      </c>
      <c r="LN24" s="109">
        <v>0</v>
      </c>
      <c r="LO24" s="109">
        <v>0</v>
      </c>
      <c r="LP24" s="109">
        <v>0</v>
      </c>
      <c r="LQ24" s="109">
        <v>0</v>
      </c>
      <c r="LR24" s="109">
        <v>0</v>
      </c>
      <c r="LS24" s="110">
        <v>0</v>
      </c>
      <c r="LT24" s="292">
        <v>0</v>
      </c>
      <c r="LU24" s="129">
        <v>0</v>
      </c>
      <c r="LV24" s="109">
        <v>0</v>
      </c>
      <c r="LW24" s="110">
        <v>0</v>
      </c>
      <c r="LX24" s="470">
        <v>0</v>
      </c>
      <c r="LY24" s="109">
        <v>0</v>
      </c>
      <c r="LZ24" s="109">
        <v>0</v>
      </c>
      <c r="MA24" s="109">
        <v>0</v>
      </c>
      <c r="MB24" s="109">
        <v>0</v>
      </c>
      <c r="MC24" s="109">
        <v>1072975</v>
      </c>
      <c r="MD24" s="110">
        <v>1072975</v>
      </c>
      <c r="ME24" s="111">
        <v>1072975</v>
      </c>
      <c r="MF24" s="129">
        <v>0</v>
      </c>
      <c r="MG24" s="109">
        <v>0</v>
      </c>
      <c r="MH24" s="110">
        <v>0</v>
      </c>
      <c r="MI24" s="470">
        <v>0</v>
      </c>
      <c r="MJ24" s="109">
        <v>536820</v>
      </c>
      <c r="MK24" s="109">
        <v>0</v>
      </c>
      <c r="ML24" s="109">
        <v>1674781</v>
      </c>
      <c r="MM24" s="109">
        <v>2250340</v>
      </c>
      <c r="MN24" s="109">
        <v>1158042</v>
      </c>
      <c r="MO24" s="110">
        <v>5619983</v>
      </c>
      <c r="MP24" s="130">
        <v>5619983</v>
      </c>
      <c r="MQ24" s="129">
        <v>0</v>
      </c>
      <c r="MR24" s="109">
        <v>0</v>
      </c>
      <c r="MS24" s="110">
        <v>0</v>
      </c>
      <c r="MT24" s="470">
        <v>0</v>
      </c>
      <c r="MU24" s="109">
        <v>0</v>
      </c>
      <c r="MV24" s="109">
        <v>0</v>
      </c>
      <c r="MW24" s="109">
        <v>1382365</v>
      </c>
      <c r="MX24" s="109">
        <v>1342870</v>
      </c>
      <c r="MY24" s="109">
        <v>863620</v>
      </c>
      <c r="MZ24" s="110">
        <v>3588855</v>
      </c>
      <c r="NA24" s="130">
        <v>3588855</v>
      </c>
      <c r="NB24" s="129">
        <v>0</v>
      </c>
      <c r="NC24" s="109">
        <v>0</v>
      </c>
      <c r="ND24" s="110">
        <v>0</v>
      </c>
      <c r="NE24" s="470">
        <v>0</v>
      </c>
      <c r="NF24" s="109">
        <v>536820</v>
      </c>
      <c r="NG24" s="109">
        <v>0</v>
      </c>
      <c r="NH24" s="109">
        <v>292416</v>
      </c>
      <c r="NI24" s="109">
        <v>907470</v>
      </c>
      <c r="NJ24" s="109">
        <v>294422</v>
      </c>
      <c r="NK24" s="110">
        <v>2031128</v>
      </c>
      <c r="NL24" s="292">
        <v>2031128</v>
      </c>
      <c r="NM24" s="129">
        <v>0</v>
      </c>
      <c r="NN24" s="109">
        <v>0</v>
      </c>
      <c r="NO24" s="110">
        <v>0</v>
      </c>
      <c r="NP24" s="470">
        <v>0</v>
      </c>
      <c r="NQ24" s="109">
        <v>0</v>
      </c>
      <c r="NR24" s="109">
        <v>0</v>
      </c>
      <c r="NS24" s="109">
        <v>0</v>
      </c>
      <c r="NT24" s="109">
        <v>0</v>
      </c>
      <c r="NU24" s="109">
        <v>0</v>
      </c>
      <c r="NV24" s="110">
        <v>0</v>
      </c>
      <c r="NW24" s="111">
        <v>0</v>
      </c>
      <c r="NX24" s="129">
        <v>0</v>
      </c>
      <c r="NY24" s="109">
        <v>0</v>
      </c>
      <c r="NZ24" s="110">
        <v>0</v>
      </c>
      <c r="OA24" s="470">
        <v>0</v>
      </c>
      <c r="OB24" s="109">
        <v>0</v>
      </c>
      <c r="OC24" s="109">
        <v>0</v>
      </c>
      <c r="OD24" s="109">
        <v>0</v>
      </c>
      <c r="OE24" s="109">
        <v>0</v>
      </c>
      <c r="OF24" s="109">
        <v>0</v>
      </c>
      <c r="OG24" s="110">
        <v>0</v>
      </c>
      <c r="OH24" s="111">
        <v>0</v>
      </c>
      <c r="OI24" s="129">
        <v>464208</v>
      </c>
      <c r="OJ24" s="109">
        <v>342670</v>
      </c>
      <c r="OK24" s="128">
        <v>806878</v>
      </c>
      <c r="OL24" s="108">
        <v>0</v>
      </c>
      <c r="OM24" s="109">
        <v>5274345</v>
      </c>
      <c r="ON24" s="109">
        <v>4585524</v>
      </c>
      <c r="OO24" s="109">
        <v>6111181</v>
      </c>
      <c r="OP24" s="109">
        <v>4082798</v>
      </c>
      <c r="OQ24" s="109">
        <v>4520761</v>
      </c>
      <c r="OR24" s="110">
        <v>24574609</v>
      </c>
      <c r="OS24" s="130">
        <v>25381487</v>
      </c>
    </row>
    <row r="25" spans="2:409" ht="21" customHeight="1" x14ac:dyDescent="0.2">
      <c r="B25" s="437" t="s">
        <v>20</v>
      </c>
      <c r="C25" s="100">
        <v>307039</v>
      </c>
      <c r="D25" s="104">
        <v>678971</v>
      </c>
      <c r="E25" s="103">
        <v>986010</v>
      </c>
      <c r="F25" s="100">
        <v>0</v>
      </c>
      <c r="G25" s="104">
        <v>5202498</v>
      </c>
      <c r="H25" s="104">
        <v>4495467</v>
      </c>
      <c r="I25" s="104">
        <v>4674960</v>
      </c>
      <c r="J25" s="104">
        <v>4990697</v>
      </c>
      <c r="K25" s="104">
        <v>3072890</v>
      </c>
      <c r="L25" s="156">
        <v>22436512</v>
      </c>
      <c r="M25" s="106">
        <v>23422522</v>
      </c>
      <c r="N25" s="100">
        <v>130740</v>
      </c>
      <c r="O25" s="104">
        <v>172676</v>
      </c>
      <c r="P25" s="103">
        <v>303416</v>
      </c>
      <c r="Q25" s="100">
        <v>0</v>
      </c>
      <c r="R25" s="104">
        <v>2061649</v>
      </c>
      <c r="S25" s="104">
        <v>1931713</v>
      </c>
      <c r="T25" s="104">
        <v>1482036</v>
      </c>
      <c r="U25" s="104">
        <v>1517454</v>
      </c>
      <c r="V25" s="104">
        <v>1653559</v>
      </c>
      <c r="W25" s="103">
        <v>8646411</v>
      </c>
      <c r="X25" s="106">
        <v>8949827</v>
      </c>
      <c r="Y25" s="100">
        <v>0</v>
      </c>
      <c r="Z25" s="104">
        <v>0</v>
      </c>
      <c r="AA25" s="103">
        <v>0</v>
      </c>
      <c r="AB25" s="100">
        <v>0</v>
      </c>
      <c r="AC25" s="104">
        <v>966141</v>
      </c>
      <c r="AD25" s="104">
        <v>822081</v>
      </c>
      <c r="AE25" s="104">
        <v>577516</v>
      </c>
      <c r="AF25" s="104">
        <v>557457</v>
      </c>
      <c r="AG25" s="104">
        <v>1058553</v>
      </c>
      <c r="AH25" s="103">
        <v>3981748</v>
      </c>
      <c r="AI25" s="106">
        <v>3981748</v>
      </c>
      <c r="AJ25" s="100">
        <v>0</v>
      </c>
      <c r="AK25" s="104">
        <v>0</v>
      </c>
      <c r="AL25" s="103">
        <v>0</v>
      </c>
      <c r="AM25" s="100">
        <v>0</v>
      </c>
      <c r="AN25" s="104">
        <v>0</v>
      </c>
      <c r="AO25" s="104">
        <v>0</v>
      </c>
      <c r="AP25" s="104">
        <v>92382</v>
      </c>
      <c r="AQ25" s="104">
        <v>130979</v>
      </c>
      <c r="AR25" s="104">
        <v>82912</v>
      </c>
      <c r="AS25" s="103">
        <v>306273</v>
      </c>
      <c r="AT25" s="106">
        <v>306273</v>
      </c>
      <c r="AU25" s="100">
        <v>64523</v>
      </c>
      <c r="AV25" s="104">
        <v>52231</v>
      </c>
      <c r="AW25" s="103">
        <v>116754</v>
      </c>
      <c r="AX25" s="100">
        <v>0</v>
      </c>
      <c r="AY25" s="104">
        <v>724266</v>
      </c>
      <c r="AZ25" s="104">
        <v>711959</v>
      </c>
      <c r="BA25" s="104">
        <v>298494</v>
      </c>
      <c r="BB25" s="104">
        <v>516041</v>
      </c>
      <c r="BC25" s="104">
        <v>263236</v>
      </c>
      <c r="BD25" s="103">
        <v>2513996</v>
      </c>
      <c r="BE25" s="106">
        <v>2630750</v>
      </c>
      <c r="BF25" s="100">
        <v>43729</v>
      </c>
      <c r="BG25" s="104">
        <v>63181</v>
      </c>
      <c r="BH25" s="102">
        <v>106910</v>
      </c>
      <c r="BI25" s="101">
        <v>0</v>
      </c>
      <c r="BJ25" s="104">
        <v>98010</v>
      </c>
      <c r="BK25" s="104">
        <v>168593</v>
      </c>
      <c r="BL25" s="104">
        <v>210500</v>
      </c>
      <c r="BM25" s="104">
        <v>54833</v>
      </c>
      <c r="BN25" s="104">
        <v>83786</v>
      </c>
      <c r="BO25" s="103">
        <v>615722</v>
      </c>
      <c r="BP25" s="106">
        <v>722632</v>
      </c>
      <c r="BQ25" s="100">
        <v>22488</v>
      </c>
      <c r="BR25" s="104">
        <v>57264</v>
      </c>
      <c r="BS25" s="103">
        <v>79752</v>
      </c>
      <c r="BT25" s="100">
        <v>0</v>
      </c>
      <c r="BU25" s="104">
        <v>273232</v>
      </c>
      <c r="BV25" s="104">
        <v>229080</v>
      </c>
      <c r="BW25" s="104">
        <v>303144</v>
      </c>
      <c r="BX25" s="104">
        <v>258144</v>
      </c>
      <c r="BY25" s="104">
        <v>165072</v>
      </c>
      <c r="BZ25" s="103">
        <v>1228672</v>
      </c>
      <c r="CA25" s="106">
        <v>1308424</v>
      </c>
      <c r="CB25" s="100">
        <v>62243</v>
      </c>
      <c r="CC25" s="104">
        <v>40413</v>
      </c>
      <c r="CD25" s="103">
        <v>102656</v>
      </c>
      <c r="CE25" s="100">
        <v>0</v>
      </c>
      <c r="CF25" s="104">
        <v>2008781</v>
      </c>
      <c r="CG25" s="104">
        <v>1838390</v>
      </c>
      <c r="CH25" s="104">
        <v>1149557</v>
      </c>
      <c r="CI25" s="104">
        <v>584683</v>
      </c>
      <c r="CJ25" s="104">
        <v>406428</v>
      </c>
      <c r="CK25" s="103">
        <v>5987839</v>
      </c>
      <c r="CL25" s="106">
        <v>6090495</v>
      </c>
      <c r="CM25" s="100">
        <v>0</v>
      </c>
      <c r="CN25" s="104">
        <v>0</v>
      </c>
      <c r="CO25" s="103">
        <v>0</v>
      </c>
      <c r="CP25" s="101">
        <v>0</v>
      </c>
      <c r="CQ25" s="104">
        <v>1553564</v>
      </c>
      <c r="CR25" s="104">
        <v>1235904</v>
      </c>
      <c r="CS25" s="104">
        <v>821258</v>
      </c>
      <c r="CT25" s="104">
        <v>304886</v>
      </c>
      <c r="CU25" s="104">
        <v>293962</v>
      </c>
      <c r="CV25" s="103">
        <v>4209574</v>
      </c>
      <c r="CW25" s="106">
        <v>4209574</v>
      </c>
      <c r="CX25" s="100">
        <v>62243</v>
      </c>
      <c r="CY25" s="104">
        <v>40413</v>
      </c>
      <c r="CZ25" s="103">
        <v>102656</v>
      </c>
      <c r="DA25" s="100">
        <v>0</v>
      </c>
      <c r="DB25" s="104">
        <v>455217</v>
      </c>
      <c r="DC25" s="104">
        <v>602486</v>
      </c>
      <c r="DD25" s="104">
        <v>328299</v>
      </c>
      <c r="DE25" s="104">
        <v>279797</v>
      </c>
      <c r="DF25" s="104">
        <v>112466</v>
      </c>
      <c r="DG25" s="103">
        <v>1778265</v>
      </c>
      <c r="DH25" s="106">
        <v>1880921</v>
      </c>
      <c r="DI25" s="100">
        <v>0</v>
      </c>
      <c r="DJ25" s="104">
        <v>38426</v>
      </c>
      <c r="DK25" s="102">
        <v>38426</v>
      </c>
      <c r="DL25" s="101">
        <v>0</v>
      </c>
      <c r="DM25" s="104">
        <v>60795</v>
      </c>
      <c r="DN25" s="104">
        <v>0</v>
      </c>
      <c r="DO25" s="104">
        <v>366448</v>
      </c>
      <c r="DP25" s="104">
        <v>1215821</v>
      </c>
      <c r="DQ25" s="104">
        <v>196091</v>
      </c>
      <c r="DR25" s="103">
        <v>1839155</v>
      </c>
      <c r="DS25" s="106">
        <v>1877581</v>
      </c>
      <c r="DT25" s="100">
        <v>0</v>
      </c>
      <c r="DU25" s="104">
        <v>38426</v>
      </c>
      <c r="DV25" s="103">
        <v>38426</v>
      </c>
      <c r="DW25" s="100">
        <v>0</v>
      </c>
      <c r="DX25" s="104">
        <v>60795</v>
      </c>
      <c r="DY25" s="104">
        <v>0</v>
      </c>
      <c r="DZ25" s="104">
        <v>328404</v>
      </c>
      <c r="EA25" s="104">
        <v>820797</v>
      </c>
      <c r="EB25" s="104">
        <v>196091</v>
      </c>
      <c r="EC25" s="103">
        <v>1406087</v>
      </c>
      <c r="ED25" s="106">
        <v>1444513</v>
      </c>
      <c r="EE25" s="100">
        <v>0</v>
      </c>
      <c r="EF25" s="102">
        <v>0</v>
      </c>
      <c r="EG25" s="103">
        <v>0</v>
      </c>
      <c r="EH25" s="100">
        <v>0</v>
      </c>
      <c r="EI25" s="104">
        <v>0</v>
      </c>
      <c r="EJ25" s="104">
        <v>0</v>
      </c>
      <c r="EK25" s="104">
        <v>38044</v>
      </c>
      <c r="EL25" s="104">
        <v>395024</v>
      </c>
      <c r="EM25" s="104">
        <v>0</v>
      </c>
      <c r="EN25" s="102">
        <v>433068</v>
      </c>
      <c r="EO25" s="106">
        <v>433068</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06">
        <v>0</v>
      </c>
      <c r="FE25" s="104">
        <v>0</v>
      </c>
      <c r="FF25" s="104">
        <v>0</v>
      </c>
      <c r="FG25" s="104">
        <v>0</v>
      </c>
      <c r="FH25" s="104">
        <v>0</v>
      </c>
      <c r="FI25" s="104">
        <v>0</v>
      </c>
      <c r="FJ25" s="103">
        <v>0</v>
      </c>
      <c r="FK25" s="106">
        <v>0</v>
      </c>
      <c r="FL25" s="100">
        <v>60352</v>
      </c>
      <c r="FM25" s="104">
        <v>240856</v>
      </c>
      <c r="FN25" s="103">
        <v>301208</v>
      </c>
      <c r="FO25" s="100">
        <v>0</v>
      </c>
      <c r="FP25" s="104">
        <v>427672</v>
      </c>
      <c r="FQ25" s="104">
        <v>426424</v>
      </c>
      <c r="FR25" s="104">
        <v>422712</v>
      </c>
      <c r="FS25" s="104">
        <v>349104</v>
      </c>
      <c r="FT25" s="104">
        <v>272696</v>
      </c>
      <c r="FU25" s="103">
        <v>1898608</v>
      </c>
      <c r="FV25" s="106">
        <v>2199816</v>
      </c>
      <c r="FW25" s="105">
        <v>60352</v>
      </c>
      <c r="FX25" s="104">
        <v>183608</v>
      </c>
      <c r="FY25" s="102">
        <v>243960</v>
      </c>
      <c r="FZ25" s="101">
        <v>0</v>
      </c>
      <c r="GA25" s="104">
        <v>317672</v>
      </c>
      <c r="GB25" s="104">
        <v>426424</v>
      </c>
      <c r="GC25" s="104">
        <v>422712</v>
      </c>
      <c r="GD25" s="104">
        <v>349104</v>
      </c>
      <c r="GE25" s="104">
        <v>272696</v>
      </c>
      <c r="GF25" s="103">
        <v>1788608</v>
      </c>
      <c r="GG25" s="290">
        <v>2032568</v>
      </c>
      <c r="GH25" s="105">
        <v>0</v>
      </c>
      <c r="GI25" s="104">
        <v>43648</v>
      </c>
      <c r="GJ25" s="102">
        <v>43648</v>
      </c>
      <c r="GK25" s="101">
        <v>0</v>
      </c>
      <c r="GL25" s="104">
        <v>0</v>
      </c>
      <c r="GM25" s="104">
        <v>0</v>
      </c>
      <c r="GN25" s="104">
        <v>0</v>
      </c>
      <c r="GO25" s="104">
        <v>0</v>
      </c>
      <c r="GP25" s="104">
        <v>0</v>
      </c>
      <c r="GQ25" s="103">
        <v>0</v>
      </c>
      <c r="GR25" s="106">
        <v>43648</v>
      </c>
      <c r="GS25" s="100">
        <v>0</v>
      </c>
      <c r="GT25" s="104">
        <v>13600</v>
      </c>
      <c r="GU25" s="103">
        <v>13600</v>
      </c>
      <c r="GV25" s="100">
        <v>0</v>
      </c>
      <c r="GW25" s="104">
        <v>110000</v>
      </c>
      <c r="GX25" s="104">
        <v>0</v>
      </c>
      <c r="GY25" s="104">
        <v>0</v>
      </c>
      <c r="GZ25" s="104">
        <v>0</v>
      </c>
      <c r="HA25" s="104">
        <v>0</v>
      </c>
      <c r="HB25" s="102">
        <v>110000</v>
      </c>
      <c r="HC25" s="106">
        <v>123600</v>
      </c>
      <c r="HD25" s="100">
        <v>53704</v>
      </c>
      <c r="HE25" s="104">
        <v>186600</v>
      </c>
      <c r="HF25" s="102">
        <v>240304</v>
      </c>
      <c r="HG25" s="101">
        <v>0</v>
      </c>
      <c r="HH25" s="104">
        <v>643601</v>
      </c>
      <c r="HI25" s="104">
        <v>298940</v>
      </c>
      <c r="HJ25" s="104">
        <v>1254207</v>
      </c>
      <c r="HK25" s="104">
        <v>1323635</v>
      </c>
      <c r="HL25" s="104">
        <v>544116</v>
      </c>
      <c r="HM25" s="103">
        <v>4064499</v>
      </c>
      <c r="HN25" s="99">
        <v>4304803</v>
      </c>
      <c r="HO25" s="456">
        <v>0</v>
      </c>
      <c r="HP25" s="457">
        <v>0</v>
      </c>
      <c r="HQ25" s="458">
        <v>0</v>
      </c>
      <c r="HR25" s="459">
        <v>0</v>
      </c>
      <c r="HS25" s="457">
        <v>0</v>
      </c>
      <c r="HT25" s="457">
        <v>0</v>
      </c>
      <c r="HU25" s="457">
        <v>0</v>
      </c>
      <c r="HV25" s="457">
        <v>0</v>
      </c>
      <c r="HW25" s="457">
        <v>0</v>
      </c>
      <c r="HX25" s="460">
        <v>0</v>
      </c>
      <c r="HY25" s="461">
        <v>0</v>
      </c>
      <c r="HZ25" s="118">
        <v>0</v>
      </c>
      <c r="IA25" s="119">
        <v>0</v>
      </c>
      <c r="IB25" s="120">
        <v>0</v>
      </c>
      <c r="IC25" s="131">
        <v>0</v>
      </c>
      <c r="ID25" s="119">
        <v>470627</v>
      </c>
      <c r="IE25" s="132">
        <v>956958</v>
      </c>
      <c r="IF25" s="120">
        <v>1221606</v>
      </c>
      <c r="IG25" s="119">
        <v>45515</v>
      </c>
      <c r="IH25" s="120">
        <v>320516</v>
      </c>
      <c r="II25" s="133">
        <v>3015222</v>
      </c>
      <c r="IJ25" s="126">
        <v>3015222</v>
      </c>
      <c r="IK25" s="215">
        <v>0</v>
      </c>
      <c r="IL25" s="219">
        <v>0</v>
      </c>
      <c r="IM25" s="220">
        <v>0</v>
      </c>
      <c r="IN25" s="470">
        <v>0</v>
      </c>
      <c r="IO25" s="109">
        <v>0</v>
      </c>
      <c r="IP25" s="109">
        <v>0</v>
      </c>
      <c r="IQ25" s="109">
        <v>0</v>
      </c>
      <c r="IR25" s="109">
        <v>0</v>
      </c>
      <c r="IS25" s="109">
        <v>0</v>
      </c>
      <c r="IT25" s="128">
        <v>0</v>
      </c>
      <c r="IU25" s="292">
        <v>0</v>
      </c>
      <c r="IV25" s="129">
        <v>0</v>
      </c>
      <c r="IW25" s="109">
        <v>0</v>
      </c>
      <c r="IX25" s="110">
        <v>0</v>
      </c>
      <c r="IY25" s="470">
        <v>0</v>
      </c>
      <c r="IZ25" s="109">
        <v>0</v>
      </c>
      <c r="JA25" s="109">
        <v>0</v>
      </c>
      <c r="JB25" s="109">
        <v>0</v>
      </c>
      <c r="JC25" s="109">
        <v>0</v>
      </c>
      <c r="JD25" s="109">
        <v>0</v>
      </c>
      <c r="JE25" s="110">
        <v>0</v>
      </c>
      <c r="JF25" s="111">
        <v>0</v>
      </c>
      <c r="JG25" s="129">
        <v>0</v>
      </c>
      <c r="JH25" s="109">
        <v>0</v>
      </c>
      <c r="JI25" s="128">
        <v>0</v>
      </c>
      <c r="JJ25" s="108">
        <v>0</v>
      </c>
      <c r="JK25" s="109">
        <v>370304</v>
      </c>
      <c r="JL25" s="109">
        <v>449049</v>
      </c>
      <c r="JM25" s="109">
        <v>403188</v>
      </c>
      <c r="JN25" s="109">
        <v>45515</v>
      </c>
      <c r="JO25" s="109">
        <v>242588</v>
      </c>
      <c r="JP25" s="110">
        <v>1510644</v>
      </c>
      <c r="JQ25" s="292">
        <v>1510644</v>
      </c>
      <c r="JR25" s="129">
        <v>0</v>
      </c>
      <c r="JS25" s="109">
        <v>0</v>
      </c>
      <c r="JT25" s="128">
        <v>0</v>
      </c>
      <c r="JU25" s="108">
        <v>0</v>
      </c>
      <c r="JV25" s="109">
        <v>0</v>
      </c>
      <c r="JW25" s="109">
        <v>0</v>
      </c>
      <c r="JX25" s="109">
        <v>0</v>
      </c>
      <c r="JY25" s="109">
        <v>0</v>
      </c>
      <c r="JZ25" s="109">
        <v>0</v>
      </c>
      <c r="KA25" s="110">
        <v>0</v>
      </c>
      <c r="KB25" s="292">
        <v>0</v>
      </c>
      <c r="KC25" s="217">
        <v>0</v>
      </c>
      <c r="KD25" s="213">
        <v>0</v>
      </c>
      <c r="KE25" s="110">
        <v>0</v>
      </c>
      <c r="KF25" s="108">
        <v>0</v>
      </c>
      <c r="KG25" s="109">
        <v>0</v>
      </c>
      <c r="KH25" s="109">
        <v>0</v>
      </c>
      <c r="KI25" s="109">
        <v>239235</v>
      </c>
      <c r="KJ25" s="109">
        <v>0</v>
      </c>
      <c r="KK25" s="109">
        <v>0</v>
      </c>
      <c r="KL25" s="110">
        <v>239235</v>
      </c>
      <c r="KM25" s="130">
        <v>239235</v>
      </c>
      <c r="KN25" s="215">
        <v>0</v>
      </c>
      <c r="KO25" s="219">
        <v>0</v>
      </c>
      <c r="KP25" s="220">
        <v>0</v>
      </c>
      <c r="KQ25" s="470">
        <v>0</v>
      </c>
      <c r="KR25" s="109">
        <v>100323</v>
      </c>
      <c r="KS25" s="109">
        <v>507909</v>
      </c>
      <c r="KT25" s="109">
        <v>579183</v>
      </c>
      <c r="KU25" s="109">
        <v>0</v>
      </c>
      <c r="KV25" s="109">
        <v>77928</v>
      </c>
      <c r="KW25" s="110">
        <v>1265343</v>
      </c>
      <c r="KX25" s="292">
        <v>1265343</v>
      </c>
      <c r="KY25" s="129">
        <v>0</v>
      </c>
      <c r="KZ25" s="109">
        <v>0</v>
      </c>
      <c r="LA25" s="110">
        <v>0</v>
      </c>
      <c r="LB25" s="470">
        <v>0</v>
      </c>
      <c r="LC25" s="109">
        <v>0</v>
      </c>
      <c r="LD25" s="109">
        <v>0</v>
      </c>
      <c r="LE25" s="109">
        <v>0</v>
      </c>
      <c r="LF25" s="109">
        <v>0</v>
      </c>
      <c r="LG25" s="109">
        <v>0</v>
      </c>
      <c r="LH25" s="110">
        <v>0</v>
      </c>
      <c r="LI25" s="111">
        <v>0</v>
      </c>
      <c r="LJ25" s="129">
        <v>0</v>
      </c>
      <c r="LK25" s="109">
        <v>0</v>
      </c>
      <c r="LL25" s="110">
        <v>0</v>
      </c>
      <c r="LM25" s="470">
        <v>0</v>
      </c>
      <c r="LN25" s="109">
        <v>0</v>
      </c>
      <c r="LO25" s="109">
        <v>0</v>
      </c>
      <c r="LP25" s="109">
        <v>0</v>
      </c>
      <c r="LQ25" s="109">
        <v>0</v>
      </c>
      <c r="LR25" s="109">
        <v>0</v>
      </c>
      <c r="LS25" s="110">
        <v>0</v>
      </c>
      <c r="LT25" s="292">
        <v>0</v>
      </c>
      <c r="LU25" s="129">
        <v>0</v>
      </c>
      <c r="LV25" s="109">
        <v>0</v>
      </c>
      <c r="LW25" s="110">
        <v>0</v>
      </c>
      <c r="LX25" s="470">
        <v>0</v>
      </c>
      <c r="LY25" s="109">
        <v>0</v>
      </c>
      <c r="LZ25" s="109">
        <v>0</v>
      </c>
      <c r="MA25" s="109">
        <v>0</v>
      </c>
      <c r="MB25" s="109">
        <v>0</v>
      </c>
      <c r="MC25" s="109">
        <v>0</v>
      </c>
      <c r="MD25" s="110">
        <v>0</v>
      </c>
      <c r="ME25" s="111">
        <v>0</v>
      </c>
      <c r="MF25" s="129">
        <v>0</v>
      </c>
      <c r="MG25" s="109">
        <v>0</v>
      </c>
      <c r="MH25" s="110">
        <v>0</v>
      </c>
      <c r="MI25" s="470">
        <v>0</v>
      </c>
      <c r="MJ25" s="109">
        <v>0</v>
      </c>
      <c r="MK25" s="109">
        <v>615267</v>
      </c>
      <c r="ML25" s="109">
        <v>1538504</v>
      </c>
      <c r="MM25" s="109">
        <v>3121551</v>
      </c>
      <c r="MN25" s="109">
        <v>306973</v>
      </c>
      <c r="MO25" s="110">
        <v>5582295</v>
      </c>
      <c r="MP25" s="130">
        <v>5582295</v>
      </c>
      <c r="MQ25" s="129">
        <v>0</v>
      </c>
      <c r="MR25" s="109">
        <v>0</v>
      </c>
      <c r="MS25" s="110">
        <v>0</v>
      </c>
      <c r="MT25" s="470">
        <v>0</v>
      </c>
      <c r="MU25" s="109">
        <v>0</v>
      </c>
      <c r="MV25" s="109">
        <v>251315</v>
      </c>
      <c r="MW25" s="109">
        <v>1504642</v>
      </c>
      <c r="MX25" s="109">
        <v>3007597</v>
      </c>
      <c r="MY25" s="109">
        <v>306973</v>
      </c>
      <c r="MZ25" s="110">
        <v>5070527</v>
      </c>
      <c r="NA25" s="130">
        <v>5070527</v>
      </c>
      <c r="NB25" s="129">
        <v>0</v>
      </c>
      <c r="NC25" s="109">
        <v>0</v>
      </c>
      <c r="ND25" s="110">
        <v>0</v>
      </c>
      <c r="NE25" s="470">
        <v>0</v>
      </c>
      <c r="NF25" s="109">
        <v>0</v>
      </c>
      <c r="NG25" s="109">
        <v>363952</v>
      </c>
      <c r="NH25" s="109">
        <v>33862</v>
      </c>
      <c r="NI25" s="109">
        <v>113954</v>
      </c>
      <c r="NJ25" s="109">
        <v>0</v>
      </c>
      <c r="NK25" s="110">
        <v>511768</v>
      </c>
      <c r="NL25" s="292">
        <v>511768</v>
      </c>
      <c r="NM25" s="129">
        <v>0</v>
      </c>
      <c r="NN25" s="109">
        <v>0</v>
      </c>
      <c r="NO25" s="110">
        <v>0</v>
      </c>
      <c r="NP25" s="470">
        <v>0</v>
      </c>
      <c r="NQ25" s="109">
        <v>0</v>
      </c>
      <c r="NR25" s="109">
        <v>0</v>
      </c>
      <c r="NS25" s="109">
        <v>0</v>
      </c>
      <c r="NT25" s="109">
        <v>0</v>
      </c>
      <c r="NU25" s="109">
        <v>0</v>
      </c>
      <c r="NV25" s="110">
        <v>0</v>
      </c>
      <c r="NW25" s="111">
        <v>0</v>
      </c>
      <c r="NX25" s="129">
        <v>0</v>
      </c>
      <c r="NY25" s="109">
        <v>0</v>
      </c>
      <c r="NZ25" s="110">
        <v>0</v>
      </c>
      <c r="OA25" s="470">
        <v>0</v>
      </c>
      <c r="OB25" s="109">
        <v>0</v>
      </c>
      <c r="OC25" s="109">
        <v>0</v>
      </c>
      <c r="OD25" s="109">
        <v>0</v>
      </c>
      <c r="OE25" s="109">
        <v>0</v>
      </c>
      <c r="OF25" s="109">
        <v>0</v>
      </c>
      <c r="OG25" s="110">
        <v>0</v>
      </c>
      <c r="OH25" s="111">
        <v>0</v>
      </c>
      <c r="OI25" s="129">
        <v>307039</v>
      </c>
      <c r="OJ25" s="109">
        <v>678971</v>
      </c>
      <c r="OK25" s="128">
        <v>986010</v>
      </c>
      <c r="OL25" s="108">
        <v>0</v>
      </c>
      <c r="OM25" s="109">
        <v>5673125</v>
      </c>
      <c r="ON25" s="109">
        <v>6067692</v>
      </c>
      <c r="OO25" s="109">
        <v>7435070</v>
      </c>
      <c r="OP25" s="109">
        <v>8157763</v>
      </c>
      <c r="OQ25" s="109">
        <v>3700379</v>
      </c>
      <c r="OR25" s="110">
        <v>31034029</v>
      </c>
      <c r="OS25" s="130">
        <v>32020039</v>
      </c>
    </row>
    <row r="26" spans="2:409" ht="21" customHeight="1" x14ac:dyDescent="0.2">
      <c r="B26" s="437" t="s">
        <v>21</v>
      </c>
      <c r="C26" s="100">
        <v>291296</v>
      </c>
      <c r="D26" s="104">
        <v>465043</v>
      </c>
      <c r="E26" s="103">
        <v>756339</v>
      </c>
      <c r="F26" s="99">
        <v>0</v>
      </c>
      <c r="G26" s="104">
        <v>3281050</v>
      </c>
      <c r="H26" s="104">
        <v>4026160</v>
      </c>
      <c r="I26" s="104">
        <v>3243131</v>
      </c>
      <c r="J26" s="104">
        <v>2996689</v>
      </c>
      <c r="K26" s="104">
        <v>3435739</v>
      </c>
      <c r="L26" s="156">
        <v>16982769</v>
      </c>
      <c r="M26" s="106">
        <v>17739108</v>
      </c>
      <c r="N26" s="100">
        <v>135524</v>
      </c>
      <c r="O26" s="104">
        <v>154894</v>
      </c>
      <c r="P26" s="103">
        <v>290418</v>
      </c>
      <c r="Q26" s="100">
        <v>0</v>
      </c>
      <c r="R26" s="104">
        <v>1237888</v>
      </c>
      <c r="S26" s="104">
        <v>1275768</v>
      </c>
      <c r="T26" s="104">
        <v>968781</v>
      </c>
      <c r="U26" s="104">
        <v>1480470</v>
      </c>
      <c r="V26" s="104">
        <v>1637403</v>
      </c>
      <c r="W26" s="103">
        <v>6600310</v>
      </c>
      <c r="X26" s="106">
        <v>6890728</v>
      </c>
      <c r="Y26" s="100">
        <v>0</v>
      </c>
      <c r="Z26" s="104">
        <v>0</v>
      </c>
      <c r="AA26" s="103">
        <v>0</v>
      </c>
      <c r="AB26" s="100">
        <v>0</v>
      </c>
      <c r="AC26" s="104">
        <v>386455</v>
      </c>
      <c r="AD26" s="104">
        <v>437754</v>
      </c>
      <c r="AE26" s="104">
        <v>496791</v>
      </c>
      <c r="AF26" s="104">
        <v>648213</v>
      </c>
      <c r="AG26" s="104">
        <v>1111203</v>
      </c>
      <c r="AH26" s="103">
        <v>3080416</v>
      </c>
      <c r="AI26" s="106">
        <v>3080416</v>
      </c>
      <c r="AJ26" s="100">
        <v>0</v>
      </c>
      <c r="AK26" s="104">
        <v>0</v>
      </c>
      <c r="AL26" s="103">
        <v>0</v>
      </c>
      <c r="AM26" s="100">
        <v>0</v>
      </c>
      <c r="AN26" s="104">
        <v>0</v>
      </c>
      <c r="AO26" s="104">
        <v>0</v>
      </c>
      <c r="AP26" s="104">
        <v>0</v>
      </c>
      <c r="AQ26" s="104">
        <v>93534</v>
      </c>
      <c r="AR26" s="104">
        <v>152012</v>
      </c>
      <c r="AS26" s="103">
        <v>245546</v>
      </c>
      <c r="AT26" s="106">
        <v>245546</v>
      </c>
      <c r="AU26" s="100">
        <v>58264</v>
      </c>
      <c r="AV26" s="104">
        <v>127422</v>
      </c>
      <c r="AW26" s="103">
        <v>185686</v>
      </c>
      <c r="AX26" s="100">
        <v>0</v>
      </c>
      <c r="AY26" s="104">
        <v>584786</v>
      </c>
      <c r="AZ26" s="104">
        <v>548740</v>
      </c>
      <c r="BA26" s="104">
        <v>300486</v>
      </c>
      <c r="BB26" s="104">
        <v>518399</v>
      </c>
      <c r="BC26" s="104">
        <v>166159</v>
      </c>
      <c r="BD26" s="103">
        <v>2118570</v>
      </c>
      <c r="BE26" s="106">
        <v>2304256</v>
      </c>
      <c r="BF26" s="100">
        <v>42604</v>
      </c>
      <c r="BG26" s="104">
        <v>0</v>
      </c>
      <c r="BH26" s="102">
        <v>42604</v>
      </c>
      <c r="BI26" s="101">
        <v>0</v>
      </c>
      <c r="BJ26" s="104">
        <v>43415</v>
      </c>
      <c r="BK26" s="104">
        <v>93850</v>
      </c>
      <c r="BL26" s="104">
        <v>0</v>
      </c>
      <c r="BM26" s="104">
        <v>60716</v>
      </c>
      <c r="BN26" s="104">
        <v>46005</v>
      </c>
      <c r="BO26" s="103">
        <v>243986</v>
      </c>
      <c r="BP26" s="106">
        <v>286590</v>
      </c>
      <c r="BQ26" s="100">
        <v>34656</v>
      </c>
      <c r="BR26" s="104">
        <v>27472</v>
      </c>
      <c r="BS26" s="103">
        <v>62128</v>
      </c>
      <c r="BT26" s="100">
        <v>0</v>
      </c>
      <c r="BU26" s="104">
        <v>223232</v>
      </c>
      <c r="BV26" s="104">
        <v>195424</v>
      </c>
      <c r="BW26" s="104">
        <v>171504</v>
      </c>
      <c r="BX26" s="104">
        <v>159608</v>
      </c>
      <c r="BY26" s="104">
        <v>162024</v>
      </c>
      <c r="BZ26" s="103">
        <v>911792</v>
      </c>
      <c r="CA26" s="106">
        <v>973920</v>
      </c>
      <c r="CB26" s="100">
        <v>81164</v>
      </c>
      <c r="CC26" s="104">
        <v>37583</v>
      </c>
      <c r="CD26" s="103">
        <v>118747</v>
      </c>
      <c r="CE26" s="100">
        <v>0</v>
      </c>
      <c r="CF26" s="104">
        <v>1024747</v>
      </c>
      <c r="CG26" s="104">
        <v>1345938</v>
      </c>
      <c r="CH26" s="104">
        <v>685653</v>
      </c>
      <c r="CI26" s="104">
        <v>217257</v>
      </c>
      <c r="CJ26" s="104">
        <v>98340</v>
      </c>
      <c r="CK26" s="103">
        <v>3371935</v>
      </c>
      <c r="CL26" s="106">
        <v>3490682</v>
      </c>
      <c r="CM26" s="100">
        <v>0</v>
      </c>
      <c r="CN26" s="104">
        <v>0</v>
      </c>
      <c r="CO26" s="103">
        <v>0</v>
      </c>
      <c r="CP26" s="101">
        <v>0</v>
      </c>
      <c r="CQ26" s="104">
        <v>735159</v>
      </c>
      <c r="CR26" s="104">
        <v>1035270</v>
      </c>
      <c r="CS26" s="104">
        <v>518340</v>
      </c>
      <c r="CT26" s="104">
        <v>217257</v>
      </c>
      <c r="CU26" s="104">
        <v>46012</v>
      </c>
      <c r="CV26" s="103">
        <v>2552038</v>
      </c>
      <c r="CW26" s="106">
        <v>2552038</v>
      </c>
      <c r="CX26" s="100">
        <v>81164</v>
      </c>
      <c r="CY26" s="104">
        <v>37583</v>
      </c>
      <c r="CZ26" s="103">
        <v>118747</v>
      </c>
      <c r="DA26" s="100">
        <v>0</v>
      </c>
      <c r="DB26" s="104">
        <v>289588</v>
      </c>
      <c r="DC26" s="104">
        <v>310668</v>
      </c>
      <c r="DD26" s="104">
        <v>167313</v>
      </c>
      <c r="DE26" s="104">
        <v>0</v>
      </c>
      <c r="DF26" s="104">
        <v>52328</v>
      </c>
      <c r="DG26" s="103">
        <v>819897</v>
      </c>
      <c r="DH26" s="106">
        <v>938644</v>
      </c>
      <c r="DI26" s="100">
        <v>0</v>
      </c>
      <c r="DJ26" s="104">
        <v>0</v>
      </c>
      <c r="DK26" s="102">
        <v>0</v>
      </c>
      <c r="DL26" s="101">
        <v>0</v>
      </c>
      <c r="DM26" s="104">
        <v>63881</v>
      </c>
      <c r="DN26" s="104">
        <v>55735</v>
      </c>
      <c r="DO26" s="104">
        <v>653837</v>
      </c>
      <c r="DP26" s="104">
        <v>222689</v>
      </c>
      <c r="DQ26" s="104">
        <v>552287</v>
      </c>
      <c r="DR26" s="103">
        <v>1548429</v>
      </c>
      <c r="DS26" s="106">
        <v>1548429</v>
      </c>
      <c r="DT26" s="100">
        <v>0</v>
      </c>
      <c r="DU26" s="104">
        <v>0</v>
      </c>
      <c r="DV26" s="103">
        <v>0</v>
      </c>
      <c r="DW26" s="100">
        <v>0</v>
      </c>
      <c r="DX26" s="104">
        <v>63881</v>
      </c>
      <c r="DY26" s="104">
        <v>36274</v>
      </c>
      <c r="DZ26" s="104">
        <v>653837</v>
      </c>
      <c r="EA26" s="104">
        <v>222689</v>
      </c>
      <c r="EB26" s="104">
        <v>552287</v>
      </c>
      <c r="EC26" s="103">
        <v>1528968</v>
      </c>
      <c r="ED26" s="106">
        <v>1528968</v>
      </c>
      <c r="EE26" s="100">
        <v>0</v>
      </c>
      <c r="EF26" s="102">
        <v>0</v>
      </c>
      <c r="EG26" s="103">
        <v>0</v>
      </c>
      <c r="EH26" s="100">
        <v>0</v>
      </c>
      <c r="EI26" s="104">
        <v>0</v>
      </c>
      <c r="EJ26" s="104">
        <v>19461</v>
      </c>
      <c r="EK26" s="104">
        <v>0</v>
      </c>
      <c r="EL26" s="104">
        <v>0</v>
      </c>
      <c r="EM26" s="104">
        <v>0</v>
      </c>
      <c r="EN26" s="102">
        <v>19461</v>
      </c>
      <c r="EO26" s="106">
        <v>19461</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06">
        <v>0</v>
      </c>
      <c r="FE26" s="104">
        <v>0</v>
      </c>
      <c r="FF26" s="104">
        <v>0</v>
      </c>
      <c r="FG26" s="104">
        <v>0</v>
      </c>
      <c r="FH26" s="104">
        <v>0</v>
      </c>
      <c r="FI26" s="104">
        <v>0</v>
      </c>
      <c r="FJ26" s="103">
        <v>0</v>
      </c>
      <c r="FK26" s="106">
        <v>0</v>
      </c>
      <c r="FL26" s="100">
        <v>74608</v>
      </c>
      <c r="FM26" s="104">
        <v>90304</v>
      </c>
      <c r="FN26" s="103">
        <v>164912</v>
      </c>
      <c r="FO26" s="100">
        <v>0</v>
      </c>
      <c r="FP26" s="104">
        <v>306544</v>
      </c>
      <c r="FQ26" s="104">
        <v>408816</v>
      </c>
      <c r="FR26" s="104">
        <v>332408</v>
      </c>
      <c r="FS26" s="104">
        <v>202384</v>
      </c>
      <c r="FT26" s="104">
        <v>180280</v>
      </c>
      <c r="FU26" s="103">
        <v>1430432</v>
      </c>
      <c r="FV26" s="106">
        <v>1595344</v>
      </c>
      <c r="FW26" s="105">
        <v>74608</v>
      </c>
      <c r="FX26" s="104">
        <v>90304</v>
      </c>
      <c r="FY26" s="102">
        <v>164912</v>
      </c>
      <c r="FZ26" s="101">
        <v>0</v>
      </c>
      <c r="GA26" s="104">
        <v>118544</v>
      </c>
      <c r="GB26" s="104">
        <v>394416</v>
      </c>
      <c r="GC26" s="104">
        <v>332408</v>
      </c>
      <c r="GD26" s="104">
        <v>202384</v>
      </c>
      <c r="GE26" s="104">
        <v>180280</v>
      </c>
      <c r="GF26" s="103">
        <v>1228032</v>
      </c>
      <c r="GG26" s="290">
        <v>1392944</v>
      </c>
      <c r="GH26" s="105">
        <v>0</v>
      </c>
      <c r="GI26" s="104">
        <v>0</v>
      </c>
      <c r="GJ26" s="102">
        <v>0</v>
      </c>
      <c r="GK26" s="101">
        <v>0</v>
      </c>
      <c r="GL26" s="104">
        <v>28000</v>
      </c>
      <c r="GM26" s="104">
        <v>0</v>
      </c>
      <c r="GN26" s="104">
        <v>0</v>
      </c>
      <c r="GO26" s="104">
        <v>0</v>
      </c>
      <c r="GP26" s="104">
        <v>0</v>
      </c>
      <c r="GQ26" s="103">
        <v>28000</v>
      </c>
      <c r="GR26" s="106">
        <v>28000</v>
      </c>
      <c r="GS26" s="100">
        <v>0</v>
      </c>
      <c r="GT26" s="104">
        <v>0</v>
      </c>
      <c r="GU26" s="103">
        <v>0</v>
      </c>
      <c r="GV26" s="100">
        <v>0</v>
      </c>
      <c r="GW26" s="104">
        <v>160000</v>
      </c>
      <c r="GX26" s="104">
        <v>14400</v>
      </c>
      <c r="GY26" s="104">
        <v>0</v>
      </c>
      <c r="GZ26" s="104">
        <v>0</v>
      </c>
      <c r="HA26" s="104">
        <v>0</v>
      </c>
      <c r="HB26" s="102">
        <v>174400</v>
      </c>
      <c r="HC26" s="106">
        <v>174400</v>
      </c>
      <c r="HD26" s="100">
        <v>0</v>
      </c>
      <c r="HE26" s="104">
        <v>182262</v>
      </c>
      <c r="HF26" s="102">
        <v>182262</v>
      </c>
      <c r="HG26" s="101">
        <v>0</v>
      </c>
      <c r="HH26" s="104">
        <v>647990</v>
      </c>
      <c r="HI26" s="104">
        <v>939903</v>
      </c>
      <c r="HJ26" s="104">
        <v>602452</v>
      </c>
      <c r="HK26" s="104">
        <v>873889</v>
      </c>
      <c r="HL26" s="104">
        <v>967429</v>
      </c>
      <c r="HM26" s="103">
        <v>4031663</v>
      </c>
      <c r="HN26" s="99">
        <v>4213925</v>
      </c>
      <c r="HO26" s="456">
        <v>0</v>
      </c>
      <c r="HP26" s="457">
        <v>0</v>
      </c>
      <c r="HQ26" s="458">
        <v>0</v>
      </c>
      <c r="HR26" s="459">
        <v>0</v>
      </c>
      <c r="HS26" s="457">
        <v>0</v>
      </c>
      <c r="HT26" s="457">
        <v>0</v>
      </c>
      <c r="HU26" s="457">
        <v>0</v>
      </c>
      <c r="HV26" s="457">
        <v>0</v>
      </c>
      <c r="HW26" s="457">
        <v>0</v>
      </c>
      <c r="HX26" s="460">
        <v>0</v>
      </c>
      <c r="HY26" s="461">
        <v>0</v>
      </c>
      <c r="HZ26" s="135">
        <v>0</v>
      </c>
      <c r="IA26" s="122">
        <v>0</v>
      </c>
      <c r="IB26" s="135">
        <v>0</v>
      </c>
      <c r="IC26" s="121">
        <v>0</v>
      </c>
      <c r="ID26" s="122">
        <v>996676</v>
      </c>
      <c r="IE26" s="123">
        <v>725072</v>
      </c>
      <c r="IF26" s="124">
        <v>867457</v>
      </c>
      <c r="IG26" s="122">
        <v>207176</v>
      </c>
      <c r="IH26" s="124">
        <v>0</v>
      </c>
      <c r="II26" s="125">
        <v>2796381</v>
      </c>
      <c r="IJ26" s="135">
        <v>2796381</v>
      </c>
      <c r="IK26" s="215">
        <v>0</v>
      </c>
      <c r="IL26" s="219">
        <v>0</v>
      </c>
      <c r="IM26" s="220">
        <v>0</v>
      </c>
      <c r="IN26" s="470">
        <v>0</v>
      </c>
      <c r="IO26" s="109">
        <v>0</v>
      </c>
      <c r="IP26" s="109">
        <v>0</v>
      </c>
      <c r="IQ26" s="109">
        <v>0</v>
      </c>
      <c r="IR26" s="109">
        <v>0</v>
      </c>
      <c r="IS26" s="109">
        <v>0</v>
      </c>
      <c r="IT26" s="128">
        <v>0</v>
      </c>
      <c r="IU26" s="292">
        <v>0</v>
      </c>
      <c r="IV26" s="129">
        <v>0</v>
      </c>
      <c r="IW26" s="109">
        <v>0</v>
      </c>
      <c r="IX26" s="110">
        <v>0</v>
      </c>
      <c r="IY26" s="470">
        <v>0</v>
      </c>
      <c r="IZ26" s="109">
        <v>0</v>
      </c>
      <c r="JA26" s="109">
        <v>0</v>
      </c>
      <c r="JB26" s="109">
        <v>0</v>
      </c>
      <c r="JC26" s="109">
        <v>0</v>
      </c>
      <c r="JD26" s="109">
        <v>0</v>
      </c>
      <c r="JE26" s="110">
        <v>0</v>
      </c>
      <c r="JF26" s="111">
        <v>0</v>
      </c>
      <c r="JG26" s="129">
        <v>0</v>
      </c>
      <c r="JH26" s="109">
        <v>0</v>
      </c>
      <c r="JI26" s="128">
        <v>0</v>
      </c>
      <c r="JJ26" s="108">
        <v>0</v>
      </c>
      <c r="JK26" s="109">
        <v>519154</v>
      </c>
      <c r="JL26" s="109">
        <v>217170</v>
      </c>
      <c r="JM26" s="109">
        <v>130590</v>
      </c>
      <c r="JN26" s="109">
        <v>207176</v>
      </c>
      <c r="JO26" s="109">
        <v>0</v>
      </c>
      <c r="JP26" s="110">
        <v>1074090</v>
      </c>
      <c r="JQ26" s="292">
        <v>1074090</v>
      </c>
      <c r="JR26" s="129">
        <v>0</v>
      </c>
      <c r="JS26" s="109">
        <v>0</v>
      </c>
      <c r="JT26" s="128">
        <v>0</v>
      </c>
      <c r="JU26" s="108">
        <v>0</v>
      </c>
      <c r="JV26" s="109">
        <v>0</v>
      </c>
      <c r="JW26" s="109">
        <v>0</v>
      </c>
      <c r="JX26" s="109">
        <v>0</v>
      </c>
      <c r="JY26" s="109">
        <v>0</v>
      </c>
      <c r="JZ26" s="109">
        <v>0</v>
      </c>
      <c r="KA26" s="110">
        <v>0</v>
      </c>
      <c r="KB26" s="292">
        <v>0</v>
      </c>
      <c r="KC26" s="217">
        <v>0</v>
      </c>
      <c r="KD26" s="213">
        <v>0</v>
      </c>
      <c r="KE26" s="110">
        <v>0</v>
      </c>
      <c r="KF26" s="108">
        <v>0</v>
      </c>
      <c r="KG26" s="109">
        <v>0</v>
      </c>
      <c r="KH26" s="109">
        <v>0</v>
      </c>
      <c r="KI26" s="109">
        <v>226056</v>
      </c>
      <c r="KJ26" s="109">
        <v>0</v>
      </c>
      <c r="KK26" s="109">
        <v>0</v>
      </c>
      <c r="KL26" s="110">
        <v>226056</v>
      </c>
      <c r="KM26" s="130">
        <v>226056</v>
      </c>
      <c r="KN26" s="215">
        <v>0</v>
      </c>
      <c r="KO26" s="219">
        <v>0</v>
      </c>
      <c r="KP26" s="220">
        <v>0</v>
      </c>
      <c r="KQ26" s="470">
        <v>0</v>
      </c>
      <c r="KR26" s="109">
        <v>477522</v>
      </c>
      <c r="KS26" s="109">
        <v>507902</v>
      </c>
      <c r="KT26" s="109">
        <v>510811</v>
      </c>
      <c r="KU26" s="109">
        <v>0</v>
      </c>
      <c r="KV26" s="109">
        <v>0</v>
      </c>
      <c r="KW26" s="110">
        <v>1496235</v>
      </c>
      <c r="KX26" s="292">
        <v>1496235</v>
      </c>
      <c r="KY26" s="129">
        <v>0</v>
      </c>
      <c r="KZ26" s="109">
        <v>0</v>
      </c>
      <c r="LA26" s="110">
        <v>0</v>
      </c>
      <c r="LB26" s="470">
        <v>0</v>
      </c>
      <c r="LC26" s="109">
        <v>0</v>
      </c>
      <c r="LD26" s="109">
        <v>0</v>
      </c>
      <c r="LE26" s="109">
        <v>0</v>
      </c>
      <c r="LF26" s="109">
        <v>0</v>
      </c>
      <c r="LG26" s="109">
        <v>0</v>
      </c>
      <c r="LH26" s="110">
        <v>0</v>
      </c>
      <c r="LI26" s="111">
        <v>0</v>
      </c>
      <c r="LJ26" s="129">
        <v>0</v>
      </c>
      <c r="LK26" s="109">
        <v>0</v>
      </c>
      <c r="LL26" s="110">
        <v>0</v>
      </c>
      <c r="LM26" s="470">
        <v>0</v>
      </c>
      <c r="LN26" s="109">
        <v>0</v>
      </c>
      <c r="LO26" s="109">
        <v>0</v>
      </c>
      <c r="LP26" s="109">
        <v>0</v>
      </c>
      <c r="LQ26" s="109">
        <v>0</v>
      </c>
      <c r="LR26" s="109">
        <v>0</v>
      </c>
      <c r="LS26" s="110">
        <v>0</v>
      </c>
      <c r="LT26" s="292">
        <v>0</v>
      </c>
      <c r="LU26" s="129">
        <v>0</v>
      </c>
      <c r="LV26" s="109">
        <v>0</v>
      </c>
      <c r="LW26" s="110">
        <v>0</v>
      </c>
      <c r="LX26" s="470">
        <v>0</v>
      </c>
      <c r="LY26" s="109">
        <v>0</v>
      </c>
      <c r="LZ26" s="109">
        <v>0</v>
      </c>
      <c r="MA26" s="109">
        <v>0</v>
      </c>
      <c r="MB26" s="109">
        <v>0</v>
      </c>
      <c r="MC26" s="109">
        <v>0</v>
      </c>
      <c r="MD26" s="110">
        <v>0</v>
      </c>
      <c r="ME26" s="111">
        <v>0</v>
      </c>
      <c r="MF26" s="129">
        <v>0</v>
      </c>
      <c r="MG26" s="109">
        <v>0</v>
      </c>
      <c r="MH26" s="110">
        <v>0</v>
      </c>
      <c r="MI26" s="470">
        <v>0</v>
      </c>
      <c r="MJ26" s="109">
        <v>0</v>
      </c>
      <c r="MK26" s="109">
        <v>0</v>
      </c>
      <c r="ML26" s="109">
        <v>1835133</v>
      </c>
      <c r="MM26" s="109">
        <v>2710104</v>
      </c>
      <c r="MN26" s="109">
        <v>2808640</v>
      </c>
      <c r="MO26" s="110">
        <v>7353877</v>
      </c>
      <c r="MP26" s="130">
        <v>7353877</v>
      </c>
      <c r="MQ26" s="129">
        <v>0</v>
      </c>
      <c r="MR26" s="109">
        <v>0</v>
      </c>
      <c r="MS26" s="110">
        <v>0</v>
      </c>
      <c r="MT26" s="470">
        <v>0</v>
      </c>
      <c r="MU26" s="109">
        <v>0</v>
      </c>
      <c r="MV26" s="109">
        <v>0</v>
      </c>
      <c r="MW26" s="109">
        <v>1013806</v>
      </c>
      <c r="MX26" s="109">
        <v>2543863</v>
      </c>
      <c r="MY26" s="109">
        <v>2808640</v>
      </c>
      <c r="MZ26" s="110">
        <v>6366309</v>
      </c>
      <c r="NA26" s="130">
        <v>6366309</v>
      </c>
      <c r="NB26" s="129">
        <v>0</v>
      </c>
      <c r="NC26" s="109">
        <v>0</v>
      </c>
      <c r="ND26" s="110">
        <v>0</v>
      </c>
      <c r="NE26" s="470">
        <v>0</v>
      </c>
      <c r="NF26" s="109">
        <v>0</v>
      </c>
      <c r="NG26" s="109">
        <v>0</v>
      </c>
      <c r="NH26" s="109">
        <v>821327</v>
      </c>
      <c r="NI26" s="109">
        <v>0</v>
      </c>
      <c r="NJ26" s="109">
        <v>0</v>
      </c>
      <c r="NK26" s="110">
        <v>821327</v>
      </c>
      <c r="NL26" s="292">
        <v>821327</v>
      </c>
      <c r="NM26" s="129">
        <v>0</v>
      </c>
      <c r="NN26" s="109">
        <v>0</v>
      </c>
      <c r="NO26" s="110">
        <v>0</v>
      </c>
      <c r="NP26" s="470">
        <v>0</v>
      </c>
      <c r="NQ26" s="109">
        <v>0</v>
      </c>
      <c r="NR26" s="109">
        <v>0</v>
      </c>
      <c r="NS26" s="109">
        <v>0</v>
      </c>
      <c r="NT26" s="109">
        <v>0</v>
      </c>
      <c r="NU26" s="109">
        <v>0</v>
      </c>
      <c r="NV26" s="110">
        <v>0</v>
      </c>
      <c r="NW26" s="111">
        <v>0</v>
      </c>
      <c r="NX26" s="129">
        <v>0</v>
      </c>
      <c r="NY26" s="109">
        <v>0</v>
      </c>
      <c r="NZ26" s="110">
        <v>0</v>
      </c>
      <c r="OA26" s="470">
        <v>0</v>
      </c>
      <c r="OB26" s="109">
        <v>0</v>
      </c>
      <c r="OC26" s="109">
        <v>0</v>
      </c>
      <c r="OD26" s="109">
        <v>0</v>
      </c>
      <c r="OE26" s="109">
        <v>166241</v>
      </c>
      <c r="OF26" s="109">
        <v>0</v>
      </c>
      <c r="OG26" s="110">
        <v>166241</v>
      </c>
      <c r="OH26" s="111">
        <v>166241</v>
      </c>
      <c r="OI26" s="129">
        <v>291296</v>
      </c>
      <c r="OJ26" s="109">
        <v>465043</v>
      </c>
      <c r="OK26" s="128">
        <v>756339</v>
      </c>
      <c r="OL26" s="108">
        <v>0</v>
      </c>
      <c r="OM26" s="109">
        <v>4277726</v>
      </c>
      <c r="ON26" s="109">
        <v>4751232</v>
      </c>
      <c r="OO26" s="109">
        <v>5945721</v>
      </c>
      <c r="OP26" s="109">
        <v>5913969</v>
      </c>
      <c r="OQ26" s="109">
        <v>6244379</v>
      </c>
      <c r="OR26" s="110">
        <v>27133027</v>
      </c>
      <c r="OS26" s="130">
        <v>27889366</v>
      </c>
    </row>
    <row r="27" spans="2:409" ht="21" customHeight="1" x14ac:dyDescent="0.2">
      <c r="B27" s="437" t="s">
        <v>22</v>
      </c>
      <c r="C27" s="100">
        <v>33624</v>
      </c>
      <c r="D27" s="104">
        <v>169983</v>
      </c>
      <c r="E27" s="103">
        <v>203607</v>
      </c>
      <c r="F27" s="99">
        <v>0</v>
      </c>
      <c r="G27" s="104">
        <v>2597848</v>
      </c>
      <c r="H27" s="104">
        <v>1341739</v>
      </c>
      <c r="I27" s="104">
        <v>1550463</v>
      </c>
      <c r="J27" s="104">
        <v>945631</v>
      </c>
      <c r="K27" s="104">
        <v>649174</v>
      </c>
      <c r="L27" s="156">
        <v>7084855</v>
      </c>
      <c r="M27" s="106">
        <v>7288462</v>
      </c>
      <c r="N27" s="100">
        <v>12280</v>
      </c>
      <c r="O27" s="104">
        <v>55891</v>
      </c>
      <c r="P27" s="103">
        <v>68171</v>
      </c>
      <c r="Q27" s="100">
        <v>0</v>
      </c>
      <c r="R27" s="104">
        <v>497152</v>
      </c>
      <c r="S27" s="104">
        <v>447023</v>
      </c>
      <c r="T27" s="104">
        <v>150096</v>
      </c>
      <c r="U27" s="104">
        <v>77200</v>
      </c>
      <c r="V27" s="104">
        <v>195344</v>
      </c>
      <c r="W27" s="103">
        <v>1366815</v>
      </c>
      <c r="X27" s="106">
        <v>1434986</v>
      </c>
      <c r="Y27" s="100">
        <v>0</v>
      </c>
      <c r="Z27" s="104">
        <v>0</v>
      </c>
      <c r="AA27" s="103">
        <v>0</v>
      </c>
      <c r="AB27" s="100">
        <v>0</v>
      </c>
      <c r="AC27" s="104">
        <v>257059</v>
      </c>
      <c r="AD27" s="104">
        <v>121040</v>
      </c>
      <c r="AE27" s="104">
        <v>0</v>
      </c>
      <c r="AF27" s="104">
        <v>0</v>
      </c>
      <c r="AG27" s="104">
        <v>64296</v>
      </c>
      <c r="AH27" s="103">
        <v>442395</v>
      </c>
      <c r="AI27" s="106">
        <v>442395</v>
      </c>
      <c r="AJ27" s="100">
        <v>0</v>
      </c>
      <c r="AK27" s="104">
        <v>0</v>
      </c>
      <c r="AL27" s="103">
        <v>0</v>
      </c>
      <c r="AM27" s="100">
        <v>0</v>
      </c>
      <c r="AN27" s="104">
        <v>57642</v>
      </c>
      <c r="AO27" s="104">
        <v>0</v>
      </c>
      <c r="AP27" s="104">
        <v>0</v>
      </c>
      <c r="AQ27" s="104">
        <v>0</v>
      </c>
      <c r="AR27" s="104">
        <v>0</v>
      </c>
      <c r="AS27" s="103">
        <v>57642</v>
      </c>
      <c r="AT27" s="106">
        <v>57642</v>
      </c>
      <c r="AU27" s="100">
        <v>0</v>
      </c>
      <c r="AV27" s="104">
        <v>55891</v>
      </c>
      <c r="AW27" s="103">
        <v>55891</v>
      </c>
      <c r="AX27" s="100">
        <v>0</v>
      </c>
      <c r="AY27" s="104">
        <v>113371</v>
      </c>
      <c r="AZ27" s="104">
        <v>162390</v>
      </c>
      <c r="BA27" s="104">
        <v>135984</v>
      </c>
      <c r="BB27" s="104">
        <v>0</v>
      </c>
      <c r="BC27" s="104">
        <v>105000</v>
      </c>
      <c r="BD27" s="103">
        <v>516745</v>
      </c>
      <c r="BE27" s="106">
        <v>572636</v>
      </c>
      <c r="BF27" s="100">
        <v>7512</v>
      </c>
      <c r="BG27" s="104">
        <v>0</v>
      </c>
      <c r="BH27" s="102">
        <v>7512</v>
      </c>
      <c r="BI27" s="101">
        <v>0</v>
      </c>
      <c r="BJ27" s="104">
        <v>0</v>
      </c>
      <c r="BK27" s="104">
        <v>62793</v>
      </c>
      <c r="BL27" s="104">
        <v>0</v>
      </c>
      <c r="BM27" s="104">
        <v>0</v>
      </c>
      <c r="BN27" s="104">
        <v>0</v>
      </c>
      <c r="BO27" s="103">
        <v>62793</v>
      </c>
      <c r="BP27" s="106">
        <v>70305</v>
      </c>
      <c r="BQ27" s="100">
        <v>4768</v>
      </c>
      <c r="BR27" s="104">
        <v>0</v>
      </c>
      <c r="BS27" s="103">
        <v>4768</v>
      </c>
      <c r="BT27" s="100">
        <v>0</v>
      </c>
      <c r="BU27" s="104">
        <v>69080</v>
      </c>
      <c r="BV27" s="104">
        <v>100800</v>
      </c>
      <c r="BW27" s="104">
        <v>14112</v>
      </c>
      <c r="BX27" s="104">
        <v>77200</v>
      </c>
      <c r="BY27" s="104">
        <v>26048</v>
      </c>
      <c r="BZ27" s="103">
        <v>287240</v>
      </c>
      <c r="CA27" s="106">
        <v>292008</v>
      </c>
      <c r="CB27" s="100">
        <v>18544</v>
      </c>
      <c r="CC27" s="104">
        <v>0</v>
      </c>
      <c r="CD27" s="103">
        <v>18544</v>
      </c>
      <c r="CE27" s="100">
        <v>0</v>
      </c>
      <c r="CF27" s="104">
        <v>846908</v>
      </c>
      <c r="CG27" s="104">
        <v>207258</v>
      </c>
      <c r="CH27" s="104">
        <v>1056383</v>
      </c>
      <c r="CI27" s="104">
        <v>221784</v>
      </c>
      <c r="CJ27" s="104">
        <v>146088</v>
      </c>
      <c r="CK27" s="103">
        <v>2478421</v>
      </c>
      <c r="CL27" s="106">
        <v>2496965</v>
      </c>
      <c r="CM27" s="100">
        <v>0</v>
      </c>
      <c r="CN27" s="104">
        <v>0</v>
      </c>
      <c r="CO27" s="103">
        <v>0</v>
      </c>
      <c r="CP27" s="101">
        <v>0</v>
      </c>
      <c r="CQ27" s="104">
        <v>648268</v>
      </c>
      <c r="CR27" s="104">
        <v>178194</v>
      </c>
      <c r="CS27" s="104">
        <v>848076</v>
      </c>
      <c r="CT27" s="104">
        <v>65184</v>
      </c>
      <c r="CU27" s="104">
        <v>62552</v>
      </c>
      <c r="CV27" s="103">
        <v>1802274</v>
      </c>
      <c r="CW27" s="106">
        <v>1802274</v>
      </c>
      <c r="CX27" s="100">
        <v>18544</v>
      </c>
      <c r="CY27" s="104">
        <v>0</v>
      </c>
      <c r="CZ27" s="103">
        <v>18544</v>
      </c>
      <c r="DA27" s="100">
        <v>0</v>
      </c>
      <c r="DB27" s="104">
        <v>198640</v>
      </c>
      <c r="DC27" s="104">
        <v>29064</v>
      </c>
      <c r="DD27" s="104">
        <v>208307</v>
      </c>
      <c r="DE27" s="104">
        <v>156600</v>
      </c>
      <c r="DF27" s="104">
        <v>83536</v>
      </c>
      <c r="DG27" s="103">
        <v>676147</v>
      </c>
      <c r="DH27" s="106">
        <v>694691</v>
      </c>
      <c r="DI27" s="100">
        <v>0</v>
      </c>
      <c r="DJ27" s="104">
        <v>0</v>
      </c>
      <c r="DK27" s="102">
        <v>0</v>
      </c>
      <c r="DL27" s="101">
        <v>0</v>
      </c>
      <c r="DM27" s="104">
        <v>96017</v>
      </c>
      <c r="DN27" s="104">
        <v>0</v>
      </c>
      <c r="DO27" s="104">
        <v>0</v>
      </c>
      <c r="DP27" s="104">
        <v>133655</v>
      </c>
      <c r="DQ27" s="104">
        <v>0</v>
      </c>
      <c r="DR27" s="103">
        <v>229672</v>
      </c>
      <c r="DS27" s="106">
        <v>229672</v>
      </c>
      <c r="DT27" s="100">
        <v>0</v>
      </c>
      <c r="DU27" s="104">
        <v>0</v>
      </c>
      <c r="DV27" s="103">
        <v>0</v>
      </c>
      <c r="DW27" s="100">
        <v>0</v>
      </c>
      <c r="DX27" s="104">
        <v>68321</v>
      </c>
      <c r="DY27" s="104">
        <v>0</v>
      </c>
      <c r="DZ27" s="104">
        <v>0</v>
      </c>
      <c r="EA27" s="104">
        <v>133655</v>
      </c>
      <c r="EB27" s="104">
        <v>0</v>
      </c>
      <c r="EC27" s="103">
        <v>201976</v>
      </c>
      <c r="ED27" s="106">
        <v>201976</v>
      </c>
      <c r="EE27" s="100">
        <v>0</v>
      </c>
      <c r="EF27" s="102">
        <v>0</v>
      </c>
      <c r="EG27" s="103">
        <v>0</v>
      </c>
      <c r="EH27" s="100">
        <v>0</v>
      </c>
      <c r="EI27" s="104">
        <v>27696</v>
      </c>
      <c r="EJ27" s="104">
        <v>0</v>
      </c>
      <c r="EK27" s="104">
        <v>0</v>
      </c>
      <c r="EL27" s="104">
        <v>0</v>
      </c>
      <c r="EM27" s="104">
        <v>0</v>
      </c>
      <c r="EN27" s="102">
        <v>27696</v>
      </c>
      <c r="EO27" s="106">
        <v>27696</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06">
        <v>0</v>
      </c>
      <c r="FE27" s="104">
        <v>0</v>
      </c>
      <c r="FF27" s="104">
        <v>0</v>
      </c>
      <c r="FG27" s="104">
        <v>0</v>
      </c>
      <c r="FH27" s="104">
        <v>0</v>
      </c>
      <c r="FI27" s="104">
        <v>0</v>
      </c>
      <c r="FJ27" s="103">
        <v>0</v>
      </c>
      <c r="FK27" s="106">
        <v>0</v>
      </c>
      <c r="FL27" s="100">
        <v>2800</v>
      </c>
      <c r="FM27" s="104">
        <v>13840</v>
      </c>
      <c r="FN27" s="103">
        <v>16640</v>
      </c>
      <c r="FO27" s="100">
        <v>0</v>
      </c>
      <c r="FP27" s="104">
        <v>220192</v>
      </c>
      <c r="FQ27" s="104">
        <v>158256</v>
      </c>
      <c r="FR27" s="104">
        <v>140368</v>
      </c>
      <c r="FS27" s="104">
        <v>95584</v>
      </c>
      <c r="FT27" s="104">
        <v>69424</v>
      </c>
      <c r="FU27" s="103">
        <v>683824</v>
      </c>
      <c r="FV27" s="106">
        <v>700464</v>
      </c>
      <c r="FW27" s="105">
        <v>2800</v>
      </c>
      <c r="FX27" s="104">
        <v>13840</v>
      </c>
      <c r="FY27" s="102">
        <v>16640</v>
      </c>
      <c r="FZ27" s="101">
        <v>0</v>
      </c>
      <c r="GA27" s="104">
        <v>144192</v>
      </c>
      <c r="GB27" s="104">
        <v>158256</v>
      </c>
      <c r="GC27" s="104">
        <v>140368</v>
      </c>
      <c r="GD27" s="104">
        <v>95584</v>
      </c>
      <c r="GE27" s="104">
        <v>69424</v>
      </c>
      <c r="GF27" s="103">
        <v>607824</v>
      </c>
      <c r="GG27" s="290">
        <v>624464</v>
      </c>
      <c r="GH27" s="105">
        <v>0</v>
      </c>
      <c r="GI27" s="104">
        <v>0</v>
      </c>
      <c r="GJ27" s="102">
        <v>0</v>
      </c>
      <c r="GK27" s="101">
        <v>0</v>
      </c>
      <c r="GL27" s="104">
        <v>0</v>
      </c>
      <c r="GM27" s="104">
        <v>0</v>
      </c>
      <c r="GN27" s="104">
        <v>0</v>
      </c>
      <c r="GO27" s="104">
        <v>0</v>
      </c>
      <c r="GP27" s="104">
        <v>0</v>
      </c>
      <c r="GQ27" s="103">
        <v>0</v>
      </c>
      <c r="GR27" s="106">
        <v>0</v>
      </c>
      <c r="GS27" s="100">
        <v>0</v>
      </c>
      <c r="GT27" s="104">
        <v>0</v>
      </c>
      <c r="GU27" s="103">
        <v>0</v>
      </c>
      <c r="GV27" s="100">
        <v>0</v>
      </c>
      <c r="GW27" s="104">
        <v>76000</v>
      </c>
      <c r="GX27" s="104">
        <v>0</v>
      </c>
      <c r="GY27" s="104">
        <v>0</v>
      </c>
      <c r="GZ27" s="104">
        <v>0</v>
      </c>
      <c r="HA27" s="104">
        <v>0</v>
      </c>
      <c r="HB27" s="102">
        <v>76000</v>
      </c>
      <c r="HC27" s="106">
        <v>76000</v>
      </c>
      <c r="HD27" s="100">
        <v>0</v>
      </c>
      <c r="HE27" s="104">
        <v>100252</v>
      </c>
      <c r="HF27" s="102">
        <v>100252</v>
      </c>
      <c r="HG27" s="101">
        <v>0</v>
      </c>
      <c r="HH27" s="104">
        <v>937579</v>
      </c>
      <c r="HI27" s="104">
        <v>529202</v>
      </c>
      <c r="HJ27" s="104">
        <v>203616</v>
      </c>
      <c r="HK27" s="104">
        <v>417408</v>
      </c>
      <c r="HL27" s="104">
        <v>238318</v>
      </c>
      <c r="HM27" s="103">
        <v>2326123</v>
      </c>
      <c r="HN27" s="99">
        <v>2426375</v>
      </c>
      <c r="HO27" s="456">
        <v>0</v>
      </c>
      <c r="HP27" s="457">
        <v>0</v>
      </c>
      <c r="HQ27" s="458">
        <v>0</v>
      </c>
      <c r="HR27" s="459">
        <v>0</v>
      </c>
      <c r="HS27" s="457">
        <v>0</v>
      </c>
      <c r="HT27" s="457">
        <v>0</v>
      </c>
      <c r="HU27" s="457">
        <v>0</v>
      </c>
      <c r="HV27" s="457">
        <v>0</v>
      </c>
      <c r="HW27" s="457">
        <v>0</v>
      </c>
      <c r="HX27" s="460">
        <v>0</v>
      </c>
      <c r="HY27" s="461">
        <v>0</v>
      </c>
      <c r="HZ27" s="118">
        <v>0</v>
      </c>
      <c r="IA27" s="119">
        <v>0</v>
      </c>
      <c r="IB27" s="120">
        <v>0</v>
      </c>
      <c r="IC27" s="131">
        <v>0</v>
      </c>
      <c r="ID27" s="119">
        <v>545310</v>
      </c>
      <c r="IE27" s="132">
        <v>834888</v>
      </c>
      <c r="IF27" s="120">
        <v>766019</v>
      </c>
      <c r="IG27" s="119">
        <v>849216</v>
      </c>
      <c r="IH27" s="120">
        <v>0</v>
      </c>
      <c r="II27" s="133">
        <v>2995433</v>
      </c>
      <c r="IJ27" s="126">
        <v>2995433</v>
      </c>
      <c r="IK27" s="215">
        <v>0</v>
      </c>
      <c r="IL27" s="219">
        <v>0</v>
      </c>
      <c r="IM27" s="220">
        <v>0</v>
      </c>
      <c r="IN27" s="470">
        <v>0</v>
      </c>
      <c r="IO27" s="109">
        <v>0</v>
      </c>
      <c r="IP27" s="109">
        <v>207536</v>
      </c>
      <c r="IQ27" s="109">
        <v>0</v>
      </c>
      <c r="IR27" s="109">
        <v>0</v>
      </c>
      <c r="IS27" s="109">
        <v>0</v>
      </c>
      <c r="IT27" s="128">
        <v>207536</v>
      </c>
      <c r="IU27" s="292">
        <v>207536</v>
      </c>
      <c r="IV27" s="129">
        <v>0</v>
      </c>
      <c r="IW27" s="109">
        <v>0</v>
      </c>
      <c r="IX27" s="110">
        <v>0</v>
      </c>
      <c r="IY27" s="470">
        <v>0</v>
      </c>
      <c r="IZ27" s="109">
        <v>0</v>
      </c>
      <c r="JA27" s="109">
        <v>0</v>
      </c>
      <c r="JB27" s="109">
        <v>0</v>
      </c>
      <c r="JC27" s="109">
        <v>0</v>
      </c>
      <c r="JD27" s="109">
        <v>0</v>
      </c>
      <c r="JE27" s="110">
        <v>0</v>
      </c>
      <c r="JF27" s="111">
        <v>0</v>
      </c>
      <c r="JG27" s="129">
        <v>0</v>
      </c>
      <c r="JH27" s="109">
        <v>0</v>
      </c>
      <c r="JI27" s="128">
        <v>0</v>
      </c>
      <c r="JJ27" s="108">
        <v>0</v>
      </c>
      <c r="JK27" s="109">
        <v>222824</v>
      </c>
      <c r="JL27" s="109">
        <v>62448</v>
      </c>
      <c r="JM27" s="109">
        <v>38456</v>
      </c>
      <c r="JN27" s="109">
        <v>93536</v>
      </c>
      <c r="JO27" s="109">
        <v>0</v>
      </c>
      <c r="JP27" s="110">
        <v>417264</v>
      </c>
      <c r="JQ27" s="292">
        <v>417264</v>
      </c>
      <c r="JR27" s="129">
        <v>0</v>
      </c>
      <c r="JS27" s="109">
        <v>0</v>
      </c>
      <c r="JT27" s="128">
        <v>0</v>
      </c>
      <c r="JU27" s="108">
        <v>0</v>
      </c>
      <c r="JV27" s="109">
        <v>0</v>
      </c>
      <c r="JW27" s="109">
        <v>0</v>
      </c>
      <c r="JX27" s="109">
        <v>142312</v>
      </c>
      <c r="JY27" s="109">
        <v>0</v>
      </c>
      <c r="JZ27" s="109">
        <v>0</v>
      </c>
      <c r="KA27" s="110">
        <v>142312</v>
      </c>
      <c r="KB27" s="292">
        <v>142312</v>
      </c>
      <c r="KC27" s="217">
        <v>0</v>
      </c>
      <c r="KD27" s="213">
        <v>0</v>
      </c>
      <c r="KE27" s="110">
        <v>0</v>
      </c>
      <c r="KF27" s="108">
        <v>0</v>
      </c>
      <c r="KG27" s="109">
        <v>91968</v>
      </c>
      <c r="KH27" s="109">
        <v>325936</v>
      </c>
      <c r="KI27" s="109">
        <v>106288</v>
      </c>
      <c r="KJ27" s="109">
        <v>0</v>
      </c>
      <c r="KK27" s="109">
        <v>0</v>
      </c>
      <c r="KL27" s="110">
        <v>524192</v>
      </c>
      <c r="KM27" s="130">
        <v>524192</v>
      </c>
      <c r="KN27" s="215">
        <v>0</v>
      </c>
      <c r="KO27" s="219">
        <v>0</v>
      </c>
      <c r="KP27" s="220">
        <v>0</v>
      </c>
      <c r="KQ27" s="470">
        <v>0</v>
      </c>
      <c r="KR27" s="109">
        <v>230518</v>
      </c>
      <c r="KS27" s="109">
        <v>238968</v>
      </c>
      <c r="KT27" s="109">
        <v>247683</v>
      </c>
      <c r="KU27" s="109">
        <v>249136</v>
      </c>
      <c r="KV27" s="109">
        <v>0</v>
      </c>
      <c r="KW27" s="110">
        <v>966305</v>
      </c>
      <c r="KX27" s="292">
        <v>966305</v>
      </c>
      <c r="KY27" s="129">
        <v>0</v>
      </c>
      <c r="KZ27" s="109">
        <v>0</v>
      </c>
      <c r="LA27" s="110">
        <v>0</v>
      </c>
      <c r="LB27" s="470">
        <v>0</v>
      </c>
      <c r="LC27" s="109">
        <v>0</v>
      </c>
      <c r="LD27" s="109">
        <v>0</v>
      </c>
      <c r="LE27" s="109">
        <v>0</v>
      </c>
      <c r="LF27" s="109">
        <v>0</v>
      </c>
      <c r="LG27" s="109">
        <v>0</v>
      </c>
      <c r="LH27" s="110">
        <v>0</v>
      </c>
      <c r="LI27" s="111">
        <v>0</v>
      </c>
      <c r="LJ27" s="129">
        <v>0</v>
      </c>
      <c r="LK27" s="109">
        <v>0</v>
      </c>
      <c r="LL27" s="110">
        <v>0</v>
      </c>
      <c r="LM27" s="470">
        <v>0</v>
      </c>
      <c r="LN27" s="109">
        <v>0</v>
      </c>
      <c r="LO27" s="109">
        <v>0</v>
      </c>
      <c r="LP27" s="109">
        <v>231280</v>
      </c>
      <c r="LQ27" s="109">
        <v>506544</v>
      </c>
      <c r="LR27" s="109">
        <v>0</v>
      </c>
      <c r="LS27" s="110">
        <v>737824</v>
      </c>
      <c r="LT27" s="292">
        <v>737824</v>
      </c>
      <c r="LU27" s="129">
        <v>0</v>
      </c>
      <c r="LV27" s="109">
        <v>0</v>
      </c>
      <c r="LW27" s="110">
        <v>0</v>
      </c>
      <c r="LX27" s="470">
        <v>0</v>
      </c>
      <c r="LY27" s="109">
        <v>0</v>
      </c>
      <c r="LZ27" s="109">
        <v>0</v>
      </c>
      <c r="MA27" s="109">
        <v>0</v>
      </c>
      <c r="MB27" s="109">
        <v>0</v>
      </c>
      <c r="MC27" s="109">
        <v>0</v>
      </c>
      <c r="MD27" s="110">
        <v>0</v>
      </c>
      <c r="ME27" s="111">
        <v>0</v>
      </c>
      <c r="MF27" s="129">
        <v>0</v>
      </c>
      <c r="MG27" s="109">
        <v>0</v>
      </c>
      <c r="MH27" s="110">
        <v>0</v>
      </c>
      <c r="MI27" s="470">
        <v>0</v>
      </c>
      <c r="MJ27" s="109">
        <v>217984</v>
      </c>
      <c r="MK27" s="109">
        <v>875299</v>
      </c>
      <c r="ML27" s="109">
        <v>1217720</v>
      </c>
      <c r="MM27" s="109">
        <v>1854170</v>
      </c>
      <c r="MN27" s="109">
        <v>837344</v>
      </c>
      <c r="MO27" s="110">
        <v>5002517</v>
      </c>
      <c r="MP27" s="130">
        <v>5002517</v>
      </c>
      <c r="MQ27" s="129">
        <v>0</v>
      </c>
      <c r="MR27" s="109">
        <v>0</v>
      </c>
      <c r="MS27" s="110">
        <v>0</v>
      </c>
      <c r="MT27" s="470">
        <v>0</v>
      </c>
      <c r="MU27" s="109">
        <v>0</v>
      </c>
      <c r="MV27" s="109">
        <v>0</v>
      </c>
      <c r="MW27" s="109">
        <v>1037312</v>
      </c>
      <c r="MX27" s="109">
        <v>824606</v>
      </c>
      <c r="MY27" s="109">
        <v>543725</v>
      </c>
      <c r="MZ27" s="110">
        <v>2405643</v>
      </c>
      <c r="NA27" s="130">
        <v>2405643</v>
      </c>
      <c r="NB27" s="129">
        <v>0</v>
      </c>
      <c r="NC27" s="109">
        <v>0</v>
      </c>
      <c r="ND27" s="110">
        <v>0</v>
      </c>
      <c r="NE27" s="470">
        <v>0</v>
      </c>
      <c r="NF27" s="109">
        <v>217984</v>
      </c>
      <c r="NG27" s="109">
        <v>875299</v>
      </c>
      <c r="NH27" s="109">
        <v>180408</v>
      </c>
      <c r="NI27" s="109">
        <v>336144</v>
      </c>
      <c r="NJ27" s="109">
        <v>293619</v>
      </c>
      <c r="NK27" s="110">
        <v>1903454</v>
      </c>
      <c r="NL27" s="292">
        <v>1903454</v>
      </c>
      <c r="NM27" s="129">
        <v>0</v>
      </c>
      <c r="NN27" s="109">
        <v>0</v>
      </c>
      <c r="NO27" s="110">
        <v>0</v>
      </c>
      <c r="NP27" s="470">
        <v>0</v>
      </c>
      <c r="NQ27" s="109">
        <v>0</v>
      </c>
      <c r="NR27" s="109">
        <v>0</v>
      </c>
      <c r="NS27" s="109">
        <v>0</v>
      </c>
      <c r="NT27" s="109">
        <v>0</v>
      </c>
      <c r="NU27" s="109">
        <v>0</v>
      </c>
      <c r="NV27" s="110">
        <v>0</v>
      </c>
      <c r="NW27" s="111">
        <v>0</v>
      </c>
      <c r="NX27" s="129">
        <v>0</v>
      </c>
      <c r="NY27" s="109">
        <v>0</v>
      </c>
      <c r="NZ27" s="110">
        <v>0</v>
      </c>
      <c r="OA27" s="470">
        <v>0</v>
      </c>
      <c r="OB27" s="109">
        <v>0</v>
      </c>
      <c r="OC27" s="109">
        <v>0</v>
      </c>
      <c r="OD27" s="109">
        <v>0</v>
      </c>
      <c r="OE27" s="109">
        <v>693420</v>
      </c>
      <c r="OF27" s="109">
        <v>0</v>
      </c>
      <c r="OG27" s="110">
        <v>693420</v>
      </c>
      <c r="OH27" s="111">
        <v>693420</v>
      </c>
      <c r="OI27" s="129">
        <v>33624</v>
      </c>
      <c r="OJ27" s="109">
        <v>169983</v>
      </c>
      <c r="OK27" s="128">
        <v>203607</v>
      </c>
      <c r="OL27" s="108">
        <v>0</v>
      </c>
      <c r="OM27" s="109">
        <v>3361142</v>
      </c>
      <c r="ON27" s="109">
        <v>3051926</v>
      </c>
      <c r="OO27" s="109">
        <v>3534202</v>
      </c>
      <c r="OP27" s="109">
        <v>3649017</v>
      </c>
      <c r="OQ27" s="109">
        <v>1486518</v>
      </c>
      <c r="OR27" s="110">
        <v>15082805</v>
      </c>
      <c r="OS27" s="130">
        <v>15286412</v>
      </c>
    </row>
    <row r="28" spans="2:409" ht="21" customHeight="1" x14ac:dyDescent="0.2">
      <c r="B28" s="437" t="s">
        <v>23</v>
      </c>
      <c r="C28" s="100">
        <v>324743</v>
      </c>
      <c r="D28" s="104">
        <v>226919</v>
      </c>
      <c r="E28" s="103">
        <v>551662</v>
      </c>
      <c r="F28" s="99">
        <v>0</v>
      </c>
      <c r="G28" s="104">
        <v>1815814</v>
      </c>
      <c r="H28" s="104">
        <v>2752314</v>
      </c>
      <c r="I28" s="104">
        <v>1191584</v>
      </c>
      <c r="J28" s="104">
        <v>2184582</v>
      </c>
      <c r="K28" s="104">
        <v>1485356</v>
      </c>
      <c r="L28" s="156">
        <v>9429650</v>
      </c>
      <c r="M28" s="106">
        <v>9981312</v>
      </c>
      <c r="N28" s="100">
        <v>138972</v>
      </c>
      <c r="O28" s="104">
        <v>122767</v>
      </c>
      <c r="P28" s="103">
        <v>261739</v>
      </c>
      <c r="Q28" s="100">
        <v>0</v>
      </c>
      <c r="R28" s="104">
        <v>302459</v>
      </c>
      <c r="S28" s="104">
        <v>1001022</v>
      </c>
      <c r="T28" s="104">
        <v>437544</v>
      </c>
      <c r="U28" s="104">
        <v>639350</v>
      </c>
      <c r="V28" s="104">
        <v>236713</v>
      </c>
      <c r="W28" s="103">
        <v>2617088</v>
      </c>
      <c r="X28" s="106">
        <v>2878827</v>
      </c>
      <c r="Y28" s="100">
        <v>0</v>
      </c>
      <c r="Z28" s="104">
        <v>0</v>
      </c>
      <c r="AA28" s="103">
        <v>0</v>
      </c>
      <c r="AB28" s="100">
        <v>0</v>
      </c>
      <c r="AC28" s="104">
        <v>162378</v>
      </c>
      <c r="AD28" s="104">
        <v>423004</v>
      </c>
      <c r="AE28" s="104">
        <v>320031</v>
      </c>
      <c r="AF28" s="104">
        <v>90803</v>
      </c>
      <c r="AG28" s="104">
        <v>59160</v>
      </c>
      <c r="AH28" s="103">
        <v>1055376</v>
      </c>
      <c r="AI28" s="106">
        <v>1055376</v>
      </c>
      <c r="AJ28" s="100">
        <v>0</v>
      </c>
      <c r="AK28" s="104">
        <v>0</v>
      </c>
      <c r="AL28" s="103">
        <v>0</v>
      </c>
      <c r="AM28" s="100">
        <v>0</v>
      </c>
      <c r="AN28" s="104">
        <v>0</v>
      </c>
      <c r="AO28" s="104">
        <v>0</v>
      </c>
      <c r="AP28" s="104">
        <v>0</v>
      </c>
      <c r="AQ28" s="104">
        <v>189506</v>
      </c>
      <c r="AR28" s="104">
        <v>0</v>
      </c>
      <c r="AS28" s="103">
        <v>189506</v>
      </c>
      <c r="AT28" s="106">
        <v>189506</v>
      </c>
      <c r="AU28" s="100">
        <v>85164</v>
      </c>
      <c r="AV28" s="104">
        <v>101634</v>
      </c>
      <c r="AW28" s="103">
        <v>186798</v>
      </c>
      <c r="AX28" s="100">
        <v>0</v>
      </c>
      <c r="AY28" s="104">
        <v>-12391</v>
      </c>
      <c r="AZ28" s="104">
        <v>409762</v>
      </c>
      <c r="BA28" s="104">
        <v>41121</v>
      </c>
      <c r="BB28" s="104">
        <v>172985</v>
      </c>
      <c r="BC28" s="104">
        <v>95009</v>
      </c>
      <c r="BD28" s="103">
        <v>706486</v>
      </c>
      <c r="BE28" s="106">
        <v>893284</v>
      </c>
      <c r="BF28" s="100">
        <v>0</v>
      </c>
      <c r="BG28" s="104">
        <v>21133</v>
      </c>
      <c r="BH28" s="102">
        <v>21133</v>
      </c>
      <c r="BI28" s="101">
        <v>0</v>
      </c>
      <c r="BJ28" s="104">
        <v>0</v>
      </c>
      <c r="BK28" s="104">
        <v>0</v>
      </c>
      <c r="BL28" s="104">
        <v>0</v>
      </c>
      <c r="BM28" s="104">
        <v>0</v>
      </c>
      <c r="BN28" s="104">
        <v>0</v>
      </c>
      <c r="BO28" s="103">
        <v>0</v>
      </c>
      <c r="BP28" s="106">
        <v>21133</v>
      </c>
      <c r="BQ28" s="100">
        <v>53808</v>
      </c>
      <c r="BR28" s="104">
        <v>0</v>
      </c>
      <c r="BS28" s="103">
        <v>53808</v>
      </c>
      <c r="BT28" s="100">
        <v>0</v>
      </c>
      <c r="BU28" s="104">
        <v>152472</v>
      </c>
      <c r="BV28" s="104">
        <v>168256</v>
      </c>
      <c r="BW28" s="104">
        <v>76392</v>
      </c>
      <c r="BX28" s="104">
        <v>186056</v>
      </c>
      <c r="BY28" s="104">
        <v>82544</v>
      </c>
      <c r="BZ28" s="103">
        <v>665720</v>
      </c>
      <c r="CA28" s="106">
        <v>719528</v>
      </c>
      <c r="CB28" s="100">
        <v>0</v>
      </c>
      <c r="CC28" s="104">
        <v>0</v>
      </c>
      <c r="CD28" s="103">
        <v>0</v>
      </c>
      <c r="CE28" s="100">
        <v>0</v>
      </c>
      <c r="CF28" s="104">
        <v>780422</v>
      </c>
      <c r="CG28" s="104">
        <v>714491</v>
      </c>
      <c r="CH28" s="104">
        <v>422739</v>
      </c>
      <c r="CI28" s="104">
        <v>403139</v>
      </c>
      <c r="CJ28" s="104">
        <v>304321</v>
      </c>
      <c r="CK28" s="103">
        <v>2625112</v>
      </c>
      <c r="CL28" s="106">
        <v>2625112</v>
      </c>
      <c r="CM28" s="100">
        <v>0</v>
      </c>
      <c r="CN28" s="104">
        <v>0</v>
      </c>
      <c r="CO28" s="103">
        <v>0</v>
      </c>
      <c r="CP28" s="101">
        <v>0</v>
      </c>
      <c r="CQ28" s="104">
        <v>558328</v>
      </c>
      <c r="CR28" s="104">
        <v>662027</v>
      </c>
      <c r="CS28" s="104">
        <v>422739</v>
      </c>
      <c r="CT28" s="104">
        <v>267383</v>
      </c>
      <c r="CU28" s="104">
        <v>253589</v>
      </c>
      <c r="CV28" s="103">
        <v>2164066</v>
      </c>
      <c r="CW28" s="106">
        <v>2164066</v>
      </c>
      <c r="CX28" s="100">
        <v>0</v>
      </c>
      <c r="CY28" s="104">
        <v>0</v>
      </c>
      <c r="CZ28" s="103">
        <v>0</v>
      </c>
      <c r="DA28" s="100">
        <v>0</v>
      </c>
      <c r="DB28" s="104">
        <v>222094</v>
      </c>
      <c r="DC28" s="104">
        <v>52464</v>
      </c>
      <c r="DD28" s="104">
        <v>0</v>
      </c>
      <c r="DE28" s="104">
        <v>135756</v>
      </c>
      <c r="DF28" s="104">
        <v>50732</v>
      </c>
      <c r="DG28" s="103">
        <v>461046</v>
      </c>
      <c r="DH28" s="106">
        <v>461046</v>
      </c>
      <c r="DI28" s="100">
        <v>0</v>
      </c>
      <c r="DJ28" s="104">
        <v>0</v>
      </c>
      <c r="DK28" s="102">
        <v>0</v>
      </c>
      <c r="DL28" s="101">
        <v>0</v>
      </c>
      <c r="DM28" s="104">
        <v>0</v>
      </c>
      <c r="DN28" s="104">
        <v>356858</v>
      </c>
      <c r="DO28" s="104">
        <v>243797</v>
      </c>
      <c r="DP28" s="104">
        <v>69696</v>
      </c>
      <c r="DQ28" s="104">
        <v>73317</v>
      </c>
      <c r="DR28" s="103">
        <v>743668</v>
      </c>
      <c r="DS28" s="106">
        <v>743668</v>
      </c>
      <c r="DT28" s="100">
        <v>0</v>
      </c>
      <c r="DU28" s="104">
        <v>0</v>
      </c>
      <c r="DV28" s="103">
        <v>0</v>
      </c>
      <c r="DW28" s="100">
        <v>0</v>
      </c>
      <c r="DX28" s="104">
        <v>0</v>
      </c>
      <c r="DY28" s="104">
        <v>356858</v>
      </c>
      <c r="DZ28" s="104">
        <v>243797</v>
      </c>
      <c r="EA28" s="104">
        <v>69696</v>
      </c>
      <c r="EB28" s="104">
        <v>73317</v>
      </c>
      <c r="EC28" s="103">
        <v>743668</v>
      </c>
      <c r="ED28" s="106">
        <v>743668</v>
      </c>
      <c r="EE28" s="100">
        <v>0</v>
      </c>
      <c r="EF28" s="102">
        <v>0</v>
      </c>
      <c r="EG28" s="103">
        <v>0</v>
      </c>
      <c r="EH28" s="100">
        <v>0</v>
      </c>
      <c r="EI28" s="104">
        <v>0</v>
      </c>
      <c r="EJ28" s="104">
        <v>0</v>
      </c>
      <c r="EK28" s="104">
        <v>0</v>
      </c>
      <c r="EL28" s="104">
        <v>0</v>
      </c>
      <c r="EM28" s="104">
        <v>0</v>
      </c>
      <c r="EN28" s="102">
        <v>0</v>
      </c>
      <c r="EO28" s="106">
        <v>0</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06">
        <v>0</v>
      </c>
      <c r="FE28" s="104">
        <v>0</v>
      </c>
      <c r="FF28" s="104">
        <v>0</v>
      </c>
      <c r="FG28" s="104">
        <v>0</v>
      </c>
      <c r="FH28" s="104">
        <v>0</v>
      </c>
      <c r="FI28" s="104">
        <v>0</v>
      </c>
      <c r="FJ28" s="103">
        <v>0</v>
      </c>
      <c r="FK28" s="106">
        <v>0</v>
      </c>
      <c r="FL28" s="100">
        <v>20816</v>
      </c>
      <c r="FM28" s="104">
        <v>104152</v>
      </c>
      <c r="FN28" s="103">
        <v>124968</v>
      </c>
      <c r="FO28" s="100">
        <v>0</v>
      </c>
      <c r="FP28" s="104">
        <v>27936</v>
      </c>
      <c r="FQ28" s="104">
        <v>325440</v>
      </c>
      <c r="FR28" s="104">
        <v>87504</v>
      </c>
      <c r="FS28" s="104">
        <v>190672</v>
      </c>
      <c r="FT28" s="104">
        <v>148520</v>
      </c>
      <c r="FU28" s="103">
        <v>780072</v>
      </c>
      <c r="FV28" s="106">
        <v>905040</v>
      </c>
      <c r="FW28" s="105">
        <v>20816</v>
      </c>
      <c r="FX28" s="104">
        <v>104152</v>
      </c>
      <c r="FY28" s="102">
        <v>124968</v>
      </c>
      <c r="FZ28" s="101">
        <v>0</v>
      </c>
      <c r="GA28" s="104">
        <v>27936</v>
      </c>
      <c r="GB28" s="104">
        <v>325440</v>
      </c>
      <c r="GC28" s="104">
        <v>87504</v>
      </c>
      <c r="GD28" s="104">
        <v>169872</v>
      </c>
      <c r="GE28" s="104">
        <v>89880</v>
      </c>
      <c r="GF28" s="103">
        <v>700632</v>
      </c>
      <c r="GG28" s="290">
        <v>825600</v>
      </c>
      <c r="GH28" s="105">
        <v>0</v>
      </c>
      <c r="GI28" s="104">
        <v>0</v>
      </c>
      <c r="GJ28" s="102">
        <v>0</v>
      </c>
      <c r="GK28" s="101">
        <v>0</v>
      </c>
      <c r="GL28" s="104">
        <v>0</v>
      </c>
      <c r="GM28" s="104">
        <v>0</v>
      </c>
      <c r="GN28" s="104">
        <v>0</v>
      </c>
      <c r="GO28" s="104">
        <v>0</v>
      </c>
      <c r="GP28" s="104">
        <v>0</v>
      </c>
      <c r="GQ28" s="103">
        <v>0</v>
      </c>
      <c r="GR28" s="106">
        <v>0</v>
      </c>
      <c r="GS28" s="100">
        <v>0</v>
      </c>
      <c r="GT28" s="104">
        <v>0</v>
      </c>
      <c r="GU28" s="103">
        <v>0</v>
      </c>
      <c r="GV28" s="100">
        <v>0</v>
      </c>
      <c r="GW28" s="104">
        <v>0</v>
      </c>
      <c r="GX28" s="104">
        <v>0</v>
      </c>
      <c r="GY28" s="104">
        <v>0</v>
      </c>
      <c r="GZ28" s="104">
        <v>20800</v>
      </c>
      <c r="HA28" s="104">
        <v>58640</v>
      </c>
      <c r="HB28" s="102">
        <v>79440</v>
      </c>
      <c r="HC28" s="106">
        <v>79440</v>
      </c>
      <c r="HD28" s="100">
        <v>164955</v>
      </c>
      <c r="HE28" s="104">
        <v>0</v>
      </c>
      <c r="HF28" s="102">
        <v>164955</v>
      </c>
      <c r="HG28" s="101">
        <v>0</v>
      </c>
      <c r="HH28" s="104">
        <v>704997</v>
      </c>
      <c r="HI28" s="104">
        <v>354503</v>
      </c>
      <c r="HJ28" s="104">
        <v>0</v>
      </c>
      <c r="HK28" s="104">
        <v>881725</v>
      </c>
      <c r="HL28" s="104">
        <v>722485</v>
      </c>
      <c r="HM28" s="103">
        <v>2663710</v>
      </c>
      <c r="HN28" s="99">
        <v>2828665</v>
      </c>
      <c r="HO28" s="456">
        <v>0</v>
      </c>
      <c r="HP28" s="457">
        <v>0</v>
      </c>
      <c r="HQ28" s="458">
        <v>0</v>
      </c>
      <c r="HR28" s="459">
        <v>0</v>
      </c>
      <c r="HS28" s="457">
        <v>0</v>
      </c>
      <c r="HT28" s="457">
        <v>0</v>
      </c>
      <c r="HU28" s="457">
        <v>0</v>
      </c>
      <c r="HV28" s="457">
        <v>0</v>
      </c>
      <c r="HW28" s="457">
        <v>0</v>
      </c>
      <c r="HX28" s="460">
        <v>0</v>
      </c>
      <c r="HY28" s="461">
        <v>0</v>
      </c>
      <c r="HZ28" s="135">
        <v>0</v>
      </c>
      <c r="IA28" s="122">
        <v>0</v>
      </c>
      <c r="IB28" s="135">
        <v>0</v>
      </c>
      <c r="IC28" s="121">
        <v>0</v>
      </c>
      <c r="ID28" s="122">
        <v>567119</v>
      </c>
      <c r="IE28" s="123">
        <v>349198</v>
      </c>
      <c r="IF28" s="124">
        <v>1245372</v>
      </c>
      <c r="IG28" s="122">
        <v>531570</v>
      </c>
      <c r="IH28" s="124">
        <v>0</v>
      </c>
      <c r="II28" s="125">
        <v>2693259</v>
      </c>
      <c r="IJ28" s="135">
        <v>2693259</v>
      </c>
      <c r="IK28" s="215">
        <v>0</v>
      </c>
      <c r="IL28" s="219">
        <v>0</v>
      </c>
      <c r="IM28" s="220">
        <v>0</v>
      </c>
      <c r="IN28" s="470">
        <v>0</v>
      </c>
      <c r="IO28" s="109">
        <v>0</v>
      </c>
      <c r="IP28" s="109">
        <v>0</v>
      </c>
      <c r="IQ28" s="109">
        <v>0</v>
      </c>
      <c r="IR28" s="109">
        <v>0</v>
      </c>
      <c r="IS28" s="109">
        <v>0</v>
      </c>
      <c r="IT28" s="128">
        <v>0</v>
      </c>
      <c r="IU28" s="292">
        <v>0</v>
      </c>
      <c r="IV28" s="129">
        <v>0</v>
      </c>
      <c r="IW28" s="109">
        <v>0</v>
      </c>
      <c r="IX28" s="110">
        <v>0</v>
      </c>
      <c r="IY28" s="470">
        <v>0</v>
      </c>
      <c r="IZ28" s="109">
        <v>0</v>
      </c>
      <c r="JA28" s="109">
        <v>0</v>
      </c>
      <c r="JB28" s="109">
        <v>0</v>
      </c>
      <c r="JC28" s="109">
        <v>0</v>
      </c>
      <c r="JD28" s="109">
        <v>0</v>
      </c>
      <c r="JE28" s="110">
        <v>0</v>
      </c>
      <c r="JF28" s="111">
        <v>0</v>
      </c>
      <c r="JG28" s="129">
        <v>0</v>
      </c>
      <c r="JH28" s="109">
        <v>0</v>
      </c>
      <c r="JI28" s="128">
        <v>0</v>
      </c>
      <c r="JJ28" s="108">
        <v>0</v>
      </c>
      <c r="JK28" s="109">
        <v>87374</v>
      </c>
      <c r="JL28" s="109">
        <v>92037</v>
      </c>
      <c r="JM28" s="109">
        <v>243458</v>
      </c>
      <c r="JN28" s="109">
        <v>0</v>
      </c>
      <c r="JO28" s="109">
        <v>0</v>
      </c>
      <c r="JP28" s="110">
        <v>422869</v>
      </c>
      <c r="JQ28" s="292">
        <v>422869</v>
      </c>
      <c r="JR28" s="129">
        <v>0</v>
      </c>
      <c r="JS28" s="109">
        <v>0</v>
      </c>
      <c r="JT28" s="128">
        <v>0</v>
      </c>
      <c r="JU28" s="108">
        <v>0</v>
      </c>
      <c r="JV28" s="109">
        <v>0</v>
      </c>
      <c r="JW28" s="109">
        <v>0</v>
      </c>
      <c r="JX28" s="109">
        <v>0</v>
      </c>
      <c r="JY28" s="109">
        <v>0</v>
      </c>
      <c r="JZ28" s="109">
        <v>0</v>
      </c>
      <c r="KA28" s="110">
        <v>0</v>
      </c>
      <c r="KB28" s="292">
        <v>0</v>
      </c>
      <c r="KC28" s="217">
        <v>0</v>
      </c>
      <c r="KD28" s="213">
        <v>0</v>
      </c>
      <c r="KE28" s="110">
        <v>0</v>
      </c>
      <c r="KF28" s="108">
        <v>0</v>
      </c>
      <c r="KG28" s="109">
        <v>0</v>
      </c>
      <c r="KH28" s="109">
        <v>0</v>
      </c>
      <c r="KI28" s="109">
        <v>228968</v>
      </c>
      <c r="KJ28" s="109">
        <v>0</v>
      </c>
      <c r="KK28" s="109">
        <v>0</v>
      </c>
      <c r="KL28" s="110">
        <v>228968</v>
      </c>
      <c r="KM28" s="130">
        <v>228968</v>
      </c>
      <c r="KN28" s="215">
        <v>0</v>
      </c>
      <c r="KO28" s="219">
        <v>0</v>
      </c>
      <c r="KP28" s="220">
        <v>0</v>
      </c>
      <c r="KQ28" s="470">
        <v>0</v>
      </c>
      <c r="KR28" s="109">
        <v>479745</v>
      </c>
      <c r="KS28" s="109">
        <v>257161</v>
      </c>
      <c r="KT28" s="109">
        <v>772946</v>
      </c>
      <c r="KU28" s="109">
        <v>531570</v>
      </c>
      <c r="KV28" s="109">
        <v>0</v>
      </c>
      <c r="KW28" s="110">
        <v>2041422</v>
      </c>
      <c r="KX28" s="292">
        <v>2041422</v>
      </c>
      <c r="KY28" s="129">
        <v>0</v>
      </c>
      <c r="KZ28" s="109">
        <v>0</v>
      </c>
      <c r="LA28" s="110">
        <v>0</v>
      </c>
      <c r="LB28" s="470">
        <v>0</v>
      </c>
      <c r="LC28" s="109">
        <v>0</v>
      </c>
      <c r="LD28" s="109">
        <v>0</v>
      </c>
      <c r="LE28" s="109">
        <v>0</v>
      </c>
      <c r="LF28" s="109">
        <v>0</v>
      </c>
      <c r="LG28" s="109">
        <v>0</v>
      </c>
      <c r="LH28" s="110">
        <v>0</v>
      </c>
      <c r="LI28" s="111">
        <v>0</v>
      </c>
      <c r="LJ28" s="129">
        <v>0</v>
      </c>
      <c r="LK28" s="109">
        <v>0</v>
      </c>
      <c r="LL28" s="110">
        <v>0</v>
      </c>
      <c r="LM28" s="470">
        <v>0</v>
      </c>
      <c r="LN28" s="109">
        <v>0</v>
      </c>
      <c r="LO28" s="109">
        <v>0</v>
      </c>
      <c r="LP28" s="109">
        <v>0</v>
      </c>
      <c r="LQ28" s="109">
        <v>0</v>
      </c>
      <c r="LR28" s="109">
        <v>0</v>
      </c>
      <c r="LS28" s="110">
        <v>0</v>
      </c>
      <c r="LT28" s="292">
        <v>0</v>
      </c>
      <c r="LU28" s="129">
        <v>0</v>
      </c>
      <c r="LV28" s="109">
        <v>0</v>
      </c>
      <c r="LW28" s="110">
        <v>0</v>
      </c>
      <c r="LX28" s="470">
        <v>0</v>
      </c>
      <c r="LY28" s="109">
        <v>0</v>
      </c>
      <c r="LZ28" s="109">
        <v>0</v>
      </c>
      <c r="MA28" s="109">
        <v>0</v>
      </c>
      <c r="MB28" s="109">
        <v>0</v>
      </c>
      <c r="MC28" s="109">
        <v>0</v>
      </c>
      <c r="MD28" s="110">
        <v>0</v>
      </c>
      <c r="ME28" s="111">
        <v>0</v>
      </c>
      <c r="MF28" s="129">
        <v>0</v>
      </c>
      <c r="MG28" s="109">
        <v>0</v>
      </c>
      <c r="MH28" s="110">
        <v>0</v>
      </c>
      <c r="MI28" s="470">
        <v>0</v>
      </c>
      <c r="MJ28" s="109">
        <v>314324</v>
      </c>
      <c r="MK28" s="109">
        <v>288332</v>
      </c>
      <c r="ML28" s="109">
        <v>2236998</v>
      </c>
      <c r="MM28" s="109">
        <v>1330763</v>
      </c>
      <c r="MN28" s="109">
        <v>636246</v>
      </c>
      <c r="MO28" s="110">
        <v>4806663</v>
      </c>
      <c r="MP28" s="130">
        <v>4806663</v>
      </c>
      <c r="MQ28" s="129">
        <v>0</v>
      </c>
      <c r="MR28" s="109">
        <v>0</v>
      </c>
      <c r="MS28" s="110">
        <v>0</v>
      </c>
      <c r="MT28" s="470">
        <v>0</v>
      </c>
      <c r="MU28" s="109">
        <v>0</v>
      </c>
      <c r="MV28" s="109">
        <v>0</v>
      </c>
      <c r="MW28" s="109">
        <v>1673632</v>
      </c>
      <c r="MX28" s="109">
        <v>784150</v>
      </c>
      <c r="MY28" s="109">
        <v>0</v>
      </c>
      <c r="MZ28" s="110">
        <v>2457782</v>
      </c>
      <c r="NA28" s="130">
        <v>2457782</v>
      </c>
      <c r="NB28" s="129">
        <v>0</v>
      </c>
      <c r="NC28" s="109">
        <v>0</v>
      </c>
      <c r="ND28" s="110">
        <v>0</v>
      </c>
      <c r="NE28" s="470">
        <v>0</v>
      </c>
      <c r="NF28" s="109">
        <v>314324</v>
      </c>
      <c r="NG28" s="109">
        <v>288332</v>
      </c>
      <c r="NH28" s="109">
        <v>563366</v>
      </c>
      <c r="NI28" s="109">
        <v>546613</v>
      </c>
      <c r="NJ28" s="109">
        <v>636246</v>
      </c>
      <c r="NK28" s="110">
        <v>2348881</v>
      </c>
      <c r="NL28" s="292">
        <v>2348881</v>
      </c>
      <c r="NM28" s="129">
        <v>0</v>
      </c>
      <c r="NN28" s="109">
        <v>0</v>
      </c>
      <c r="NO28" s="110">
        <v>0</v>
      </c>
      <c r="NP28" s="470">
        <v>0</v>
      </c>
      <c r="NQ28" s="109">
        <v>0</v>
      </c>
      <c r="NR28" s="109">
        <v>0</v>
      </c>
      <c r="NS28" s="109">
        <v>0</v>
      </c>
      <c r="NT28" s="109">
        <v>0</v>
      </c>
      <c r="NU28" s="109">
        <v>0</v>
      </c>
      <c r="NV28" s="110">
        <v>0</v>
      </c>
      <c r="NW28" s="111">
        <v>0</v>
      </c>
      <c r="NX28" s="129">
        <v>0</v>
      </c>
      <c r="NY28" s="109">
        <v>0</v>
      </c>
      <c r="NZ28" s="110">
        <v>0</v>
      </c>
      <c r="OA28" s="470">
        <v>0</v>
      </c>
      <c r="OB28" s="109">
        <v>0</v>
      </c>
      <c r="OC28" s="109">
        <v>0</v>
      </c>
      <c r="OD28" s="109">
        <v>0</v>
      </c>
      <c r="OE28" s="109">
        <v>0</v>
      </c>
      <c r="OF28" s="109">
        <v>0</v>
      </c>
      <c r="OG28" s="110">
        <v>0</v>
      </c>
      <c r="OH28" s="111">
        <v>0</v>
      </c>
      <c r="OI28" s="129">
        <v>324743</v>
      </c>
      <c r="OJ28" s="109">
        <v>226919</v>
      </c>
      <c r="OK28" s="128">
        <v>551662</v>
      </c>
      <c r="OL28" s="108">
        <v>0</v>
      </c>
      <c r="OM28" s="109">
        <v>2697257</v>
      </c>
      <c r="ON28" s="109">
        <v>3389844</v>
      </c>
      <c r="OO28" s="109">
        <v>4673954</v>
      </c>
      <c r="OP28" s="109">
        <v>4046915</v>
      </c>
      <c r="OQ28" s="109">
        <v>2121602</v>
      </c>
      <c r="OR28" s="110">
        <v>16929572</v>
      </c>
      <c r="OS28" s="130">
        <v>17481234</v>
      </c>
    </row>
    <row r="29" spans="2:409" ht="21" customHeight="1" x14ac:dyDescent="0.2">
      <c r="B29" s="437" t="s">
        <v>24</v>
      </c>
      <c r="C29" s="100">
        <v>434191</v>
      </c>
      <c r="D29" s="104">
        <v>124813</v>
      </c>
      <c r="E29" s="103">
        <v>559004</v>
      </c>
      <c r="F29" s="99">
        <v>0</v>
      </c>
      <c r="G29" s="104">
        <v>2830368</v>
      </c>
      <c r="H29" s="104">
        <v>2258352</v>
      </c>
      <c r="I29" s="104">
        <v>2149889</v>
      </c>
      <c r="J29" s="104">
        <v>1767478</v>
      </c>
      <c r="K29" s="104">
        <v>1560354</v>
      </c>
      <c r="L29" s="156">
        <v>10566441</v>
      </c>
      <c r="M29" s="106">
        <v>11125445</v>
      </c>
      <c r="N29" s="100">
        <v>70212</v>
      </c>
      <c r="O29" s="104">
        <v>110413</v>
      </c>
      <c r="P29" s="103">
        <v>180625</v>
      </c>
      <c r="Q29" s="100">
        <v>0</v>
      </c>
      <c r="R29" s="104">
        <v>1012587</v>
      </c>
      <c r="S29" s="104">
        <v>536460</v>
      </c>
      <c r="T29" s="104">
        <v>686124</v>
      </c>
      <c r="U29" s="104">
        <v>1110673</v>
      </c>
      <c r="V29" s="104">
        <v>606149</v>
      </c>
      <c r="W29" s="103">
        <v>3951993</v>
      </c>
      <c r="X29" s="106">
        <v>4132618</v>
      </c>
      <c r="Y29" s="100">
        <v>0</v>
      </c>
      <c r="Z29" s="104">
        <v>0</v>
      </c>
      <c r="AA29" s="103">
        <v>0</v>
      </c>
      <c r="AB29" s="100">
        <v>0</v>
      </c>
      <c r="AC29" s="104">
        <v>471219</v>
      </c>
      <c r="AD29" s="104">
        <v>143304</v>
      </c>
      <c r="AE29" s="104">
        <v>367655</v>
      </c>
      <c r="AF29" s="104">
        <v>497612</v>
      </c>
      <c r="AG29" s="104">
        <v>245677</v>
      </c>
      <c r="AH29" s="103">
        <v>1725467</v>
      </c>
      <c r="AI29" s="106">
        <v>1725467</v>
      </c>
      <c r="AJ29" s="100">
        <v>0</v>
      </c>
      <c r="AK29" s="104">
        <v>0</v>
      </c>
      <c r="AL29" s="103">
        <v>0</v>
      </c>
      <c r="AM29" s="100">
        <v>0</v>
      </c>
      <c r="AN29" s="104">
        <v>0</v>
      </c>
      <c r="AO29" s="104">
        <v>0</v>
      </c>
      <c r="AP29" s="104">
        <v>0</v>
      </c>
      <c r="AQ29" s="104">
        <v>177468</v>
      </c>
      <c r="AR29" s="104">
        <v>153902</v>
      </c>
      <c r="AS29" s="103">
        <v>331370</v>
      </c>
      <c r="AT29" s="106">
        <v>331370</v>
      </c>
      <c r="AU29" s="100">
        <v>13220</v>
      </c>
      <c r="AV29" s="104">
        <v>108029</v>
      </c>
      <c r="AW29" s="103">
        <v>121249</v>
      </c>
      <c r="AX29" s="100">
        <v>0</v>
      </c>
      <c r="AY29" s="104">
        <v>349148</v>
      </c>
      <c r="AZ29" s="104">
        <v>230117</v>
      </c>
      <c r="BA29" s="104">
        <v>133114</v>
      </c>
      <c r="BB29" s="104">
        <v>322265</v>
      </c>
      <c r="BC29" s="104">
        <v>93850</v>
      </c>
      <c r="BD29" s="103">
        <v>1128494</v>
      </c>
      <c r="BE29" s="106">
        <v>1249743</v>
      </c>
      <c r="BF29" s="100">
        <v>0</v>
      </c>
      <c r="BG29" s="104">
        <v>0</v>
      </c>
      <c r="BH29" s="102">
        <v>0</v>
      </c>
      <c r="BI29" s="101">
        <v>0</v>
      </c>
      <c r="BJ29" s="104">
        <v>35868</v>
      </c>
      <c r="BK29" s="104">
        <v>43415</v>
      </c>
      <c r="BL29" s="104">
        <v>42267</v>
      </c>
      <c r="BM29" s="104">
        <v>0</v>
      </c>
      <c r="BN29" s="104">
        <v>0</v>
      </c>
      <c r="BO29" s="103">
        <v>121550</v>
      </c>
      <c r="BP29" s="106">
        <v>121550</v>
      </c>
      <c r="BQ29" s="100">
        <v>56992</v>
      </c>
      <c r="BR29" s="104">
        <v>2384</v>
      </c>
      <c r="BS29" s="103">
        <v>59376</v>
      </c>
      <c r="BT29" s="100">
        <v>0</v>
      </c>
      <c r="BU29" s="104">
        <v>156352</v>
      </c>
      <c r="BV29" s="104">
        <v>119624</v>
      </c>
      <c r="BW29" s="104">
        <v>143088</v>
      </c>
      <c r="BX29" s="104">
        <v>113328</v>
      </c>
      <c r="BY29" s="104">
        <v>112720</v>
      </c>
      <c r="BZ29" s="103">
        <v>645112</v>
      </c>
      <c r="CA29" s="106">
        <v>704488</v>
      </c>
      <c r="CB29" s="100">
        <v>39854</v>
      </c>
      <c r="CC29" s="104">
        <v>0</v>
      </c>
      <c r="CD29" s="103">
        <v>39854</v>
      </c>
      <c r="CE29" s="100">
        <v>0</v>
      </c>
      <c r="CF29" s="104">
        <v>811486</v>
      </c>
      <c r="CG29" s="104">
        <v>903023</v>
      </c>
      <c r="CH29" s="104">
        <v>800665</v>
      </c>
      <c r="CI29" s="104">
        <v>126080</v>
      </c>
      <c r="CJ29" s="104">
        <v>32864</v>
      </c>
      <c r="CK29" s="103">
        <v>2674118</v>
      </c>
      <c r="CL29" s="106">
        <v>2713972</v>
      </c>
      <c r="CM29" s="100">
        <v>0</v>
      </c>
      <c r="CN29" s="104">
        <v>0</v>
      </c>
      <c r="CO29" s="103">
        <v>0</v>
      </c>
      <c r="CP29" s="101">
        <v>0</v>
      </c>
      <c r="CQ29" s="104">
        <v>726575</v>
      </c>
      <c r="CR29" s="104">
        <v>608230</v>
      </c>
      <c r="CS29" s="104">
        <v>219506</v>
      </c>
      <c r="CT29" s="104">
        <v>62481</v>
      </c>
      <c r="CU29" s="104">
        <v>32864</v>
      </c>
      <c r="CV29" s="103">
        <v>1649656</v>
      </c>
      <c r="CW29" s="106">
        <v>1649656</v>
      </c>
      <c r="CX29" s="100">
        <v>39854</v>
      </c>
      <c r="CY29" s="104">
        <v>0</v>
      </c>
      <c r="CZ29" s="103">
        <v>39854</v>
      </c>
      <c r="DA29" s="100">
        <v>0</v>
      </c>
      <c r="DB29" s="104">
        <v>84911</v>
      </c>
      <c r="DC29" s="104">
        <v>294793</v>
      </c>
      <c r="DD29" s="104">
        <v>581159</v>
      </c>
      <c r="DE29" s="104">
        <v>63599</v>
      </c>
      <c r="DF29" s="104">
        <v>0</v>
      </c>
      <c r="DG29" s="103">
        <v>1024462</v>
      </c>
      <c r="DH29" s="106">
        <v>1064316</v>
      </c>
      <c r="DI29" s="100">
        <v>0</v>
      </c>
      <c r="DJ29" s="104">
        <v>0</v>
      </c>
      <c r="DK29" s="102">
        <v>0</v>
      </c>
      <c r="DL29" s="101">
        <v>0</v>
      </c>
      <c r="DM29" s="104">
        <v>62047</v>
      </c>
      <c r="DN29" s="104">
        <v>257776</v>
      </c>
      <c r="DO29" s="104">
        <v>0</v>
      </c>
      <c r="DP29" s="104">
        <v>0</v>
      </c>
      <c r="DQ29" s="104">
        <v>138892</v>
      </c>
      <c r="DR29" s="103">
        <v>458715</v>
      </c>
      <c r="DS29" s="106">
        <v>458715</v>
      </c>
      <c r="DT29" s="100">
        <v>0</v>
      </c>
      <c r="DU29" s="104">
        <v>0</v>
      </c>
      <c r="DV29" s="103">
        <v>0</v>
      </c>
      <c r="DW29" s="100">
        <v>0</v>
      </c>
      <c r="DX29" s="104">
        <v>26684</v>
      </c>
      <c r="DY29" s="104">
        <v>257776</v>
      </c>
      <c r="DZ29" s="104">
        <v>0</v>
      </c>
      <c r="EA29" s="104">
        <v>0</v>
      </c>
      <c r="EB29" s="104">
        <v>138892</v>
      </c>
      <c r="EC29" s="103">
        <v>423352</v>
      </c>
      <c r="ED29" s="106">
        <v>423352</v>
      </c>
      <c r="EE29" s="100">
        <v>0</v>
      </c>
      <c r="EF29" s="102">
        <v>0</v>
      </c>
      <c r="EG29" s="103">
        <v>0</v>
      </c>
      <c r="EH29" s="100">
        <v>0</v>
      </c>
      <c r="EI29" s="104">
        <v>35363</v>
      </c>
      <c r="EJ29" s="104">
        <v>0</v>
      </c>
      <c r="EK29" s="104">
        <v>0</v>
      </c>
      <c r="EL29" s="104">
        <v>0</v>
      </c>
      <c r="EM29" s="104">
        <v>0</v>
      </c>
      <c r="EN29" s="102">
        <v>35363</v>
      </c>
      <c r="EO29" s="106">
        <v>35363</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06">
        <v>0</v>
      </c>
      <c r="FE29" s="104">
        <v>0</v>
      </c>
      <c r="FF29" s="104">
        <v>0</v>
      </c>
      <c r="FG29" s="104">
        <v>0</v>
      </c>
      <c r="FH29" s="104">
        <v>0</v>
      </c>
      <c r="FI29" s="104">
        <v>0</v>
      </c>
      <c r="FJ29" s="103">
        <v>0</v>
      </c>
      <c r="FK29" s="106">
        <v>0</v>
      </c>
      <c r="FL29" s="100">
        <v>161960</v>
      </c>
      <c r="FM29" s="104">
        <v>14400</v>
      </c>
      <c r="FN29" s="103">
        <v>176360</v>
      </c>
      <c r="FO29" s="100">
        <v>0</v>
      </c>
      <c r="FP29" s="104">
        <v>228784</v>
      </c>
      <c r="FQ29" s="104">
        <v>174136</v>
      </c>
      <c r="FR29" s="104">
        <v>54032</v>
      </c>
      <c r="FS29" s="104">
        <v>88480</v>
      </c>
      <c r="FT29" s="104">
        <v>52256</v>
      </c>
      <c r="FU29" s="103">
        <v>597688</v>
      </c>
      <c r="FV29" s="106">
        <v>774048</v>
      </c>
      <c r="FW29" s="105">
        <v>19560</v>
      </c>
      <c r="FX29" s="104">
        <v>1600</v>
      </c>
      <c r="FY29" s="102">
        <v>21160</v>
      </c>
      <c r="FZ29" s="101">
        <v>0</v>
      </c>
      <c r="GA29" s="104">
        <v>51184</v>
      </c>
      <c r="GB29" s="104">
        <v>153896</v>
      </c>
      <c r="GC29" s="104">
        <v>54032</v>
      </c>
      <c r="GD29" s="104">
        <v>88480</v>
      </c>
      <c r="GE29" s="104">
        <v>52256</v>
      </c>
      <c r="GF29" s="103">
        <v>399848</v>
      </c>
      <c r="GG29" s="290">
        <v>421008</v>
      </c>
      <c r="GH29" s="105">
        <v>0</v>
      </c>
      <c r="GI29" s="104">
        <v>0</v>
      </c>
      <c r="GJ29" s="102">
        <v>0</v>
      </c>
      <c r="GK29" s="101">
        <v>0</v>
      </c>
      <c r="GL29" s="104">
        <v>0</v>
      </c>
      <c r="GM29" s="104">
        <v>0</v>
      </c>
      <c r="GN29" s="104">
        <v>0</v>
      </c>
      <c r="GO29" s="104">
        <v>0</v>
      </c>
      <c r="GP29" s="104">
        <v>0</v>
      </c>
      <c r="GQ29" s="103">
        <v>0</v>
      </c>
      <c r="GR29" s="106">
        <v>0</v>
      </c>
      <c r="GS29" s="100">
        <v>142400</v>
      </c>
      <c r="GT29" s="104">
        <v>12800</v>
      </c>
      <c r="GU29" s="103">
        <v>155200</v>
      </c>
      <c r="GV29" s="100">
        <v>0</v>
      </c>
      <c r="GW29" s="104">
        <v>177600</v>
      </c>
      <c r="GX29" s="104">
        <v>20240</v>
      </c>
      <c r="GY29" s="104">
        <v>0</v>
      </c>
      <c r="GZ29" s="104">
        <v>0</v>
      </c>
      <c r="HA29" s="104">
        <v>0</v>
      </c>
      <c r="HB29" s="102">
        <v>197840</v>
      </c>
      <c r="HC29" s="106">
        <v>353040</v>
      </c>
      <c r="HD29" s="100">
        <v>162165</v>
      </c>
      <c r="HE29" s="104">
        <v>0</v>
      </c>
      <c r="HF29" s="102">
        <v>162165</v>
      </c>
      <c r="HG29" s="101">
        <v>0</v>
      </c>
      <c r="HH29" s="104">
        <v>715464</v>
      </c>
      <c r="HI29" s="104">
        <v>386957</v>
      </c>
      <c r="HJ29" s="104">
        <v>609068</v>
      </c>
      <c r="HK29" s="104">
        <v>442245</v>
      </c>
      <c r="HL29" s="104">
        <v>730193</v>
      </c>
      <c r="HM29" s="103">
        <v>2883927</v>
      </c>
      <c r="HN29" s="99">
        <v>3046092</v>
      </c>
      <c r="HO29" s="456">
        <v>0</v>
      </c>
      <c r="HP29" s="457">
        <v>0</v>
      </c>
      <c r="HQ29" s="458">
        <v>0</v>
      </c>
      <c r="HR29" s="459">
        <v>0</v>
      </c>
      <c r="HS29" s="457">
        <v>0</v>
      </c>
      <c r="HT29" s="457">
        <v>0</v>
      </c>
      <c r="HU29" s="457">
        <v>0</v>
      </c>
      <c r="HV29" s="457">
        <v>0</v>
      </c>
      <c r="HW29" s="457">
        <v>0</v>
      </c>
      <c r="HX29" s="460">
        <v>0</v>
      </c>
      <c r="HY29" s="461">
        <v>0</v>
      </c>
      <c r="HZ29" s="118">
        <v>40948</v>
      </c>
      <c r="IA29" s="119">
        <v>0</v>
      </c>
      <c r="IB29" s="120">
        <v>40948</v>
      </c>
      <c r="IC29" s="131">
        <v>0</v>
      </c>
      <c r="ID29" s="119">
        <v>27309</v>
      </c>
      <c r="IE29" s="132">
        <v>273196</v>
      </c>
      <c r="IF29" s="120">
        <v>658039</v>
      </c>
      <c r="IG29" s="119">
        <v>202839</v>
      </c>
      <c r="IH29" s="120">
        <v>251656</v>
      </c>
      <c r="II29" s="133">
        <v>1413039</v>
      </c>
      <c r="IJ29" s="126">
        <v>1453987</v>
      </c>
      <c r="IK29" s="215">
        <v>0</v>
      </c>
      <c r="IL29" s="219">
        <v>0</v>
      </c>
      <c r="IM29" s="220">
        <v>0</v>
      </c>
      <c r="IN29" s="470">
        <v>0</v>
      </c>
      <c r="IO29" s="109">
        <v>0</v>
      </c>
      <c r="IP29" s="109">
        <v>0</v>
      </c>
      <c r="IQ29" s="109">
        <v>0</v>
      </c>
      <c r="IR29" s="109">
        <v>202839</v>
      </c>
      <c r="IS29" s="109">
        <v>0</v>
      </c>
      <c r="IT29" s="128">
        <v>202839</v>
      </c>
      <c r="IU29" s="292">
        <v>202839</v>
      </c>
      <c r="IV29" s="129">
        <v>0</v>
      </c>
      <c r="IW29" s="109">
        <v>0</v>
      </c>
      <c r="IX29" s="110">
        <v>0</v>
      </c>
      <c r="IY29" s="470">
        <v>0</v>
      </c>
      <c r="IZ29" s="109">
        <v>0</v>
      </c>
      <c r="JA29" s="109">
        <v>0</v>
      </c>
      <c r="JB29" s="109">
        <v>0</v>
      </c>
      <c r="JC29" s="109">
        <v>0</v>
      </c>
      <c r="JD29" s="109">
        <v>0</v>
      </c>
      <c r="JE29" s="110">
        <v>0</v>
      </c>
      <c r="JF29" s="111">
        <v>0</v>
      </c>
      <c r="JG29" s="129">
        <v>0</v>
      </c>
      <c r="JH29" s="109">
        <v>0</v>
      </c>
      <c r="JI29" s="128">
        <v>0</v>
      </c>
      <c r="JJ29" s="108">
        <v>0</v>
      </c>
      <c r="JK29" s="109">
        <v>27309</v>
      </c>
      <c r="JL29" s="109">
        <v>39230</v>
      </c>
      <c r="JM29" s="109">
        <v>37555</v>
      </c>
      <c r="JN29" s="109">
        <v>0</v>
      </c>
      <c r="JO29" s="109">
        <v>0</v>
      </c>
      <c r="JP29" s="110">
        <v>104094</v>
      </c>
      <c r="JQ29" s="292">
        <v>104094</v>
      </c>
      <c r="JR29" s="129">
        <v>0</v>
      </c>
      <c r="JS29" s="109">
        <v>0</v>
      </c>
      <c r="JT29" s="128">
        <v>0</v>
      </c>
      <c r="JU29" s="108">
        <v>0</v>
      </c>
      <c r="JV29" s="109">
        <v>0</v>
      </c>
      <c r="JW29" s="109">
        <v>0</v>
      </c>
      <c r="JX29" s="109">
        <v>136644</v>
      </c>
      <c r="JY29" s="109">
        <v>0</v>
      </c>
      <c r="JZ29" s="109">
        <v>0</v>
      </c>
      <c r="KA29" s="110">
        <v>136644</v>
      </c>
      <c r="KB29" s="292">
        <v>136644</v>
      </c>
      <c r="KC29" s="217">
        <v>40948</v>
      </c>
      <c r="KD29" s="213">
        <v>0</v>
      </c>
      <c r="KE29" s="110">
        <v>40948</v>
      </c>
      <c r="KF29" s="108">
        <v>0</v>
      </c>
      <c r="KG29" s="109">
        <v>0</v>
      </c>
      <c r="KH29" s="109">
        <v>0</v>
      </c>
      <c r="KI29" s="109">
        <v>0</v>
      </c>
      <c r="KJ29" s="109">
        <v>0</v>
      </c>
      <c r="KK29" s="109">
        <v>0</v>
      </c>
      <c r="KL29" s="110">
        <v>0</v>
      </c>
      <c r="KM29" s="130">
        <v>40948</v>
      </c>
      <c r="KN29" s="215">
        <v>0</v>
      </c>
      <c r="KO29" s="219">
        <v>0</v>
      </c>
      <c r="KP29" s="220">
        <v>0</v>
      </c>
      <c r="KQ29" s="470">
        <v>0</v>
      </c>
      <c r="KR29" s="109">
        <v>0</v>
      </c>
      <c r="KS29" s="109">
        <v>233966</v>
      </c>
      <c r="KT29" s="109">
        <v>483840</v>
      </c>
      <c r="KU29" s="109">
        <v>0</v>
      </c>
      <c r="KV29" s="109">
        <v>251656</v>
      </c>
      <c r="KW29" s="110">
        <v>969462</v>
      </c>
      <c r="KX29" s="292">
        <v>969462</v>
      </c>
      <c r="KY29" s="129">
        <v>0</v>
      </c>
      <c r="KZ29" s="109">
        <v>0</v>
      </c>
      <c r="LA29" s="110">
        <v>0</v>
      </c>
      <c r="LB29" s="470">
        <v>0</v>
      </c>
      <c r="LC29" s="109">
        <v>0</v>
      </c>
      <c r="LD29" s="109">
        <v>0</v>
      </c>
      <c r="LE29" s="109">
        <v>0</v>
      </c>
      <c r="LF29" s="109">
        <v>0</v>
      </c>
      <c r="LG29" s="109">
        <v>0</v>
      </c>
      <c r="LH29" s="110">
        <v>0</v>
      </c>
      <c r="LI29" s="111">
        <v>0</v>
      </c>
      <c r="LJ29" s="129">
        <v>0</v>
      </c>
      <c r="LK29" s="109">
        <v>0</v>
      </c>
      <c r="LL29" s="110">
        <v>0</v>
      </c>
      <c r="LM29" s="470">
        <v>0</v>
      </c>
      <c r="LN29" s="109">
        <v>0</v>
      </c>
      <c r="LO29" s="109">
        <v>0</v>
      </c>
      <c r="LP29" s="109">
        <v>0</v>
      </c>
      <c r="LQ29" s="109">
        <v>0</v>
      </c>
      <c r="LR29" s="109">
        <v>0</v>
      </c>
      <c r="LS29" s="110">
        <v>0</v>
      </c>
      <c r="LT29" s="292">
        <v>0</v>
      </c>
      <c r="LU29" s="129">
        <v>0</v>
      </c>
      <c r="LV29" s="109">
        <v>0</v>
      </c>
      <c r="LW29" s="110">
        <v>0</v>
      </c>
      <c r="LX29" s="470">
        <v>0</v>
      </c>
      <c r="LY29" s="109">
        <v>0</v>
      </c>
      <c r="LZ29" s="109">
        <v>0</v>
      </c>
      <c r="MA29" s="109">
        <v>0</v>
      </c>
      <c r="MB29" s="109">
        <v>0</v>
      </c>
      <c r="MC29" s="109">
        <v>0</v>
      </c>
      <c r="MD29" s="110">
        <v>0</v>
      </c>
      <c r="ME29" s="111">
        <v>0</v>
      </c>
      <c r="MF29" s="129">
        <v>0</v>
      </c>
      <c r="MG29" s="109">
        <v>0</v>
      </c>
      <c r="MH29" s="110">
        <v>0</v>
      </c>
      <c r="MI29" s="470">
        <v>0</v>
      </c>
      <c r="MJ29" s="109">
        <v>0</v>
      </c>
      <c r="MK29" s="109">
        <v>573346</v>
      </c>
      <c r="ML29" s="109">
        <v>1006244</v>
      </c>
      <c r="MM29" s="109">
        <v>1951307</v>
      </c>
      <c r="MN29" s="109">
        <v>818425</v>
      </c>
      <c r="MO29" s="110">
        <v>4349322</v>
      </c>
      <c r="MP29" s="130">
        <v>4349322</v>
      </c>
      <c r="MQ29" s="129">
        <v>0</v>
      </c>
      <c r="MR29" s="109">
        <v>0</v>
      </c>
      <c r="MS29" s="110">
        <v>0</v>
      </c>
      <c r="MT29" s="470">
        <v>0</v>
      </c>
      <c r="MU29" s="109">
        <v>0</v>
      </c>
      <c r="MV29" s="109">
        <v>0</v>
      </c>
      <c r="MW29" s="109">
        <v>248360</v>
      </c>
      <c r="MX29" s="109">
        <v>1349447</v>
      </c>
      <c r="MY29" s="109">
        <v>818425</v>
      </c>
      <c r="MZ29" s="110">
        <v>2416232</v>
      </c>
      <c r="NA29" s="130">
        <v>2416232</v>
      </c>
      <c r="NB29" s="129">
        <v>0</v>
      </c>
      <c r="NC29" s="109">
        <v>0</v>
      </c>
      <c r="ND29" s="110">
        <v>0</v>
      </c>
      <c r="NE29" s="470">
        <v>0</v>
      </c>
      <c r="NF29" s="109">
        <v>0</v>
      </c>
      <c r="NG29" s="109">
        <v>573346</v>
      </c>
      <c r="NH29" s="109">
        <v>757884</v>
      </c>
      <c r="NI29" s="109">
        <v>601860</v>
      </c>
      <c r="NJ29" s="109">
        <v>0</v>
      </c>
      <c r="NK29" s="110">
        <v>1933090</v>
      </c>
      <c r="NL29" s="292">
        <v>1933090</v>
      </c>
      <c r="NM29" s="129">
        <v>0</v>
      </c>
      <c r="NN29" s="109">
        <v>0</v>
      </c>
      <c r="NO29" s="110">
        <v>0</v>
      </c>
      <c r="NP29" s="470">
        <v>0</v>
      </c>
      <c r="NQ29" s="109">
        <v>0</v>
      </c>
      <c r="NR29" s="109">
        <v>0</v>
      </c>
      <c r="NS29" s="109">
        <v>0</v>
      </c>
      <c r="NT29" s="109">
        <v>0</v>
      </c>
      <c r="NU29" s="109">
        <v>0</v>
      </c>
      <c r="NV29" s="110">
        <v>0</v>
      </c>
      <c r="NW29" s="111">
        <v>0</v>
      </c>
      <c r="NX29" s="129">
        <v>0</v>
      </c>
      <c r="NY29" s="109">
        <v>0</v>
      </c>
      <c r="NZ29" s="110">
        <v>0</v>
      </c>
      <c r="OA29" s="470">
        <v>0</v>
      </c>
      <c r="OB29" s="109">
        <v>0</v>
      </c>
      <c r="OC29" s="109">
        <v>0</v>
      </c>
      <c r="OD29" s="109">
        <v>0</v>
      </c>
      <c r="OE29" s="109">
        <v>0</v>
      </c>
      <c r="OF29" s="109">
        <v>0</v>
      </c>
      <c r="OG29" s="110">
        <v>0</v>
      </c>
      <c r="OH29" s="111">
        <v>0</v>
      </c>
      <c r="OI29" s="129">
        <v>475139</v>
      </c>
      <c r="OJ29" s="109">
        <v>124813</v>
      </c>
      <c r="OK29" s="128">
        <v>599952</v>
      </c>
      <c r="OL29" s="108">
        <v>0</v>
      </c>
      <c r="OM29" s="109">
        <v>2857677</v>
      </c>
      <c r="ON29" s="109">
        <v>3104894</v>
      </c>
      <c r="OO29" s="109">
        <v>3814172</v>
      </c>
      <c r="OP29" s="109">
        <v>3921624</v>
      </c>
      <c r="OQ29" s="109">
        <v>2630435</v>
      </c>
      <c r="OR29" s="110">
        <v>16328802</v>
      </c>
      <c r="OS29" s="130">
        <v>16928754</v>
      </c>
    </row>
    <row r="30" spans="2:409" ht="21" customHeight="1" x14ac:dyDescent="0.2">
      <c r="B30" s="437" t="s">
        <v>25</v>
      </c>
      <c r="C30" s="100">
        <v>44204</v>
      </c>
      <c r="D30" s="104">
        <v>413668</v>
      </c>
      <c r="E30" s="103">
        <v>457872</v>
      </c>
      <c r="F30" s="99">
        <v>0</v>
      </c>
      <c r="G30" s="104">
        <v>1636256</v>
      </c>
      <c r="H30" s="104">
        <v>885901</v>
      </c>
      <c r="I30" s="104">
        <v>1199333</v>
      </c>
      <c r="J30" s="104">
        <v>941377</v>
      </c>
      <c r="K30" s="104">
        <v>386410</v>
      </c>
      <c r="L30" s="156">
        <v>5049277</v>
      </c>
      <c r="M30" s="106">
        <v>5507149</v>
      </c>
      <c r="N30" s="100">
        <v>7704</v>
      </c>
      <c r="O30" s="104">
        <v>169339</v>
      </c>
      <c r="P30" s="103">
        <v>177043</v>
      </c>
      <c r="Q30" s="100">
        <v>0</v>
      </c>
      <c r="R30" s="104">
        <v>451754</v>
      </c>
      <c r="S30" s="104">
        <v>359703</v>
      </c>
      <c r="T30" s="104">
        <v>393263</v>
      </c>
      <c r="U30" s="104">
        <v>222143</v>
      </c>
      <c r="V30" s="104">
        <v>72562</v>
      </c>
      <c r="W30" s="103">
        <v>1499425</v>
      </c>
      <c r="X30" s="106">
        <v>1676468</v>
      </c>
      <c r="Y30" s="100">
        <v>0</v>
      </c>
      <c r="Z30" s="104">
        <v>0</v>
      </c>
      <c r="AA30" s="103">
        <v>0</v>
      </c>
      <c r="AB30" s="100">
        <v>0</v>
      </c>
      <c r="AC30" s="104">
        <v>337202</v>
      </c>
      <c r="AD30" s="104">
        <v>146451</v>
      </c>
      <c r="AE30" s="104">
        <v>137139</v>
      </c>
      <c r="AF30" s="104">
        <v>2576</v>
      </c>
      <c r="AG30" s="104">
        <v>3260</v>
      </c>
      <c r="AH30" s="103">
        <v>626628</v>
      </c>
      <c r="AI30" s="106">
        <v>626628</v>
      </c>
      <c r="AJ30" s="100">
        <v>0</v>
      </c>
      <c r="AK30" s="104">
        <v>0</v>
      </c>
      <c r="AL30" s="103">
        <v>0</v>
      </c>
      <c r="AM30" s="100">
        <v>0</v>
      </c>
      <c r="AN30" s="104">
        <v>0</v>
      </c>
      <c r="AO30" s="104">
        <v>0</v>
      </c>
      <c r="AP30" s="104">
        <v>46763</v>
      </c>
      <c r="AQ30" s="104">
        <v>135701</v>
      </c>
      <c r="AR30" s="104">
        <v>0</v>
      </c>
      <c r="AS30" s="103">
        <v>182464</v>
      </c>
      <c r="AT30" s="106">
        <v>182464</v>
      </c>
      <c r="AU30" s="100">
        <v>7704</v>
      </c>
      <c r="AV30" s="104">
        <v>88987</v>
      </c>
      <c r="AW30" s="103">
        <v>96691</v>
      </c>
      <c r="AX30" s="100">
        <v>0</v>
      </c>
      <c r="AY30" s="104">
        <v>73280</v>
      </c>
      <c r="AZ30" s="104">
        <v>195108</v>
      </c>
      <c r="BA30" s="104">
        <v>175513</v>
      </c>
      <c r="BB30" s="104">
        <v>48578</v>
      </c>
      <c r="BC30" s="104">
        <v>65158</v>
      </c>
      <c r="BD30" s="103">
        <v>557637</v>
      </c>
      <c r="BE30" s="106">
        <v>654328</v>
      </c>
      <c r="BF30" s="100">
        <v>0</v>
      </c>
      <c r="BG30" s="104">
        <v>62320</v>
      </c>
      <c r="BH30" s="102">
        <v>62320</v>
      </c>
      <c r="BI30" s="101">
        <v>0</v>
      </c>
      <c r="BJ30" s="104">
        <v>0</v>
      </c>
      <c r="BK30" s="104">
        <v>0</v>
      </c>
      <c r="BL30" s="104">
        <v>0</v>
      </c>
      <c r="BM30" s="104">
        <v>0</v>
      </c>
      <c r="BN30" s="104">
        <v>0</v>
      </c>
      <c r="BO30" s="103">
        <v>0</v>
      </c>
      <c r="BP30" s="106">
        <v>62320</v>
      </c>
      <c r="BQ30" s="100">
        <v>0</v>
      </c>
      <c r="BR30" s="104">
        <v>18032</v>
      </c>
      <c r="BS30" s="103">
        <v>18032</v>
      </c>
      <c r="BT30" s="100">
        <v>0</v>
      </c>
      <c r="BU30" s="104">
        <v>41272</v>
      </c>
      <c r="BV30" s="104">
        <v>18144</v>
      </c>
      <c r="BW30" s="104">
        <v>33848</v>
      </c>
      <c r="BX30" s="104">
        <v>35288</v>
      </c>
      <c r="BY30" s="104">
        <v>4144</v>
      </c>
      <c r="BZ30" s="103">
        <v>132696</v>
      </c>
      <c r="CA30" s="106">
        <v>150728</v>
      </c>
      <c r="CB30" s="100">
        <v>19460</v>
      </c>
      <c r="CC30" s="104">
        <v>75698</v>
      </c>
      <c r="CD30" s="103">
        <v>95158</v>
      </c>
      <c r="CE30" s="100">
        <v>0</v>
      </c>
      <c r="CF30" s="104">
        <v>447647</v>
      </c>
      <c r="CG30" s="104">
        <v>347921</v>
      </c>
      <c r="CH30" s="104">
        <v>310643</v>
      </c>
      <c r="CI30" s="104">
        <v>154299</v>
      </c>
      <c r="CJ30" s="104">
        <v>89987</v>
      </c>
      <c r="CK30" s="103">
        <v>1350497</v>
      </c>
      <c r="CL30" s="106">
        <v>1445655</v>
      </c>
      <c r="CM30" s="100">
        <v>0</v>
      </c>
      <c r="CN30" s="104">
        <v>0</v>
      </c>
      <c r="CO30" s="103">
        <v>0</v>
      </c>
      <c r="CP30" s="101">
        <v>0</v>
      </c>
      <c r="CQ30" s="104">
        <v>374313</v>
      </c>
      <c r="CR30" s="104">
        <v>95904</v>
      </c>
      <c r="CS30" s="104">
        <v>22471</v>
      </c>
      <c r="CT30" s="104">
        <v>0</v>
      </c>
      <c r="CU30" s="104">
        <v>0</v>
      </c>
      <c r="CV30" s="103">
        <v>492688</v>
      </c>
      <c r="CW30" s="106">
        <v>492688</v>
      </c>
      <c r="CX30" s="100">
        <v>19460</v>
      </c>
      <c r="CY30" s="104">
        <v>75698</v>
      </c>
      <c r="CZ30" s="103">
        <v>95158</v>
      </c>
      <c r="DA30" s="100">
        <v>0</v>
      </c>
      <c r="DB30" s="104">
        <v>73334</v>
      </c>
      <c r="DC30" s="104">
        <v>252017</v>
      </c>
      <c r="DD30" s="104">
        <v>288172</v>
      </c>
      <c r="DE30" s="104">
        <v>154299</v>
      </c>
      <c r="DF30" s="104">
        <v>89987</v>
      </c>
      <c r="DG30" s="103">
        <v>857809</v>
      </c>
      <c r="DH30" s="106">
        <v>952967</v>
      </c>
      <c r="DI30" s="100">
        <v>0</v>
      </c>
      <c r="DJ30" s="104">
        <v>19420</v>
      </c>
      <c r="DK30" s="102">
        <v>19420</v>
      </c>
      <c r="DL30" s="101">
        <v>0</v>
      </c>
      <c r="DM30" s="104">
        <v>233801</v>
      </c>
      <c r="DN30" s="104">
        <v>16533</v>
      </c>
      <c r="DO30" s="104">
        <v>58644</v>
      </c>
      <c r="DP30" s="104">
        <v>20221</v>
      </c>
      <c r="DQ30" s="104">
        <v>0</v>
      </c>
      <c r="DR30" s="103">
        <v>329199</v>
      </c>
      <c r="DS30" s="106">
        <v>348619</v>
      </c>
      <c r="DT30" s="100">
        <v>0</v>
      </c>
      <c r="DU30" s="104">
        <v>19420</v>
      </c>
      <c r="DV30" s="103">
        <v>19420</v>
      </c>
      <c r="DW30" s="100">
        <v>0</v>
      </c>
      <c r="DX30" s="104">
        <v>233801</v>
      </c>
      <c r="DY30" s="104">
        <v>16533</v>
      </c>
      <c r="DZ30" s="104">
        <v>0</v>
      </c>
      <c r="EA30" s="104">
        <v>20221</v>
      </c>
      <c r="EB30" s="104">
        <v>0</v>
      </c>
      <c r="EC30" s="103">
        <v>270555</v>
      </c>
      <c r="ED30" s="106">
        <v>289975</v>
      </c>
      <c r="EE30" s="100">
        <v>0</v>
      </c>
      <c r="EF30" s="102">
        <v>0</v>
      </c>
      <c r="EG30" s="103">
        <v>0</v>
      </c>
      <c r="EH30" s="100">
        <v>0</v>
      </c>
      <c r="EI30" s="104">
        <v>0</v>
      </c>
      <c r="EJ30" s="104">
        <v>0</v>
      </c>
      <c r="EK30" s="104">
        <v>58644</v>
      </c>
      <c r="EL30" s="104">
        <v>0</v>
      </c>
      <c r="EM30" s="104">
        <v>0</v>
      </c>
      <c r="EN30" s="102">
        <v>58644</v>
      </c>
      <c r="EO30" s="106">
        <v>58644</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06">
        <v>0</v>
      </c>
      <c r="FE30" s="104">
        <v>0</v>
      </c>
      <c r="FF30" s="104">
        <v>0</v>
      </c>
      <c r="FG30" s="104">
        <v>0</v>
      </c>
      <c r="FH30" s="104">
        <v>0</v>
      </c>
      <c r="FI30" s="104">
        <v>0</v>
      </c>
      <c r="FJ30" s="103">
        <v>0</v>
      </c>
      <c r="FK30" s="106">
        <v>0</v>
      </c>
      <c r="FL30" s="100">
        <v>17040</v>
      </c>
      <c r="FM30" s="104">
        <v>57360</v>
      </c>
      <c r="FN30" s="103">
        <v>74400</v>
      </c>
      <c r="FO30" s="100">
        <v>0</v>
      </c>
      <c r="FP30" s="104">
        <v>24992</v>
      </c>
      <c r="FQ30" s="104">
        <v>161744</v>
      </c>
      <c r="FR30" s="104">
        <v>55472</v>
      </c>
      <c r="FS30" s="104">
        <v>150976</v>
      </c>
      <c r="FT30" s="104">
        <v>14720</v>
      </c>
      <c r="FU30" s="103">
        <v>407904</v>
      </c>
      <c r="FV30" s="106">
        <v>482304</v>
      </c>
      <c r="FW30" s="105">
        <v>17040</v>
      </c>
      <c r="FX30" s="104">
        <v>57360</v>
      </c>
      <c r="FY30" s="102">
        <v>74400</v>
      </c>
      <c r="FZ30" s="101">
        <v>0</v>
      </c>
      <c r="GA30" s="104">
        <v>24992</v>
      </c>
      <c r="GB30" s="104">
        <v>124784</v>
      </c>
      <c r="GC30" s="104">
        <v>55472</v>
      </c>
      <c r="GD30" s="104">
        <v>150976</v>
      </c>
      <c r="GE30" s="104">
        <v>14720</v>
      </c>
      <c r="GF30" s="103">
        <v>370944</v>
      </c>
      <c r="GG30" s="290">
        <v>445344</v>
      </c>
      <c r="GH30" s="105">
        <v>0</v>
      </c>
      <c r="GI30" s="104">
        <v>0</v>
      </c>
      <c r="GJ30" s="102">
        <v>0</v>
      </c>
      <c r="GK30" s="101">
        <v>0</v>
      </c>
      <c r="GL30" s="104">
        <v>0</v>
      </c>
      <c r="GM30" s="104">
        <v>36960</v>
      </c>
      <c r="GN30" s="104">
        <v>0</v>
      </c>
      <c r="GO30" s="104">
        <v>0</v>
      </c>
      <c r="GP30" s="104">
        <v>0</v>
      </c>
      <c r="GQ30" s="103">
        <v>36960</v>
      </c>
      <c r="GR30" s="106">
        <v>36960</v>
      </c>
      <c r="GS30" s="100">
        <v>0</v>
      </c>
      <c r="GT30" s="104">
        <v>0</v>
      </c>
      <c r="GU30" s="103">
        <v>0</v>
      </c>
      <c r="GV30" s="100">
        <v>0</v>
      </c>
      <c r="GW30" s="104">
        <v>0</v>
      </c>
      <c r="GX30" s="104">
        <v>0</v>
      </c>
      <c r="GY30" s="104">
        <v>0</v>
      </c>
      <c r="GZ30" s="104">
        <v>0</v>
      </c>
      <c r="HA30" s="104">
        <v>0</v>
      </c>
      <c r="HB30" s="102">
        <v>0</v>
      </c>
      <c r="HC30" s="106">
        <v>0</v>
      </c>
      <c r="HD30" s="100">
        <v>0</v>
      </c>
      <c r="HE30" s="104">
        <v>91851</v>
      </c>
      <c r="HF30" s="102">
        <v>91851</v>
      </c>
      <c r="HG30" s="101">
        <v>0</v>
      </c>
      <c r="HH30" s="104">
        <v>478062</v>
      </c>
      <c r="HI30" s="104">
        <v>0</v>
      </c>
      <c r="HJ30" s="104">
        <v>381311</v>
      </c>
      <c r="HK30" s="104">
        <v>393738</v>
      </c>
      <c r="HL30" s="104">
        <v>209141</v>
      </c>
      <c r="HM30" s="103">
        <v>1462252</v>
      </c>
      <c r="HN30" s="99">
        <v>1554103</v>
      </c>
      <c r="HO30" s="456">
        <v>0</v>
      </c>
      <c r="HP30" s="457">
        <v>0</v>
      </c>
      <c r="HQ30" s="458">
        <v>0</v>
      </c>
      <c r="HR30" s="459">
        <v>0</v>
      </c>
      <c r="HS30" s="457">
        <v>0</v>
      </c>
      <c r="HT30" s="457">
        <v>0</v>
      </c>
      <c r="HU30" s="457">
        <v>0</v>
      </c>
      <c r="HV30" s="457">
        <v>0</v>
      </c>
      <c r="HW30" s="457">
        <v>0</v>
      </c>
      <c r="HX30" s="460">
        <v>0</v>
      </c>
      <c r="HY30" s="461">
        <v>0</v>
      </c>
      <c r="HZ30" s="135">
        <v>41280</v>
      </c>
      <c r="IA30" s="122">
        <v>0</v>
      </c>
      <c r="IB30" s="135">
        <v>41280</v>
      </c>
      <c r="IC30" s="121">
        <v>0</v>
      </c>
      <c r="ID30" s="122">
        <v>382621</v>
      </c>
      <c r="IE30" s="123">
        <v>25020</v>
      </c>
      <c r="IF30" s="124">
        <v>0</v>
      </c>
      <c r="IG30" s="122">
        <v>0</v>
      </c>
      <c r="IH30" s="124">
        <v>0</v>
      </c>
      <c r="II30" s="125">
        <v>407641</v>
      </c>
      <c r="IJ30" s="135">
        <v>448921</v>
      </c>
      <c r="IK30" s="215">
        <v>0</v>
      </c>
      <c r="IL30" s="219">
        <v>0</v>
      </c>
      <c r="IM30" s="220">
        <v>0</v>
      </c>
      <c r="IN30" s="470">
        <v>0</v>
      </c>
      <c r="IO30" s="109">
        <v>0</v>
      </c>
      <c r="IP30" s="109">
        <v>0</v>
      </c>
      <c r="IQ30" s="109">
        <v>0</v>
      </c>
      <c r="IR30" s="109">
        <v>0</v>
      </c>
      <c r="IS30" s="109">
        <v>0</v>
      </c>
      <c r="IT30" s="128">
        <v>0</v>
      </c>
      <c r="IU30" s="292">
        <v>0</v>
      </c>
      <c r="IV30" s="129">
        <v>0</v>
      </c>
      <c r="IW30" s="109">
        <v>0</v>
      </c>
      <c r="IX30" s="110">
        <v>0</v>
      </c>
      <c r="IY30" s="470">
        <v>0</v>
      </c>
      <c r="IZ30" s="109">
        <v>0</v>
      </c>
      <c r="JA30" s="109">
        <v>0</v>
      </c>
      <c r="JB30" s="109">
        <v>0</v>
      </c>
      <c r="JC30" s="109">
        <v>0</v>
      </c>
      <c r="JD30" s="109">
        <v>0</v>
      </c>
      <c r="JE30" s="110">
        <v>0</v>
      </c>
      <c r="JF30" s="111">
        <v>0</v>
      </c>
      <c r="JG30" s="129">
        <v>0</v>
      </c>
      <c r="JH30" s="109">
        <v>0</v>
      </c>
      <c r="JI30" s="128">
        <v>0</v>
      </c>
      <c r="JJ30" s="108">
        <v>0</v>
      </c>
      <c r="JK30" s="109">
        <v>237743</v>
      </c>
      <c r="JL30" s="109">
        <v>25020</v>
      </c>
      <c r="JM30" s="109">
        <v>0</v>
      </c>
      <c r="JN30" s="109">
        <v>0</v>
      </c>
      <c r="JO30" s="109">
        <v>0</v>
      </c>
      <c r="JP30" s="110">
        <v>262763</v>
      </c>
      <c r="JQ30" s="292">
        <v>262763</v>
      </c>
      <c r="JR30" s="129">
        <v>0</v>
      </c>
      <c r="JS30" s="109">
        <v>0</v>
      </c>
      <c r="JT30" s="128">
        <v>0</v>
      </c>
      <c r="JU30" s="108">
        <v>0</v>
      </c>
      <c r="JV30" s="109">
        <v>0</v>
      </c>
      <c r="JW30" s="109">
        <v>0</v>
      </c>
      <c r="JX30" s="109">
        <v>0</v>
      </c>
      <c r="JY30" s="109">
        <v>0</v>
      </c>
      <c r="JZ30" s="109">
        <v>0</v>
      </c>
      <c r="KA30" s="110">
        <v>0</v>
      </c>
      <c r="KB30" s="292">
        <v>0</v>
      </c>
      <c r="KC30" s="217">
        <v>41280</v>
      </c>
      <c r="KD30" s="213">
        <v>0</v>
      </c>
      <c r="KE30" s="110">
        <v>41280</v>
      </c>
      <c r="KF30" s="108">
        <v>0</v>
      </c>
      <c r="KG30" s="109">
        <v>0</v>
      </c>
      <c r="KH30" s="109">
        <v>0</v>
      </c>
      <c r="KI30" s="109">
        <v>0</v>
      </c>
      <c r="KJ30" s="109">
        <v>0</v>
      </c>
      <c r="KK30" s="109">
        <v>0</v>
      </c>
      <c r="KL30" s="110">
        <v>0</v>
      </c>
      <c r="KM30" s="130">
        <v>41280</v>
      </c>
      <c r="KN30" s="215">
        <v>0</v>
      </c>
      <c r="KO30" s="219">
        <v>0</v>
      </c>
      <c r="KP30" s="220">
        <v>0</v>
      </c>
      <c r="KQ30" s="470">
        <v>0</v>
      </c>
      <c r="KR30" s="109">
        <v>144878</v>
      </c>
      <c r="KS30" s="109">
        <v>0</v>
      </c>
      <c r="KT30" s="109">
        <v>0</v>
      </c>
      <c r="KU30" s="109">
        <v>0</v>
      </c>
      <c r="KV30" s="109">
        <v>0</v>
      </c>
      <c r="KW30" s="110">
        <v>144878</v>
      </c>
      <c r="KX30" s="292">
        <v>144878</v>
      </c>
      <c r="KY30" s="129">
        <v>0</v>
      </c>
      <c r="KZ30" s="109">
        <v>0</v>
      </c>
      <c r="LA30" s="110">
        <v>0</v>
      </c>
      <c r="LB30" s="470">
        <v>0</v>
      </c>
      <c r="LC30" s="109">
        <v>0</v>
      </c>
      <c r="LD30" s="109">
        <v>0</v>
      </c>
      <c r="LE30" s="109">
        <v>0</v>
      </c>
      <c r="LF30" s="109">
        <v>0</v>
      </c>
      <c r="LG30" s="109">
        <v>0</v>
      </c>
      <c r="LH30" s="110">
        <v>0</v>
      </c>
      <c r="LI30" s="111">
        <v>0</v>
      </c>
      <c r="LJ30" s="129">
        <v>0</v>
      </c>
      <c r="LK30" s="109">
        <v>0</v>
      </c>
      <c r="LL30" s="110">
        <v>0</v>
      </c>
      <c r="LM30" s="470">
        <v>0</v>
      </c>
      <c r="LN30" s="109">
        <v>0</v>
      </c>
      <c r="LO30" s="109">
        <v>0</v>
      </c>
      <c r="LP30" s="109">
        <v>0</v>
      </c>
      <c r="LQ30" s="109">
        <v>0</v>
      </c>
      <c r="LR30" s="109">
        <v>0</v>
      </c>
      <c r="LS30" s="110">
        <v>0</v>
      </c>
      <c r="LT30" s="292">
        <v>0</v>
      </c>
      <c r="LU30" s="129">
        <v>0</v>
      </c>
      <c r="LV30" s="109">
        <v>0</v>
      </c>
      <c r="LW30" s="110">
        <v>0</v>
      </c>
      <c r="LX30" s="470">
        <v>0</v>
      </c>
      <c r="LY30" s="109">
        <v>0</v>
      </c>
      <c r="LZ30" s="109">
        <v>0</v>
      </c>
      <c r="MA30" s="109">
        <v>0</v>
      </c>
      <c r="MB30" s="109">
        <v>0</v>
      </c>
      <c r="MC30" s="109">
        <v>0</v>
      </c>
      <c r="MD30" s="110">
        <v>0</v>
      </c>
      <c r="ME30" s="111">
        <v>0</v>
      </c>
      <c r="MF30" s="129">
        <v>0</v>
      </c>
      <c r="MG30" s="109">
        <v>0</v>
      </c>
      <c r="MH30" s="110">
        <v>0</v>
      </c>
      <c r="MI30" s="470">
        <v>0</v>
      </c>
      <c r="MJ30" s="109">
        <v>140021</v>
      </c>
      <c r="MK30" s="109">
        <v>736815</v>
      </c>
      <c r="ML30" s="109">
        <v>718232</v>
      </c>
      <c r="MM30" s="109">
        <v>577591</v>
      </c>
      <c r="MN30" s="109">
        <v>1312216</v>
      </c>
      <c r="MO30" s="110">
        <v>3484875</v>
      </c>
      <c r="MP30" s="130">
        <v>3484875</v>
      </c>
      <c r="MQ30" s="129">
        <v>0</v>
      </c>
      <c r="MR30" s="109">
        <v>0</v>
      </c>
      <c r="MS30" s="110">
        <v>0</v>
      </c>
      <c r="MT30" s="470">
        <v>0</v>
      </c>
      <c r="MU30" s="109">
        <v>0</v>
      </c>
      <c r="MV30" s="109">
        <v>208531</v>
      </c>
      <c r="MW30" s="109">
        <v>718232</v>
      </c>
      <c r="MX30" s="109">
        <v>255063</v>
      </c>
      <c r="MY30" s="109">
        <v>366141</v>
      </c>
      <c r="MZ30" s="110">
        <v>1547967</v>
      </c>
      <c r="NA30" s="130">
        <v>1547967</v>
      </c>
      <c r="NB30" s="129">
        <v>0</v>
      </c>
      <c r="NC30" s="109">
        <v>0</v>
      </c>
      <c r="ND30" s="110">
        <v>0</v>
      </c>
      <c r="NE30" s="470">
        <v>0</v>
      </c>
      <c r="NF30" s="109">
        <v>140021</v>
      </c>
      <c r="NG30" s="109">
        <v>528284</v>
      </c>
      <c r="NH30" s="109">
        <v>0</v>
      </c>
      <c r="NI30" s="109">
        <v>322528</v>
      </c>
      <c r="NJ30" s="109">
        <v>946075</v>
      </c>
      <c r="NK30" s="110">
        <v>1936908</v>
      </c>
      <c r="NL30" s="292">
        <v>1936908</v>
      </c>
      <c r="NM30" s="129">
        <v>0</v>
      </c>
      <c r="NN30" s="109">
        <v>0</v>
      </c>
      <c r="NO30" s="110">
        <v>0</v>
      </c>
      <c r="NP30" s="470">
        <v>0</v>
      </c>
      <c r="NQ30" s="109">
        <v>0</v>
      </c>
      <c r="NR30" s="109">
        <v>0</v>
      </c>
      <c r="NS30" s="109">
        <v>0</v>
      </c>
      <c r="NT30" s="109">
        <v>0</v>
      </c>
      <c r="NU30" s="109">
        <v>0</v>
      </c>
      <c r="NV30" s="110">
        <v>0</v>
      </c>
      <c r="NW30" s="111">
        <v>0</v>
      </c>
      <c r="NX30" s="129">
        <v>0</v>
      </c>
      <c r="NY30" s="109">
        <v>0</v>
      </c>
      <c r="NZ30" s="110">
        <v>0</v>
      </c>
      <c r="OA30" s="470">
        <v>0</v>
      </c>
      <c r="OB30" s="109">
        <v>0</v>
      </c>
      <c r="OC30" s="109">
        <v>0</v>
      </c>
      <c r="OD30" s="109">
        <v>0</v>
      </c>
      <c r="OE30" s="109">
        <v>0</v>
      </c>
      <c r="OF30" s="109">
        <v>0</v>
      </c>
      <c r="OG30" s="110">
        <v>0</v>
      </c>
      <c r="OH30" s="111">
        <v>0</v>
      </c>
      <c r="OI30" s="129">
        <v>85484</v>
      </c>
      <c r="OJ30" s="109">
        <v>413668</v>
      </c>
      <c r="OK30" s="128">
        <v>499152</v>
      </c>
      <c r="OL30" s="108">
        <v>0</v>
      </c>
      <c r="OM30" s="109">
        <v>2158898</v>
      </c>
      <c r="ON30" s="109">
        <v>1647736</v>
      </c>
      <c r="OO30" s="109">
        <v>1917565</v>
      </c>
      <c r="OP30" s="109">
        <v>1518968</v>
      </c>
      <c r="OQ30" s="109">
        <v>1698626</v>
      </c>
      <c r="OR30" s="110">
        <v>8941793</v>
      </c>
      <c r="OS30" s="130">
        <v>9440945</v>
      </c>
    </row>
    <row r="31" spans="2:409" ht="21" customHeight="1" x14ac:dyDescent="0.2">
      <c r="B31" s="437" t="s">
        <v>26</v>
      </c>
      <c r="C31" s="100">
        <v>93867</v>
      </c>
      <c r="D31" s="104">
        <v>34800</v>
      </c>
      <c r="E31" s="103">
        <v>128667</v>
      </c>
      <c r="F31" s="99">
        <v>0</v>
      </c>
      <c r="G31" s="104">
        <v>1221080</v>
      </c>
      <c r="H31" s="104">
        <v>770632</v>
      </c>
      <c r="I31" s="104">
        <v>1352619</v>
      </c>
      <c r="J31" s="104">
        <v>1541891</v>
      </c>
      <c r="K31" s="104">
        <v>603296</v>
      </c>
      <c r="L31" s="156">
        <v>5489518</v>
      </c>
      <c r="M31" s="106">
        <v>5618185</v>
      </c>
      <c r="N31" s="100">
        <v>17725</v>
      </c>
      <c r="O31" s="104">
        <v>0</v>
      </c>
      <c r="P31" s="103">
        <v>17725</v>
      </c>
      <c r="Q31" s="100">
        <v>0</v>
      </c>
      <c r="R31" s="104">
        <v>468020</v>
      </c>
      <c r="S31" s="104">
        <v>199972</v>
      </c>
      <c r="T31" s="104">
        <v>411274</v>
      </c>
      <c r="U31" s="104">
        <v>690899</v>
      </c>
      <c r="V31" s="104">
        <v>511316</v>
      </c>
      <c r="W31" s="103">
        <v>2281481</v>
      </c>
      <c r="X31" s="106">
        <v>2299206</v>
      </c>
      <c r="Y31" s="100">
        <v>0</v>
      </c>
      <c r="Z31" s="104">
        <v>0</v>
      </c>
      <c r="AA31" s="103">
        <v>0</v>
      </c>
      <c r="AB31" s="100">
        <v>0</v>
      </c>
      <c r="AC31" s="104">
        <v>301955</v>
      </c>
      <c r="AD31" s="104">
        <v>104977</v>
      </c>
      <c r="AE31" s="104">
        <v>284217</v>
      </c>
      <c r="AF31" s="104">
        <v>407568</v>
      </c>
      <c r="AG31" s="104">
        <v>274869</v>
      </c>
      <c r="AH31" s="103">
        <v>1373586</v>
      </c>
      <c r="AI31" s="106">
        <v>1373586</v>
      </c>
      <c r="AJ31" s="100">
        <v>0</v>
      </c>
      <c r="AK31" s="104">
        <v>0</v>
      </c>
      <c r="AL31" s="103">
        <v>0</v>
      </c>
      <c r="AM31" s="100">
        <v>0</v>
      </c>
      <c r="AN31" s="104">
        <v>0</v>
      </c>
      <c r="AO31" s="104">
        <v>0</v>
      </c>
      <c r="AP31" s="104">
        <v>0</v>
      </c>
      <c r="AQ31" s="104">
        <v>93534</v>
      </c>
      <c r="AR31" s="104">
        <v>0</v>
      </c>
      <c r="AS31" s="103">
        <v>93534</v>
      </c>
      <c r="AT31" s="106">
        <v>93534</v>
      </c>
      <c r="AU31" s="100">
        <v>9469</v>
      </c>
      <c r="AV31" s="104">
        <v>0</v>
      </c>
      <c r="AW31" s="103">
        <v>9469</v>
      </c>
      <c r="AX31" s="100">
        <v>0</v>
      </c>
      <c r="AY31" s="104">
        <v>142233</v>
      </c>
      <c r="AZ31" s="104">
        <v>45587</v>
      </c>
      <c r="BA31" s="104">
        <v>49801</v>
      </c>
      <c r="BB31" s="104">
        <v>108253</v>
      </c>
      <c r="BC31" s="104">
        <v>211655</v>
      </c>
      <c r="BD31" s="103">
        <v>557529</v>
      </c>
      <c r="BE31" s="106">
        <v>566998</v>
      </c>
      <c r="BF31" s="100">
        <v>0</v>
      </c>
      <c r="BG31" s="104">
        <v>0</v>
      </c>
      <c r="BH31" s="102">
        <v>0</v>
      </c>
      <c r="BI31" s="101">
        <v>0</v>
      </c>
      <c r="BJ31" s="104">
        <v>0</v>
      </c>
      <c r="BK31" s="104">
        <v>31600</v>
      </c>
      <c r="BL31" s="104">
        <v>0</v>
      </c>
      <c r="BM31" s="104">
        <v>0</v>
      </c>
      <c r="BN31" s="104">
        <v>0</v>
      </c>
      <c r="BO31" s="103">
        <v>31600</v>
      </c>
      <c r="BP31" s="106">
        <v>31600</v>
      </c>
      <c r="BQ31" s="100">
        <v>8256</v>
      </c>
      <c r="BR31" s="104">
        <v>0</v>
      </c>
      <c r="BS31" s="103">
        <v>8256</v>
      </c>
      <c r="BT31" s="100">
        <v>0</v>
      </c>
      <c r="BU31" s="104">
        <v>23832</v>
      </c>
      <c r="BV31" s="104">
        <v>17808</v>
      </c>
      <c r="BW31" s="104">
        <v>77256</v>
      </c>
      <c r="BX31" s="104">
        <v>81544</v>
      </c>
      <c r="BY31" s="104">
        <v>24792</v>
      </c>
      <c r="BZ31" s="103">
        <v>225232</v>
      </c>
      <c r="CA31" s="106">
        <v>233488</v>
      </c>
      <c r="CB31" s="100">
        <v>0</v>
      </c>
      <c r="CC31" s="104">
        <v>0</v>
      </c>
      <c r="CD31" s="103">
        <v>0</v>
      </c>
      <c r="CE31" s="100">
        <v>0</v>
      </c>
      <c r="CF31" s="104">
        <v>339299</v>
      </c>
      <c r="CG31" s="104">
        <v>317971</v>
      </c>
      <c r="CH31" s="104">
        <v>396349</v>
      </c>
      <c r="CI31" s="104">
        <v>575169</v>
      </c>
      <c r="CJ31" s="104">
        <v>0</v>
      </c>
      <c r="CK31" s="103">
        <v>1628788</v>
      </c>
      <c r="CL31" s="106">
        <v>1628788</v>
      </c>
      <c r="CM31" s="100">
        <v>0</v>
      </c>
      <c r="CN31" s="104">
        <v>0</v>
      </c>
      <c r="CO31" s="103">
        <v>0</v>
      </c>
      <c r="CP31" s="101">
        <v>0</v>
      </c>
      <c r="CQ31" s="104">
        <v>187071</v>
      </c>
      <c r="CR31" s="104">
        <v>227307</v>
      </c>
      <c r="CS31" s="104">
        <v>396349</v>
      </c>
      <c r="CT31" s="104">
        <v>496273</v>
      </c>
      <c r="CU31" s="104">
        <v>0</v>
      </c>
      <c r="CV31" s="103">
        <v>1307000</v>
      </c>
      <c r="CW31" s="106">
        <v>1307000</v>
      </c>
      <c r="CX31" s="100">
        <v>0</v>
      </c>
      <c r="CY31" s="104">
        <v>0</v>
      </c>
      <c r="CZ31" s="103">
        <v>0</v>
      </c>
      <c r="DA31" s="100">
        <v>0</v>
      </c>
      <c r="DB31" s="104">
        <v>152228</v>
      </c>
      <c r="DC31" s="104">
        <v>90664</v>
      </c>
      <c r="DD31" s="104">
        <v>0</v>
      </c>
      <c r="DE31" s="104">
        <v>78896</v>
      </c>
      <c r="DF31" s="104">
        <v>0</v>
      </c>
      <c r="DG31" s="103">
        <v>321788</v>
      </c>
      <c r="DH31" s="106">
        <v>321788</v>
      </c>
      <c r="DI31" s="100">
        <v>0</v>
      </c>
      <c r="DJ31" s="104">
        <v>0</v>
      </c>
      <c r="DK31" s="102">
        <v>0</v>
      </c>
      <c r="DL31" s="101">
        <v>0</v>
      </c>
      <c r="DM31" s="104">
        <v>108587</v>
      </c>
      <c r="DN31" s="104">
        <v>151209</v>
      </c>
      <c r="DO31" s="104">
        <v>81494</v>
      </c>
      <c r="DP31" s="104">
        <v>101303</v>
      </c>
      <c r="DQ31" s="104">
        <v>32172</v>
      </c>
      <c r="DR31" s="103">
        <v>474765</v>
      </c>
      <c r="DS31" s="106">
        <v>474765</v>
      </c>
      <c r="DT31" s="100">
        <v>0</v>
      </c>
      <c r="DU31" s="104">
        <v>0</v>
      </c>
      <c r="DV31" s="103">
        <v>0</v>
      </c>
      <c r="DW31" s="100">
        <v>0</v>
      </c>
      <c r="DX31" s="104">
        <v>108587</v>
      </c>
      <c r="DY31" s="104">
        <v>151209</v>
      </c>
      <c r="DZ31" s="104">
        <v>0</v>
      </c>
      <c r="EA31" s="104">
        <v>0</v>
      </c>
      <c r="EB31" s="104">
        <v>32172</v>
      </c>
      <c r="EC31" s="103">
        <v>291968</v>
      </c>
      <c r="ED31" s="106">
        <v>291968</v>
      </c>
      <c r="EE31" s="100">
        <v>0</v>
      </c>
      <c r="EF31" s="102">
        <v>0</v>
      </c>
      <c r="EG31" s="103">
        <v>0</v>
      </c>
      <c r="EH31" s="100">
        <v>0</v>
      </c>
      <c r="EI31" s="104">
        <v>0</v>
      </c>
      <c r="EJ31" s="104">
        <v>0</v>
      </c>
      <c r="EK31" s="104">
        <v>81494</v>
      </c>
      <c r="EL31" s="104">
        <v>101303</v>
      </c>
      <c r="EM31" s="104">
        <v>0</v>
      </c>
      <c r="EN31" s="102">
        <v>182797</v>
      </c>
      <c r="EO31" s="106">
        <v>182797</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06">
        <v>0</v>
      </c>
      <c r="FE31" s="104">
        <v>0</v>
      </c>
      <c r="FF31" s="104">
        <v>0</v>
      </c>
      <c r="FG31" s="104">
        <v>0</v>
      </c>
      <c r="FH31" s="104">
        <v>0</v>
      </c>
      <c r="FI31" s="104">
        <v>0</v>
      </c>
      <c r="FJ31" s="103">
        <v>0</v>
      </c>
      <c r="FK31" s="106">
        <v>0</v>
      </c>
      <c r="FL31" s="100">
        <v>22112</v>
      </c>
      <c r="FM31" s="104">
        <v>34800</v>
      </c>
      <c r="FN31" s="103">
        <v>56912</v>
      </c>
      <c r="FO31" s="100">
        <v>0</v>
      </c>
      <c r="FP31" s="104">
        <v>147600</v>
      </c>
      <c r="FQ31" s="104">
        <v>101480</v>
      </c>
      <c r="FR31" s="104">
        <v>65784</v>
      </c>
      <c r="FS31" s="104">
        <v>174520</v>
      </c>
      <c r="FT31" s="104">
        <v>59808</v>
      </c>
      <c r="FU31" s="103">
        <v>549192</v>
      </c>
      <c r="FV31" s="106">
        <v>606104</v>
      </c>
      <c r="FW31" s="105">
        <v>22112</v>
      </c>
      <c r="FX31" s="104">
        <v>34800</v>
      </c>
      <c r="FY31" s="102">
        <v>56912</v>
      </c>
      <c r="FZ31" s="101">
        <v>0</v>
      </c>
      <c r="GA31" s="104">
        <v>147600</v>
      </c>
      <c r="GB31" s="104">
        <v>101480</v>
      </c>
      <c r="GC31" s="104">
        <v>65784</v>
      </c>
      <c r="GD31" s="104">
        <v>174520</v>
      </c>
      <c r="GE31" s="104">
        <v>59808</v>
      </c>
      <c r="GF31" s="103">
        <v>549192</v>
      </c>
      <c r="GG31" s="290">
        <v>606104</v>
      </c>
      <c r="GH31" s="105">
        <v>0</v>
      </c>
      <c r="GI31" s="104">
        <v>0</v>
      </c>
      <c r="GJ31" s="102">
        <v>0</v>
      </c>
      <c r="GK31" s="101">
        <v>0</v>
      </c>
      <c r="GL31" s="104">
        <v>0</v>
      </c>
      <c r="GM31" s="104">
        <v>0</v>
      </c>
      <c r="GN31" s="104">
        <v>0</v>
      </c>
      <c r="GO31" s="104">
        <v>0</v>
      </c>
      <c r="GP31" s="104">
        <v>0</v>
      </c>
      <c r="GQ31" s="103">
        <v>0</v>
      </c>
      <c r="GR31" s="106">
        <v>0</v>
      </c>
      <c r="GS31" s="100">
        <v>0</v>
      </c>
      <c r="GT31" s="104">
        <v>0</v>
      </c>
      <c r="GU31" s="103">
        <v>0</v>
      </c>
      <c r="GV31" s="100">
        <v>0</v>
      </c>
      <c r="GW31" s="104">
        <v>0</v>
      </c>
      <c r="GX31" s="104">
        <v>0</v>
      </c>
      <c r="GY31" s="104">
        <v>0</v>
      </c>
      <c r="GZ31" s="104">
        <v>0</v>
      </c>
      <c r="HA31" s="104">
        <v>0</v>
      </c>
      <c r="HB31" s="102">
        <v>0</v>
      </c>
      <c r="HC31" s="106">
        <v>0</v>
      </c>
      <c r="HD31" s="100">
        <v>54030</v>
      </c>
      <c r="HE31" s="104">
        <v>0</v>
      </c>
      <c r="HF31" s="102">
        <v>54030</v>
      </c>
      <c r="HG31" s="101">
        <v>0</v>
      </c>
      <c r="HH31" s="104">
        <v>157574</v>
      </c>
      <c r="HI31" s="104">
        <v>0</v>
      </c>
      <c r="HJ31" s="104">
        <v>397718</v>
      </c>
      <c r="HK31" s="104">
        <v>0</v>
      </c>
      <c r="HL31" s="104">
        <v>0</v>
      </c>
      <c r="HM31" s="103">
        <v>555292</v>
      </c>
      <c r="HN31" s="99">
        <v>609322</v>
      </c>
      <c r="HO31" s="456">
        <v>0</v>
      </c>
      <c r="HP31" s="457">
        <v>0</v>
      </c>
      <c r="HQ31" s="458">
        <v>0</v>
      </c>
      <c r="HR31" s="459">
        <v>0</v>
      </c>
      <c r="HS31" s="457">
        <v>0</v>
      </c>
      <c r="HT31" s="457">
        <v>0</v>
      </c>
      <c r="HU31" s="457">
        <v>0</v>
      </c>
      <c r="HV31" s="457">
        <v>0</v>
      </c>
      <c r="HW31" s="457">
        <v>0</v>
      </c>
      <c r="HX31" s="460">
        <v>0</v>
      </c>
      <c r="HY31" s="461">
        <v>0</v>
      </c>
      <c r="HZ31" s="118">
        <v>0</v>
      </c>
      <c r="IA31" s="119">
        <v>0</v>
      </c>
      <c r="IB31" s="120">
        <v>0</v>
      </c>
      <c r="IC31" s="131">
        <v>0</v>
      </c>
      <c r="ID31" s="119">
        <v>321727</v>
      </c>
      <c r="IE31" s="132">
        <v>172006</v>
      </c>
      <c r="IF31" s="120">
        <v>407465</v>
      </c>
      <c r="IG31" s="119">
        <v>556838</v>
      </c>
      <c r="IH31" s="120">
        <v>272947</v>
      </c>
      <c r="II31" s="133">
        <v>1730983</v>
      </c>
      <c r="IJ31" s="126">
        <v>1730983</v>
      </c>
      <c r="IK31" s="215">
        <v>0</v>
      </c>
      <c r="IL31" s="219">
        <v>0</v>
      </c>
      <c r="IM31" s="220">
        <v>0</v>
      </c>
      <c r="IN31" s="470">
        <v>0</v>
      </c>
      <c r="IO31" s="109">
        <v>0</v>
      </c>
      <c r="IP31" s="109">
        <v>0</v>
      </c>
      <c r="IQ31" s="109">
        <v>0</v>
      </c>
      <c r="IR31" s="109">
        <v>0</v>
      </c>
      <c r="IS31" s="109">
        <v>0</v>
      </c>
      <c r="IT31" s="128">
        <v>0</v>
      </c>
      <c r="IU31" s="292">
        <v>0</v>
      </c>
      <c r="IV31" s="129">
        <v>0</v>
      </c>
      <c r="IW31" s="109">
        <v>0</v>
      </c>
      <c r="IX31" s="110">
        <v>0</v>
      </c>
      <c r="IY31" s="470">
        <v>0</v>
      </c>
      <c r="IZ31" s="109">
        <v>0</v>
      </c>
      <c r="JA31" s="109">
        <v>0</v>
      </c>
      <c r="JB31" s="109">
        <v>0</v>
      </c>
      <c r="JC31" s="109">
        <v>0</v>
      </c>
      <c r="JD31" s="109">
        <v>0</v>
      </c>
      <c r="JE31" s="110">
        <v>0</v>
      </c>
      <c r="JF31" s="111">
        <v>0</v>
      </c>
      <c r="JG31" s="129">
        <v>0</v>
      </c>
      <c r="JH31" s="109">
        <v>0</v>
      </c>
      <c r="JI31" s="128">
        <v>0</v>
      </c>
      <c r="JJ31" s="108">
        <v>0</v>
      </c>
      <c r="JK31" s="109">
        <v>321727</v>
      </c>
      <c r="JL31" s="109">
        <v>142702</v>
      </c>
      <c r="JM31" s="109">
        <v>41383</v>
      </c>
      <c r="JN31" s="109">
        <v>38968</v>
      </c>
      <c r="JO31" s="109">
        <v>88272</v>
      </c>
      <c r="JP31" s="110">
        <v>633052</v>
      </c>
      <c r="JQ31" s="292">
        <v>633052</v>
      </c>
      <c r="JR31" s="129">
        <v>0</v>
      </c>
      <c r="JS31" s="109">
        <v>0</v>
      </c>
      <c r="JT31" s="128">
        <v>0</v>
      </c>
      <c r="JU31" s="108">
        <v>0</v>
      </c>
      <c r="JV31" s="109">
        <v>0</v>
      </c>
      <c r="JW31" s="109">
        <v>29304</v>
      </c>
      <c r="JX31" s="109">
        <v>117984</v>
      </c>
      <c r="JY31" s="109">
        <v>0</v>
      </c>
      <c r="JZ31" s="109">
        <v>0</v>
      </c>
      <c r="KA31" s="110">
        <v>147288</v>
      </c>
      <c r="KB31" s="292">
        <v>147288</v>
      </c>
      <c r="KC31" s="217">
        <v>0</v>
      </c>
      <c r="KD31" s="213">
        <v>0</v>
      </c>
      <c r="KE31" s="110">
        <v>0</v>
      </c>
      <c r="KF31" s="108">
        <v>0</v>
      </c>
      <c r="KG31" s="109">
        <v>0</v>
      </c>
      <c r="KH31" s="109">
        <v>0</v>
      </c>
      <c r="KI31" s="109">
        <v>0</v>
      </c>
      <c r="KJ31" s="109">
        <v>0</v>
      </c>
      <c r="KK31" s="109">
        <v>184675</v>
      </c>
      <c r="KL31" s="110">
        <v>184675</v>
      </c>
      <c r="KM31" s="130">
        <v>184675</v>
      </c>
      <c r="KN31" s="215">
        <v>0</v>
      </c>
      <c r="KO31" s="219">
        <v>0</v>
      </c>
      <c r="KP31" s="220">
        <v>0</v>
      </c>
      <c r="KQ31" s="470">
        <v>0</v>
      </c>
      <c r="KR31" s="109">
        <v>0</v>
      </c>
      <c r="KS31" s="109">
        <v>0</v>
      </c>
      <c r="KT31" s="109">
        <v>248098</v>
      </c>
      <c r="KU31" s="109">
        <v>517870</v>
      </c>
      <c r="KV31" s="109">
        <v>0</v>
      </c>
      <c r="KW31" s="110">
        <v>765968</v>
      </c>
      <c r="KX31" s="292">
        <v>765968</v>
      </c>
      <c r="KY31" s="129">
        <v>0</v>
      </c>
      <c r="KZ31" s="109">
        <v>0</v>
      </c>
      <c r="LA31" s="110">
        <v>0</v>
      </c>
      <c r="LB31" s="470">
        <v>0</v>
      </c>
      <c r="LC31" s="109">
        <v>0</v>
      </c>
      <c r="LD31" s="109">
        <v>0</v>
      </c>
      <c r="LE31" s="109">
        <v>0</v>
      </c>
      <c r="LF31" s="109">
        <v>0</v>
      </c>
      <c r="LG31" s="109">
        <v>0</v>
      </c>
      <c r="LH31" s="110">
        <v>0</v>
      </c>
      <c r="LI31" s="111">
        <v>0</v>
      </c>
      <c r="LJ31" s="129">
        <v>0</v>
      </c>
      <c r="LK31" s="109">
        <v>0</v>
      </c>
      <c r="LL31" s="110">
        <v>0</v>
      </c>
      <c r="LM31" s="470">
        <v>0</v>
      </c>
      <c r="LN31" s="109">
        <v>0</v>
      </c>
      <c r="LO31" s="109">
        <v>0</v>
      </c>
      <c r="LP31" s="109">
        <v>0</v>
      </c>
      <c r="LQ31" s="109">
        <v>0</v>
      </c>
      <c r="LR31" s="109">
        <v>0</v>
      </c>
      <c r="LS31" s="110">
        <v>0</v>
      </c>
      <c r="LT31" s="292">
        <v>0</v>
      </c>
      <c r="LU31" s="129">
        <v>0</v>
      </c>
      <c r="LV31" s="109">
        <v>0</v>
      </c>
      <c r="LW31" s="110">
        <v>0</v>
      </c>
      <c r="LX31" s="470">
        <v>0</v>
      </c>
      <c r="LY31" s="109">
        <v>0</v>
      </c>
      <c r="LZ31" s="109">
        <v>0</v>
      </c>
      <c r="MA31" s="109">
        <v>0</v>
      </c>
      <c r="MB31" s="109">
        <v>0</v>
      </c>
      <c r="MC31" s="109">
        <v>0</v>
      </c>
      <c r="MD31" s="110">
        <v>0</v>
      </c>
      <c r="ME31" s="111">
        <v>0</v>
      </c>
      <c r="MF31" s="129">
        <v>0</v>
      </c>
      <c r="MG31" s="109">
        <v>0</v>
      </c>
      <c r="MH31" s="110">
        <v>0</v>
      </c>
      <c r="MI31" s="470">
        <v>0</v>
      </c>
      <c r="MJ31" s="109">
        <v>0</v>
      </c>
      <c r="MK31" s="109">
        <v>154082</v>
      </c>
      <c r="ML31" s="109">
        <v>1000844</v>
      </c>
      <c r="MM31" s="109">
        <v>532500</v>
      </c>
      <c r="MN31" s="109">
        <v>568030</v>
      </c>
      <c r="MO31" s="110">
        <v>2255456</v>
      </c>
      <c r="MP31" s="130">
        <v>2255456</v>
      </c>
      <c r="MQ31" s="129">
        <v>0</v>
      </c>
      <c r="MR31" s="109">
        <v>0</v>
      </c>
      <c r="MS31" s="110">
        <v>0</v>
      </c>
      <c r="MT31" s="470">
        <v>0</v>
      </c>
      <c r="MU31" s="109">
        <v>0</v>
      </c>
      <c r="MV31" s="109">
        <v>0</v>
      </c>
      <c r="MW31" s="109">
        <v>489466</v>
      </c>
      <c r="MX31" s="109">
        <v>532500</v>
      </c>
      <c r="MY31" s="109">
        <v>568030</v>
      </c>
      <c r="MZ31" s="110">
        <v>1589996</v>
      </c>
      <c r="NA31" s="130">
        <v>1589996</v>
      </c>
      <c r="NB31" s="129">
        <v>0</v>
      </c>
      <c r="NC31" s="109">
        <v>0</v>
      </c>
      <c r="ND31" s="110">
        <v>0</v>
      </c>
      <c r="NE31" s="470">
        <v>0</v>
      </c>
      <c r="NF31" s="109">
        <v>0</v>
      </c>
      <c r="NG31" s="109">
        <v>154082</v>
      </c>
      <c r="NH31" s="109">
        <v>511378</v>
      </c>
      <c r="NI31" s="109">
        <v>0</v>
      </c>
      <c r="NJ31" s="109">
        <v>0</v>
      </c>
      <c r="NK31" s="110">
        <v>665460</v>
      </c>
      <c r="NL31" s="292">
        <v>665460</v>
      </c>
      <c r="NM31" s="129">
        <v>0</v>
      </c>
      <c r="NN31" s="109">
        <v>0</v>
      </c>
      <c r="NO31" s="110">
        <v>0</v>
      </c>
      <c r="NP31" s="470">
        <v>0</v>
      </c>
      <c r="NQ31" s="109">
        <v>0</v>
      </c>
      <c r="NR31" s="109">
        <v>0</v>
      </c>
      <c r="NS31" s="109">
        <v>0</v>
      </c>
      <c r="NT31" s="109">
        <v>0</v>
      </c>
      <c r="NU31" s="109">
        <v>0</v>
      </c>
      <c r="NV31" s="110">
        <v>0</v>
      </c>
      <c r="NW31" s="111">
        <v>0</v>
      </c>
      <c r="NX31" s="129">
        <v>0</v>
      </c>
      <c r="NY31" s="109">
        <v>0</v>
      </c>
      <c r="NZ31" s="110">
        <v>0</v>
      </c>
      <c r="OA31" s="470">
        <v>0</v>
      </c>
      <c r="OB31" s="109">
        <v>0</v>
      </c>
      <c r="OC31" s="109">
        <v>0</v>
      </c>
      <c r="OD31" s="109">
        <v>0</v>
      </c>
      <c r="OE31" s="109">
        <v>0</v>
      </c>
      <c r="OF31" s="109">
        <v>0</v>
      </c>
      <c r="OG31" s="110">
        <v>0</v>
      </c>
      <c r="OH31" s="111">
        <v>0</v>
      </c>
      <c r="OI31" s="129">
        <v>93867</v>
      </c>
      <c r="OJ31" s="109">
        <v>34800</v>
      </c>
      <c r="OK31" s="128">
        <v>128667</v>
      </c>
      <c r="OL31" s="108">
        <v>0</v>
      </c>
      <c r="OM31" s="109">
        <v>1542807</v>
      </c>
      <c r="ON31" s="109">
        <v>1096720</v>
      </c>
      <c r="OO31" s="109">
        <v>2760928</v>
      </c>
      <c r="OP31" s="109">
        <v>2631229</v>
      </c>
      <c r="OQ31" s="109">
        <v>1444273</v>
      </c>
      <c r="OR31" s="110">
        <v>9475957</v>
      </c>
      <c r="OS31" s="130">
        <v>9604624</v>
      </c>
    </row>
    <row r="32" spans="2:409" ht="21" customHeight="1" x14ac:dyDescent="0.2">
      <c r="B32" s="437" t="s">
        <v>27</v>
      </c>
      <c r="C32" s="100">
        <v>105253</v>
      </c>
      <c r="D32" s="104">
        <v>228657</v>
      </c>
      <c r="E32" s="103">
        <v>333910</v>
      </c>
      <c r="F32" s="99">
        <v>0</v>
      </c>
      <c r="G32" s="104">
        <v>1293064</v>
      </c>
      <c r="H32" s="104">
        <v>958448</v>
      </c>
      <c r="I32" s="104">
        <v>997549</v>
      </c>
      <c r="J32" s="104">
        <v>1872004</v>
      </c>
      <c r="K32" s="104">
        <v>608214</v>
      </c>
      <c r="L32" s="156">
        <v>5729279</v>
      </c>
      <c r="M32" s="106">
        <v>6063189</v>
      </c>
      <c r="N32" s="100">
        <v>15056</v>
      </c>
      <c r="O32" s="104">
        <v>118136</v>
      </c>
      <c r="P32" s="103">
        <v>133192</v>
      </c>
      <c r="Q32" s="100">
        <v>0</v>
      </c>
      <c r="R32" s="104">
        <v>363573</v>
      </c>
      <c r="S32" s="104">
        <v>381787</v>
      </c>
      <c r="T32" s="104">
        <v>418093</v>
      </c>
      <c r="U32" s="104">
        <v>532846</v>
      </c>
      <c r="V32" s="104">
        <v>585206</v>
      </c>
      <c r="W32" s="103">
        <v>2281505</v>
      </c>
      <c r="X32" s="106">
        <v>2414697</v>
      </c>
      <c r="Y32" s="100">
        <v>0</v>
      </c>
      <c r="Z32" s="104">
        <v>0</v>
      </c>
      <c r="AA32" s="103">
        <v>0</v>
      </c>
      <c r="AB32" s="100">
        <v>0</v>
      </c>
      <c r="AC32" s="104">
        <v>69761</v>
      </c>
      <c r="AD32" s="104">
        <v>203647</v>
      </c>
      <c r="AE32" s="104">
        <v>305917</v>
      </c>
      <c r="AF32" s="104">
        <v>278419</v>
      </c>
      <c r="AG32" s="104">
        <v>415309</v>
      </c>
      <c r="AH32" s="103">
        <v>1273053</v>
      </c>
      <c r="AI32" s="106">
        <v>1273053</v>
      </c>
      <c r="AJ32" s="100">
        <v>0</v>
      </c>
      <c r="AK32" s="104">
        <v>0</v>
      </c>
      <c r="AL32" s="103">
        <v>0</v>
      </c>
      <c r="AM32" s="100">
        <v>0</v>
      </c>
      <c r="AN32" s="104">
        <v>0</v>
      </c>
      <c r="AO32" s="104">
        <v>0</v>
      </c>
      <c r="AP32" s="104">
        <v>0</v>
      </c>
      <c r="AQ32" s="104">
        <v>0</v>
      </c>
      <c r="AR32" s="104">
        <v>0</v>
      </c>
      <c r="AS32" s="103">
        <v>0</v>
      </c>
      <c r="AT32" s="106">
        <v>0</v>
      </c>
      <c r="AU32" s="100">
        <v>0</v>
      </c>
      <c r="AV32" s="104">
        <v>105528</v>
      </c>
      <c r="AW32" s="103">
        <v>105528</v>
      </c>
      <c r="AX32" s="100">
        <v>0</v>
      </c>
      <c r="AY32" s="104">
        <v>246516</v>
      </c>
      <c r="AZ32" s="104">
        <v>101900</v>
      </c>
      <c r="BA32" s="104">
        <v>62000</v>
      </c>
      <c r="BB32" s="104">
        <v>196963</v>
      </c>
      <c r="BC32" s="104">
        <v>145497</v>
      </c>
      <c r="BD32" s="103">
        <v>752876</v>
      </c>
      <c r="BE32" s="106">
        <v>858404</v>
      </c>
      <c r="BF32" s="100">
        <v>0</v>
      </c>
      <c r="BG32" s="104">
        <v>0</v>
      </c>
      <c r="BH32" s="102">
        <v>0</v>
      </c>
      <c r="BI32" s="101">
        <v>0</v>
      </c>
      <c r="BJ32" s="104">
        <v>0</v>
      </c>
      <c r="BK32" s="104">
        <v>31600</v>
      </c>
      <c r="BL32" s="104">
        <v>0</v>
      </c>
      <c r="BM32" s="104">
        <v>0</v>
      </c>
      <c r="BN32" s="104">
        <v>0</v>
      </c>
      <c r="BO32" s="103">
        <v>31600</v>
      </c>
      <c r="BP32" s="106">
        <v>31600</v>
      </c>
      <c r="BQ32" s="100">
        <v>15056</v>
      </c>
      <c r="BR32" s="104">
        <v>12608</v>
      </c>
      <c r="BS32" s="103">
        <v>27664</v>
      </c>
      <c r="BT32" s="100">
        <v>0</v>
      </c>
      <c r="BU32" s="104">
        <v>47296</v>
      </c>
      <c r="BV32" s="104">
        <v>44640</v>
      </c>
      <c r="BW32" s="104">
        <v>50176</v>
      </c>
      <c r="BX32" s="104">
        <v>57464</v>
      </c>
      <c r="BY32" s="104">
        <v>24400</v>
      </c>
      <c r="BZ32" s="103">
        <v>223976</v>
      </c>
      <c r="CA32" s="106">
        <v>251640</v>
      </c>
      <c r="CB32" s="100">
        <v>21948</v>
      </c>
      <c r="CC32" s="104">
        <v>39881</v>
      </c>
      <c r="CD32" s="103">
        <v>61829</v>
      </c>
      <c r="CE32" s="100">
        <v>0</v>
      </c>
      <c r="CF32" s="104">
        <v>565307</v>
      </c>
      <c r="CG32" s="104">
        <v>416213</v>
      </c>
      <c r="CH32" s="104">
        <v>381652</v>
      </c>
      <c r="CI32" s="104">
        <v>379361</v>
      </c>
      <c r="CJ32" s="104">
        <v>0</v>
      </c>
      <c r="CK32" s="103">
        <v>1742533</v>
      </c>
      <c r="CL32" s="106">
        <v>1804362</v>
      </c>
      <c r="CM32" s="100">
        <v>0</v>
      </c>
      <c r="CN32" s="104">
        <v>0</v>
      </c>
      <c r="CO32" s="103">
        <v>0</v>
      </c>
      <c r="CP32" s="101">
        <v>0</v>
      </c>
      <c r="CQ32" s="104">
        <v>438639</v>
      </c>
      <c r="CR32" s="104">
        <v>268282</v>
      </c>
      <c r="CS32" s="104">
        <v>306467</v>
      </c>
      <c r="CT32" s="104">
        <v>379361</v>
      </c>
      <c r="CU32" s="104">
        <v>0</v>
      </c>
      <c r="CV32" s="103">
        <v>1392749</v>
      </c>
      <c r="CW32" s="106">
        <v>1392749</v>
      </c>
      <c r="CX32" s="100">
        <v>21948</v>
      </c>
      <c r="CY32" s="104">
        <v>39881</v>
      </c>
      <c r="CZ32" s="103">
        <v>61829</v>
      </c>
      <c r="DA32" s="100">
        <v>0</v>
      </c>
      <c r="DB32" s="104">
        <v>126668</v>
      </c>
      <c r="DC32" s="104">
        <v>147931</v>
      </c>
      <c r="DD32" s="104">
        <v>75185</v>
      </c>
      <c r="DE32" s="104">
        <v>0</v>
      </c>
      <c r="DF32" s="104">
        <v>0</v>
      </c>
      <c r="DG32" s="103">
        <v>349784</v>
      </c>
      <c r="DH32" s="106">
        <v>411613</v>
      </c>
      <c r="DI32" s="100">
        <v>0</v>
      </c>
      <c r="DJ32" s="104">
        <v>0</v>
      </c>
      <c r="DK32" s="102">
        <v>0</v>
      </c>
      <c r="DL32" s="101">
        <v>0</v>
      </c>
      <c r="DM32" s="104">
        <v>16060</v>
      </c>
      <c r="DN32" s="104">
        <v>0</v>
      </c>
      <c r="DO32" s="104">
        <v>97068</v>
      </c>
      <c r="DP32" s="104">
        <v>35768</v>
      </c>
      <c r="DQ32" s="104">
        <v>0</v>
      </c>
      <c r="DR32" s="103">
        <v>148896</v>
      </c>
      <c r="DS32" s="106">
        <v>148896</v>
      </c>
      <c r="DT32" s="100">
        <v>0</v>
      </c>
      <c r="DU32" s="104">
        <v>0</v>
      </c>
      <c r="DV32" s="103">
        <v>0</v>
      </c>
      <c r="DW32" s="100">
        <v>0</v>
      </c>
      <c r="DX32" s="104">
        <v>16060</v>
      </c>
      <c r="DY32" s="104">
        <v>0</v>
      </c>
      <c r="DZ32" s="104">
        <v>97068</v>
      </c>
      <c r="EA32" s="104">
        <v>35768</v>
      </c>
      <c r="EB32" s="104">
        <v>0</v>
      </c>
      <c r="EC32" s="103">
        <v>148896</v>
      </c>
      <c r="ED32" s="106">
        <v>148896</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06">
        <v>0</v>
      </c>
      <c r="FE32" s="104">
        <v>0</v>
      </c>
      <c r="FF32" s="104">
        <v>0</v>
      </c>
      <c r="FG32" s="104">
        <v>0</v>
      </c>
      <c r="FH32" s="104">
        <v>0</v>
      </c>
      <c r="FI32" s="104">
        <v>0</v>
      </c>
      <c r="FJ32" s="103">
        <v>0</v>
      </c>
      <c r="FK32" s="106">
        <v>0</v>
      </c>
      <c r="FL32" s="100">
        <v>15840</v>
      </c>
      <c r="FM32" s="104">
        <v>70640</v>
      </c>
      <c r="FN32" s="103">
        <v>86480</v>
      </c>
      <c r="FO32" s="100">
        <v>0</v>
      </c>
      <c r="FP32" s="104">
        <v>29200</v>
      </c>
      <c r="FQ32" s="104">
        <v>160448</v>
      </c>
      <c r="FR32" s="104">
        <v>100736</v>
      </c>
      <c r="FS32" s="104">
        <v>67424</v>
      </c>
      <c r="FT32" s="104">
        <v>23008</v>
      </c>
      <c r="FU32" s="103">
        <v>380816</v>
      </c>
      <c r="FV32" s="106">
        <v>467296</v>
      </c>
      <c r="FW32" s="105">
        <v>15840</v>
      </c>
      <c r="FX32" s="104">
        <v>70640</v>
      </c>
      <c r="FY32" s="102">
        <v>86480</v>
      </c>
      <c r="FZ32" s="101">
        <v>0</v>
      </c>
      <c r="GA32" s="104">
        <v>29200</v>
      </c>
      <c r="GB32" s="104">
        <v>160448</v>
      </c>
      <c r="GC32" s="104">
        <v>100736</v>
      </c>
      <c r="GD32" s="104">
        <v>67424</v>
      </c>
      <c r="GE32" s="104">
        <v>23008</v>
      </c>
      <c r="GF32" s="103">
        <v>380816</v>
      </c>
      <c r="GG32" s="290">
        <v>467296</v>
      </c>
      <c r="GH32" s="105">
        <v>0</v>
      </c>
      <c r="GI32" s="104">
        <v>0</v>
      </c>
      <c r="GJ32" s="102">
        <v>0</v>
      </c>
      <c r="GK32" s="101">
        <v>0</v>
      </c>
      <c r="GL32" s="104">
        <v>0</v>
      </c>
      <c r="GM32" s="104">
        <v>0</v>
      </c>
      <c r="GN32" s="104">
        <v>0</v>
      </c>
      <c r="GO32" s="104">
        <v>0</v>
      </c>
      <c r="GP32" s="104">
        <v>0</v>
      </c>
      <c r="GQ32" s="103">
        <v>0</v>
      </c>
      <c r="GR32" s="106">
        <v>0</v>
      </c>
      <c r="GS32" s="100">
        <v>0</v>
      </c>
      <c r="GT32" s="104">
        <v>0</v>
      </c>
      <c r="GU32" s="103">
        <v>0</v>
      </c>
      <c r="GV32" s="100">
        <v>0</v>
      </c>
      <c r="GW32" s="104">
        <v>0</v>
      </c>
      <c r="GX32" s="104">
        <v>0</v>
      </c>
      <c r="GY32" s="104">
        <v>0</v>
      </c>
      <c r="GZ32" s="104">
        <v>0</v>
      </c>
      <c r="HA32" s="104">
        <v>0</v>
      </c>
      <c r="HB32" s="102">
        <v>0</v>
      </c>
      <c r="HC32" s="106">
        <v>0</v>
      </c>
      <c r="HD32" s="100">
        <v>52409</v>
      </c>
      <c r="HE32" s="104">
        <v>0</v>
      </c>
      <c r="HF32" s="102">
        <v>52409</v>
      </c>
      <c r="HG32" s="101">
        <v>0</v>
      </c>
      <c r="HH32" s="104">
        <v>318924</v>
      </c>
      <c r="HI32" s="104">
        <v>0</v>
      </c>
      <c r="HJ32" s="104">
        <v>0</v>
      </c>
      <c r="HK32" s="104">
        <v>856605</v>
      </c>
      <c r="HL32" s="104">
        <v>0</v>
      </c>
      <c r="HM32" s="103">
        <v>1175529</v>
      </c>
      <c r="HN32" s="99">
        <v>1227938</v>
      </c>
      <c r="HO32" s="456">
        <v>0</v>
      </c>
      <c r="HP32" s="457">
        <v>0</v>
      </c>
      <c r="HQ32" s="458">
        <v>0</v>
      </c>
      <c r="HR32" s="459">
        <v>0</v>
      </c>
      <c r="HS32" s="457">
        <v>0</v>
      </c>
      <c r="HT32" s="457">
        <v>0</v>
      </c>
      <c r="HU32" s="457">
        <v>0</v>
      </c>
      <c r="HV32" s="457">
        <v>0</v>
      </c>
      <c r="HW32" s="457">
        <v>0</v>
      </c>
      <c r="HX32" s="460">
        <v>0</v>
      </c>
      <c r="HY32" s="461">
        <v>0</v>
      </c>
      <c r="HZ32" s="135">
        <v>0</v>
      </c>
      <c r="IA32" s="122">
        <v>0</v>
      </c>
      <c r="IB32" s="135">
        <v>0</v>
      </c>
      <c r="IC32" s="121">
        <v>0</v>
      </c>
      <c r="ID32" s="122">
        <v>0</v>
      </c>
      <c r="IE32" s="123">
        <v>171532</v>
      </c>
      <c r="IF32" s="124">
        <v>909939</v>
      </c>
      <c r="IG32" s="122">
        <v>251008</v>
      </c>
      <c r="IH32" s="124">
        <v>0</v>
      </c>
      <c r="II32" s="125">
        <v>1332479</v>
      </c>
      <c r="IJ32" s="135">
        <v>1332479</v>
      </c>
      <c r="IK32" s="215">
        <v>0</v>
      </c>
      <c r="IL32" s="219">
        <v>0</v>
      </c>
      <c r="IM32" s="220">
        <v>0</v>
      </c>
      <c r="IN32" s="470">
        <v>0</v>
      </c>
      <c r="IO32" s="109">
        <v>0</v>
      </c>
      <c r="IP32" s="109">
        <v>0</v>
      </c>
      <c r="IQ32" s="109">
        <v>175496</v>
      </c>
      <c r="IR32" s="109">
        <v>0</v>
      </c>
      <c r="IS32" s="109">
        <v>0</v>
      </c>
      <c r="IT32" s="128">
        <v>175496</v>
      </c>
      <c r="IU32" s="292">
        <v>175496</v>
      </c>
      <c r="IV32" s="129">
        <v>0</v>
      </c>
      <c r="IW32" s="109">
        <v>0</v>
      </c>
      <c r="IX32" s="110">
        <v>0</v>
      </c>
      <c r="IY32" s="470">
        <v>0</v>
      </c>
      <c r="IZ32" s="109">
        <v>0</v>
      </c>
      <c r="JA32" s="109">
        <v>0</v>
      </c>
      <c r="JB32" s="109">
        <v>0</v>
      </c>
      <c r="JC32" s="109">
        <v>0</v>
      </c>
      <c r="JD32" s="109">
        <v>0</v>
      </c>
      <c r="JE32" s="110">
        <v>0</v>
      </c>
      <c r="JF32" s="111">
        <v>0</v>
      </c>
      <c r="JG32" s="129">
        <v>0</v>
      </c>
      <c r="JH32" s="109">
        <v>0</v>
      </c>
      <c r="JI32" s="128">
        <v>0</v>
      </c>
      <c r="JJ32" s="108">
        <v>0</v>
      </c>
      <c r="JK32" s="109">
        <v>0</v>
      </c>
      <c r="JL32" s="109">
        <v>30070</v>
      </c>
      <c r="JM32" s="109">
        <v>0</v>
      </c>
      <c r="JN32" s="109">
        <v>0</v>
      </c>
      <c r="JO32" s="109">
        <v>0</v>
      </c>
      <c r="JP32" s="110">
        <v>30070</v>
      </c>
      <c r="JQ32" s="292">
        <v>30070</v>
      </c>
      <c r="JR32" s="129">
        <v>0</v>
      </c>
      <c r="JS32" s="109">
        <v>0</v>
      </c>
      <c r="JT32" s="128">
        <v>0</v>
      </c>
      <c r="JU32" s="108">
        <v>0</v>
      </c>
      <c r="JV32" s="109">
        <v>0</v>
      </c>
      <c r="JW32" s="109">
        <v>0</v>
      </c>
      <c r="JX32" s="109">
        <v>0</v>
      </c>
      <c r="JY32" s="109">
        <v>251008</v>
      </c>
      <c r="JZ32" s="109">
        <v>0</v>
      </c>
      <c r="KA32" s="110">
        <v>251008</v>
      </c>
      <c r="KB32" s="292">
        <v>251008</v>
      </c>
      <c r="KC32" s="217">
        <v>0</v>
      </c>
      <c r="KD32" s="213">
        <v>0</v>
      </c>
      <c r="KE32" s="110">
        <v>0</v>
      </c>
      <c r="KF32" s="108">
        <v>0</v>
      </c>
      <c r="KG32" s="109">
        <v>0</v>
      </c>
      <c r="KH32" s="109">
        <v>141462</v>
      </c>
      <c r="KI32" s="109">
        <v>0</v>
      </c>
      <c r="KJ32" s="109">
        <v>0</v>
      </c>
      <c r="KK32" s="109">
        <v>0</v>
      </c>
      <c r="KL32" s="110">
        <v>141462</v>
      </c>
      <c r="KM32" s="130">
        <v>141462</v>
      </c>
      <c r="KN32" s="215">
        <v>0</v>
      </c>
      <c r="KO32" s="219">
        <v>0</v>
      </c>
      <c r="KP32" s="220">
        <v>0</v>
      </c>
      <c r="KQ32" s="470">
        <v>0</v>
      </c>
      <c r="KR32" s="109">
        <v>0</v>
      </c>
      <c r="KS32" s="109">
        <v>0</v>
      </c>
      <c r="KT32" s="109">
        <v>504478</v>
      </c>
      <c r="KU32" s="109">
        <v>0</v>
      </c>
      <c r="KV32" s="109">
        <v>0</v>
      </c>
      <c r="KW32" s="110">
        <v>504478</v>
      </c>
      <c r="KX32" s="292">
        <v>504478</v>
      </c>
      <c r="KY32" s="129">
        <v>0</v>
      </c>
      <c r="KZ32" s="109">
        <v>0</v>
      </c>
      <c r="LA32" s="110">
        <v>0</v>
      </c>
      <c r="LB32" s="470">
        <v>0</v>
      </c>
      <c r="LC32" s="109">
        <v>0</v>
      </c>
      <c r="LD32" s="109">
        <v>0</v>
      </c>
      <c r="LE32" s="109">
        <v>0</v>
      </c>
      <c r="LF32" s="109">
        <v>0</v>
      </c>
      <c r="LG32" s="109">
        <v>0</v>
      </c>
      <c r="LH32" s="110">
        <v>0</v>
      </c>
      <c r="LI32" s="111">
        <v>0</v>
      </c>
      <c r="LJ32" s="129">
        <v>0</v>
      </c>
      <c r="LK32" s="109">
        <v>0</v>
      </c>
      <c r="LL32" s="110">
        <v>0</v>
      </c>
      <c r="LM32" s="470">
        <v>0</v>
      </c>
      <c r="LN32" s="109">
        <v>0</v>
      </c>
      <c r="LO32" s="109">
        <v>0</v>
      </c>
      <c r="LP32" s="109">
        <v>229965</v>
      </c>
      <c r="LQ32" s="109">
        <v>0</v>
      </c>
      <c r="LR32" s="109">
        <v>0</v>
      </c>
      <c r="LS32" s="110">
        <v>229965</v>
      </c>
      <c r="LT32" s="292">
        <v>229965</v>
      </c>
      <c r="LU32" s="129">
        <v>0</v>
      </c>
      <c r="LV32" s="109">
        <v>0</v>
      </c>
      <c r="LW32" s="110">
        <v>0</v>
      </c>
      <c r="LX32" s="470">
        <v>0</v>
      </c>
      <c r="LY32" s="109">
        <v>0</v>
      </c>
      <c r="LZ32" s="109">
        <v>0</v>
      </c>
      <c r="MA32" s="109">
        <v>0</v>
      </c>
      <c r="MB32" s="109">
        <v>0</v>
      </c>
      <c r="MC32" s="109">
        <v>0</v>
      </c>
      <c r="MD32" s="110">
        <v>0</v>
      </c>
      <c r="ME32" s="111">
        <v>0</v>
      </c>
      <c r="MF32" s="129">
        <v>0</v>
      </c>
      <c r="MG32" s="109">
        <v>0</v>
      </c>
      <c r="MH32" s="110">
        <v>0</v>
      </c>
      <c r="MI32" s="470">
        <v>0</v>
      </c>
      <c r="MJ32" s="109">
        <v>0</v>
      </c>
      <c r="MK32" s="109">
        <v>483449</v>
      </c>
      <c r="ML32" s="109">
        <v>477002</v>
      </c>
      <c r="MM32" s="109">
        <v>1077422</v>
      </c>
      <c r="MN32" s="109">
        <v>592505</v>
      </c>
      <c r="MO32" s="110">
        <v>2630378</v>
      </c>
      <c r="MP32" s="130">
        <v>2630378</v>
      </c>
      <c r="MQ32" s="129">
        <v>0</v>
      </c>
      <c r="MR32" s="109">
        <v>0</v>
      </c>
      <c r="MS32" s="110">
        <v>0</v>
      </c>
      <c r="MT32" s="470">
        <v>0</v>
      </c>
      <c r="MU32" s="109">
        <v>0</v>
      </c>
      <c r="MV32" s="109">
        <v>234623</v>
      </c>
      <c r="MW32" s="109">
        <v>211840</v>
      </c>
      <c r="MX32" s="109">
        <v>0</v>
      </c>
      <c r="MY32" s="109">
        <v>296278</v>
      </c>
      <c r="MZ32" s="110">
        <v>742741</v>
      </c>
      <c r="NA32" s="130">
        <v>742741</v>
      </c>
      <c r="NB32" s="129">
        <v>0</v>
      </c>
      <c r="NC32" s="109">
        <v>0</v>
      </c>
      <c r="ND32" s="110">
        <v>0</v>
      </c>
      <c r="NE32" s="470">
        <v>0</v>
      </c>
      <c r="NF32" s="109">
        <v>0</v>
      </c>
      <c r="NG32" s="109">
        <v>248826</v>
      </c>
      <c r="NH32" s="109">
        <v>265162</v>
      </c>
      <c r="NI32" s="109">
        <v>1077422</v>
      </c>
      <c r="NJ32" s="109">
        <v>296227</v>
      </c>
      <c r="NK32" s="110">
        <v>1887637</v>
      </c>
      <c r="NL32" s="292">
        <v>1887637</v>
      </c>
      <c r="NM32" s="129">
        <v>0</v>
      </c>
      <c r="NN32" s="109">
        <v>0</v>
      </c>
      <c r="NO32" s="110">
        <v>0</v>
      </c>
      <c r="NP32" s="470">
        <v>0</v>
      </c>
      <c r="NQ32" s="109">
        <v>0</v>
      </c>
      <c r="NR32" s="109">
        <v>0</v>
      </c>
      <c r="NS32" s="109">
        <v>0</v>
      </c>
      <c r="NT32" s="109">
        <v>0</v>
      </c>
      <c r="NU32" s="109">
        <v>0</v>
      </c>
      <c r="NV32" s="110">
        <v>0</v>
      </c>
      <c r="NW32" s="111">
        <v>0</v>
      </c>
      <c r="NX32" s="129">
        <v>0</v>
      </c>
      <c r="NY32" s="109">
        <v>0</v>
      </c>
      <c r="NZ32" s="110">
        <v>0</v>
      </c>
      <c r="OA32" s="470">
        <v>0</v>
      </c>
      <c r="OB32" s="109">
        <v>0</v>
      </c>
      <c r="OC32" s="109">
        <v>0</v>
      </c>
      <c r="OD32" s="109">
        <v>0</v>
      </c>
      <c r="OE32" s="109">
        <v>0</v>
      </c>
      <c r="OF32" s="109">
        <v>0</v>
      </c>
      <c r="OG32" s="110">
        <v>0</v>
      </c>
      <c r="OH32" s="111">
        <v>0</v>
      </c>
      <c r="OI32" s="129">
        <v>105253</v>
      </c>
      <c r="OJ32" s="109">
        <v>228657</v>
      </c>
      <c r="OK32" s="128">
        <v>333910</v>
      </c>
      <c r="OL32" s="108">
        <v>0</v>
      </c>
      <c r="OM32" s="109">
        <v>1293064</v>
      </c>
      <c r="ON32" s="109">
        <v>1613429</v>
      </c>
      <c r="OO32" s="109">
        <v>2384490</v>
      </c>
      <c r="OP32" s="109">
        <v>3200434</v>
      </c>
      <c r="OQ32" s="109">
        <v>1200719</v>
      </c>
      <c r="OR32" s="110">
        <v>9692136</v>
      </c>
      <c r="OS32" s="130">
        <v>10026046</v>
      </c>
    </row>
    <row r="33" spans="2:409" ht="21" customHeight="1" x14ac:dyDescent="0.2">
      <c r="B33" s="437" t="s">
        <v>28</v>
      </c>
      <c r="C33" s="100">
        <v>0</v>
      </c>
      <c r="D33" s="104">
        <v>0</v>
      </c>
      <c r="E33" s="103">
        <v>0</v>
      </c>
      <c r="F33" s="99">
        <v>0</v>
      </c>
      <c r="G33" s="104">
        <v>637975</v>
      </c>
      <c r="H33" s="104">
        <v>275873</v>
      </c>
      <c r="I33" s="104">
        <v>571730</v>
      </c>
      <c r="J33" s="104">
        <v>0</v>
      </c>
      <c r="K33" s="104">
        <v>10032</v>
      </c>
      <c r="L33" s="156">
        <v>1495610</v>
      </c>
      <c r="M33" s="106">
        <v>1495610</v>
      </c>
      <c r="N33" s="100">
        <v>0</v>
      </c>
      <c r="O33" s="104">
        <v>0</v>
      </c>
      <c r="P33" s="103">
        <v>0</v>
      </c>
      <c r="Q33" s="100">
        <v>0</v>
      </c>
      <c r="R33" s="104">
        <v>77425</v>
      </c>
      <c r="S33" s="104">
        <v>13040</v>
      </c>
      <c r="T33" s="104">
        <v>338543</v>
      </c>
      <c r="U33" s="104">
        <v>0</v>
      </c>
      <c r="V33" s="104">
        <v>10032</v>
      </c>
      <c r="W33" s="103">
        <v>439040</v>
      </c>
      <c r="X33" s="106">
        <v>439040</v>
      </c>
      <c r="Y33" s="100">
        <v>0</v>
      </c>
      <c r="Z33" s="104">
        <v>0</v>
      </c>
      <c r="AA33" s="103">
        <v>0</v>
      </c>
      <c r="AB33" s="100">
        <v>0</v>
      </c>
      <c r="AC33" s="104">
        <v>0</v>
      </c>
      <c r="AD33" s="104">
        <v>0</v>
      </c>
      <c r="AE33" s="104">
        <v>269896</v>
      </c>
      <c r="AF33" s="104">
        <v>0</v>
      </c>
      <c r="AG33" s="104">
        <v>0</v>
      </c>
      <c r="AH33" s="103">
        <v>269896</v>
      </c>
      <c r="AI33" s="106">
        <v>269896</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45897</v>
      </c>
      <c r="AZ33" s="104">
        <v>0</v>
      </c>
      <c r="BA33" s="104">
        <v>59735</v>
      </c>
      <c r="BB33" s="104">
        <v>0</v>
      </c>
      <c r="BC33" s="104">
        <v>0</v>
      </c>
      <c r="BD33" s="103">
        <v>105632</v>
      </c>
      <c r="BE33" s="106">
        <v>105632</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31528</v>
      </c>
      <c r="BV33" s="104">
        <v>13040</v>
      </c>
      <c r="BW33" s="104">
        <v>8912</v>
      </c>
      <c r="BX33" s="104">
        <v>0</v>
      </c>
      <c r="BY33" s="104">
        <v>10032</v>
      </c>
      <c r="BZ33" s="103">
        <v>63512</v>
      </c>
      <c r="CA33" s="106">
        <v>63512</v>
      </c>
      <c r="CB33" s="100">
        <v>0</v>
      </c>
      <c r="CC33" s="104">
        <v>0</v>
      </c>
      <c r="CD33" s="103">
        <v>0</v>
      </c>
      <c r="CE33" s="100">
        <v>0</v>
      </c>
      <c r="CF33" s="104">
        <v>68061</v>
      </c>
      <c r="CG33" s="104">
        <v>199905</v>
      </c>
      <c r="CH33" s="104">
        <v>53029</v>
      </c>
      <c r="CI33" s="104">
        <v>0</v>
      </c>
      <c r="CJ33" s="104">
        <v>0</v>
      </c>
      <c r="CK33" s="103">
        <v>320995</v>
      </c>
      <c r="CL33" s="106">
        <v>320995</v>
      </c>
      <c r="CM33" s="100">
        <v>0</v>
      </c>
      <c r="CN33" s="104">
        <v>0</v>
      </c>
      <c r="CO33" s="103">
        <v>0</v>
      </c>
      <c r="CP33" s="101">
        <v>0</v>
      </c>
      <c r="CQ33" s="104">
        <v>0</v>
      </c>
      <c r="CR33" s="104">
        <v>199905</v>
      </c>
      <c r="CS33" s="104">
        <v>0</v>
      </c>
      <c r="CT33" s="104">
        <v>0</v>
      </c>
      <c r="CU33" s="104">
        <v>0</v>
      </c>
      <c r="CV33" s="103">
        <v>199905</v>
      </c>
      <c r="CW33" s="106">
        <v>199905</v>
      </c>
      <c r="CX33" s="100">
        <v>0</v>
      </c>
      <c r="CY33" s="104">
        <v>0</v>
      </c>
      <c r="CZ33" s="103">
        <v>0</v>
      </c>
      <c r="DA33" s="100">
        <v>0</v>
      </c>
      <c r="DB33" s="104">
        <v>68061</v>
      </c>
      <c r="DC33" s="104">
        <v>0</v>
      </c>
      <c r="DD33" s="104">
        <v>53029</v>
      </c>
      <c r="DE33" s="104">
        <v>0</v>
      </c>
      <c r="DF33" s="104">
        <v>0</v>
      </c>
      <c r="DG33" s="103">
        <v>121090</v>
      </c>
      <c r="DH33" s="106">
        <v>121090</v>
      </c>
      <c r="DI33" s="100">
        <v>0</v>
      </c>
      <c r="DJ33" s="104">
        <v>0</v>
      </c>
      <c r="DK33" s="102">
        <v>0</v>
      </c>
      <c r="DL33" s="101">
        <v>0</v>
      </c>
      <c r="DM33" s="104">
        <v>0</v>
      </c>
      <c r="DN33" s="104">
        <v>0</v>
      </c>
      <c r="DO33" s="104">
        <v>142654</v>
      </c>
      <c r="DP33" s="104">
        <v>0</v>
      </c>
      <c r="DQ33" s="104">
        <v>0</v>
      </c>
      <c r="DR33" s="103">
        <v>142654</v>
      </c>
      <c r="DS33" s="106">
        <v>142654</v>
      </c>
      <c r="DT33" s="100">
        <v>0</v>
      </c>
      <c r="DU33" s="104">
        <v>0</v>
      </c>
      <c r="DV33" s="103">
        <v>0</v>
      </c>
      <c r="DW33" s="100">
        <v>0</v>
      </c>
      <c r="DX33" s="104">
        <v>0</v>
      </c>
      <c r="DY33" s="104">
        <v>0</v>
      </c>
      <c r="DZ33" s="104">
        <v>0</v>
      </c>
      <c r="EA33" s="104">
        <v>0</v>
      </c>
      <c r="EB33" s="104">
        <v>0</v>
      </c>
      <c r="EC33" s="103">
        <v>0</v>
      </c>
      <c r="ED33" s="106">
        <v>0</v>
      </c>
      <c r="EE33" s="100">
        <v>0</v>
      </c>
      <c r="EF33" s="102">
        <v>0</v>
      </c>
      <c r="EG33" s="103">
        <v>0</v>
      </c>
      <c r="EH33" s="100">
        <v>0</v>
      </c>
      <c r="EI33" s="104">
        <v>0</v>
      </c>
      <c r="EJ33" s="104">
        <v>0</v>
      </c>
      <c r="EK33" s="104">
        <v>142654</v>
      </c>
      <c r="EL33" s="104">
        <v>0</v>
      </c>
      <c r="EM33" s="104">
        <v>0</v>
      </c>
      <c r="EN33" s="102">
        <v>142654</v>
      </c>
      <c r="EO33" s="106">
        <v>142654</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06">
        <v>0</v>
      </c>
      <c r="FE33" s="104">
        <v>0</v>
      </c>
      <c r="FF33" s="104">
        <v>0</v>
      </c>
      <c r="FG33" s="104">
        <v>0</v>
      </c>
      <c r="FH33" s="104">
        <v>0</v>
      </c>
      <c r="FI33" s="104">
        <v>0</v>
      </c>
      <c r="FJ33" s="103">
        <v>0</v>
      </c>
      <c r="FK33" s="106">
        <v>0</v>
      </c>
      <c r="FL33" s="100">
        <v>0</v>
      </c>
      <c r="FM33" s="104">
        <v>0</v>
      </c>
      <c r="FN33" s="103">
        <v>0</v>
      </c>
      <c r="FO33" s="100">
        <v>0</v>
      </c>
      <c r="FP33" s="104">
        <v>20000</v>
      </c>
      <c r="FQ33" s="104">
        <v>62928</v>
      </c>
      <c r="FR33" s="104">
        <v>37504</v>
      </c>
      <c r="FS33" s="104">
        <v>0</v>
      </c>
      <c r="FT33" s="104">
        <v>0</v>
      </c>
      <c r="FU33" s="103">
        <v>120432</v>
      </c>
      <c r="FV33" s="106">
        <v>120432</v>
      </c>
      <c r="FW33" s="105">
        <v>0</v>
      </c>
      <c r="FX33" s="104">
        <v>0</v>
      </c>
      <c r="FY33" s="102">
        <v>0</v>
      </c>
      <c r="FZ33" s="101">
        <v>0</v>
      </c>
      <c r="GA33" s="104">
        <v>20000</v>
      </c>
      <c r="GB33" s="104">
        <v>62928</v>
      </c>
      <c r="GC33" s="104">
        <v>37504</v>
      </c>
      <c r="GD33" s="104">
        <v>0</v>
      </c>
      <c r="GE33" s="104">
        <v>0</v>
      </c>
      <c r="GF33" s="103">
        <v>120432</v>
      </c>
      <c r="GG33" s="290">
        <v>120432</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472489</v>
      </c>
      <c r="HI33" s="104">
        <v>0</v>
      </c>
      <c r="HJ33" s="104">
        <v>0</v>
      </c>
      <c r="HK33" s="104">
        <v>0</v>
      </c>
      <c r="HL33" s="104">
        <v>0</v>
      </c>
      <c r="HM33" s="103">
        <v>472489</v>
      </c>
      <c r="HN33" s="99">
        <v>472489</v>
      </c>
      <c r="HO33" s="456">
        <v>0</v>
      </c>
      <c r="HP33" s="457">
        <v>0</v>
      </c>
      <c r="HQ33" s="458">
        <v>0</v>
      </c>
      <c r="HR33" s="459">
        <v>0</v>
      </c>
      <c r="HS33" s="457">
        <v>0</v>
      </c>
      <c r="HT33" s="457">
        <v>0</v>
      </c>
      <c r="HU33" s="457">
        <v>0</v>
      </c>
      <c r="HV33" s="457">
        <v>0</v>
      </c>
      <c r="HW33" s="457">
        <v>0</v>
      </c>
      <c r="HX33" s="460">
        <v>0</v>
      </c>
      <c r="HY33" s="461">
        <v>0</v>
      </c>
      <c r="HZ33" s="118">
        <v>0</v>
      </c>
      <c r="IA33" s="119">
        <v>0</v>
      </c>
      <c r="IB33" s="120">
        <v>0</v>
      </c>
      <c r="IC33" s="131">
        <v>0</v>
      </c>
      <c r="ID33" s="119">
        <v>113576</v>
      </c>
      <c r="IE33" s="132">
        <v>0</v>
      </c>
      <c r="IF33" s="120">
        <v>0</v>
      </c>
      <c r="IG33" s="119">
        <v>0</v>
      </c>
      <c r="IH33" s="120">
        <v>261472</v>
      </c>
      <c r="II33" s="133">
        <v>375048</v>
      </c>
      <c r="IJ33" s="126">
        <v>375048</v>
      </c>
      <c r="IK33" s="215">
        <v>0</v>
      </c>
      <c r="IL33" s="219">
        <v>0</v>
      </c>
      <c r="IM33" s="220">
        <v>0</v>
      </c>
      <c r="IN33" s="470">
        <v>0</v>
      </c>
      <c r="IO33" s="109">
        <v>0</v>
      </c>
      <c r="IP33" s="109">
        <v>0</v>
      </c>
      <c r="IQ33" s="109">
        <v>0</v>
      </c>
      <c r="IR33" s="109">
        <v>0</v>
      </c>
      <c r="IS33" s="109">
        <v>0</v>
      </c>
      <c r="IT33" s="128">
        <v>0</v>
      </c>
      <c r="IU33" s="292">
        <v>0</v>
      </c>
      <c r="IV33" s="129">
        <v>0</v>
      </c>
      <c r="IW33" s="109">
        <v>0</v>
      </c>
      <c r="IX33" s="110">
        <v>0</v>
      </c>
      <c r="IY33" s="470">
        <v>0</v>
      </c>
      <c r="IZ33" s="109">
        <v>0</v>
      </c>
      <c r="JA33" s="109">
        <v>0</v>
      </c>
      <c r="JB33" s="109">
        <v>0</v>
      </c>
      <c r="JC33" s="109">
        <v>0</v>
      </c>
      <c r="JD33" s="109">
        <v>0</v>
      </c>
      <c r="JE33" s="110">
        <v>0</v>
      </c>
      <c r="JF33" s="111">
        <v>0</v>
      </c>
      <c r="JG33" s="129">
        <v>0</v>
      </c>
      <c r="JH33" s="109">
        <v>0</v>
      </c>
      <c r="JI33" s="128">
        <v>0</v>
      </c>
      <c r="JJ33" s="108">
        <v>0</v>
      </c>
      <c r="JK33" s="109">
        <v>113576</v>
      </c>
      <c r="JL33" s="109">
        <v>0</v>
      </c>
      <c r="JM33" s="109">
        <v>0</v>
      </c>
      <c r="JN33" s="109">
        <v>0</v>
      </c>
      <c r="JO33" s="109">
        <v>0</v>
      </c>
      <c r="JP33" s="110">
        <v>113576</v>
      </c>
      <c r="JQ33" s="292">
        <v>113576</v>
      </c>
      <c r="JR33" s="129">
        <v>0</v>
      </c>
      <c r="JS33" s="109">
        <v>0</v>
      </c>
      <c r="JT33" s="128">
        <v>0</v>
      </c>
      <c r="JU33" s="108">
        <v>0</v>
      </c>
      <c r="JV33" s="109">
        <v>0</v>
      </c>
      <c r="JW33" s="109">
        <v>0</v>
      </c>
      <c r="JX33" s="109">
        <v>0</v>
      </c>
      <c r="JY33" s="109">
        <v>0</v>
      </c>
      <c r="JZ33" s="109">
        <v>0</v>
      </c>
      <c r="KA33" s="110">
        <v>0</v>
      </c>
      <c r="KB33" s="292">
        <v>0</v>
      </c>
      <c r="KC33" s="217">
        <v>0</v>
      </c>
      <c r="KD33" s="213">
        <v>0</v>
      </c>
      <c r="KE33" s="110">
        <v>0</v>
      </c>
      <c r="KF33" s="108">
        <v>0</v>
      </c>
      <c r="KG33" s="109">
        <v>0</v>
      </c>
      <c r="KH33" s="109">
        <v>0</v>
      </c>
      <c r="KI33" s="109">
        <v>0</v>
      </c>
      <c r="KJ33" s="109">
        <v>0</v>
      </c>
      <c r="KK33" s="109">
        <v>0</v>
      </c>
      <c r="KL33" s="110">
        <v>0</v>
      </c>
      <c r="KM33" s="130">
        <v>0</v>
      </c>
      <c r="KN33" s="215">
        <v>0</v>
      </c>
      <c r="KO33" s="219">
        <v>0</v>
      </c>
      <c r="KP33" s="220">
        <v>0</v>
      </c>
      <c r="KQ33" s="470">
        <v>0</v>
      </c>
      <c r="KR33" s="109">
        <v>0</v>
      </c>
      <c r="KS33" s="109">
        <v>0</v>
      </c>
      <c r="KT33" s="109">
        <v>0</v>
      </c>
      <c r="KU33" s="109">
        <v>0</v>
      </c>
      <c r="KV33" s="109">
        <v>261472</v>
      </c>
      <c r="KW33" s="110">
        <v>261472</v>
      </c>
      <c r="KX33" s="292">
        <v>261472</v>
      </c>
      <c r="KY33" s="129">
        <v>0</v>
      </c>
      <c r="KZ33" s="109">
        <v>0</v>
      </c>
      <c r="LA33" s="110">
        <v>0</v>
      </c>
      <c r="LB33" s="470">
        <v>0</v>
      </c>
      <c r="LC33" s="109">
        <v>0</v>
      </c>
      <c r="LD33" s="109">
        <v>0</v>
      </c>
      <c r="LE33" s="109">
        <v>0</v>
      </c>
      <c r="LF33" s="109">
        <v>0</v>
      </c>
      <c r="LG33" s="109">
        <v>0</v>
      </c>
      <c r="LH33" s="110">
        <v>0</v>
      </c>
      <c r="LI33" s="111">
        <v>0</v>
      </c>
      <c r="LJ33" s="129">
        <v>0</v>
      </c>
      <c r="LK33" s="109">
        <v>0</v>
      </c>
      <c r="LL33" s="110">
        <v>0</v>
      </c>
      <c r="LM33" s="470">
        <v>0</v>
      </c>
      <c r="LN33" s="109">
        <v>0</v>
      </c>
      <c r="LO33" s="109">
        <v>0</v>
      </c>
      <c r="LP33" s="109">
        <v>0</v>
      </c>
      <c r="LQ33" s="109">
        <v>0</v>
      </c>
      <c r="LR33" s="109">
        <v>0</v>
      </c>
      <c r="LS33" s="110">
        <v>0</v>
      </c>
      <c r="LT33" s="292">
        <v>0</v>
      </c>
      <c r="LU33" s="129">
        <v>0</v>
      </c>
      <c r="LV33" s="109">
        <v>0</v>
      </c>
      <c r="LW33" s="110">
        <v>0</v>
      </c>
      <c r="LX33" s="470">
        <v>0</v>
      </c>
      <c r="LY33" s="109">
        <v>0</v>
      </c>
      <c r="LZ33" s="109">
        <v>0</v>
      </c>
      <c r="MA33" s="109">
        <v>0</v>
      </c>
      <c r="MB33" s="109">
        <v>0</v>
      </c>
      <c r="MC33" s="109">
        <v>0</v>
      </c>
      <c r="MD33" s="110">
        <v>0</v>
      </c>
      <c r="ME33" s="111">
        <v>0</v>
      </c>
      <c r="MF33" s="129">
        <v>0</v>
      </c>
      <c r="MG33" s="109">
        <v>0</v>
      </c>
      <c r="MH33" s="110">
        <v>0</v>
      </c>
      <c r="MI33" s="470">
        <v>0</v>
      </c>
      <c r="MJ33" s="109">
        <v>0</v>
      </c>
      <c r="MK33" s="109">
        <v>0</v>
      </c>
      <c r="ML33" s="109">
        <v>0</v>
      </c>
      <c r="MM33" s="109">
        <v>230752</v>
      </c>
      <c r="MN33" s="109">
        <v>555608</v>
      </c>
      <c r="MO33" s="110">
        <v>786360</v>
      </c>
      <c r="MP33" s="130">
        <v>786360</v>
      </c>
      <c r="MQ33" s="129">
        <v>0</v>
      </c>
      <c r="MR33" s="109">
        <v>0</v>
      </c>
      <c r="MS33" s="110">
        <v>0</v>
      </c>
      <c r="MT33" s="470">
        <v>0</v>
      </c>
      <c r="MU33" s="109">
        <v>0</v>
      </c>
      <c r="MV33" s="109">
        <v>0</v>
      </c>
      <c r="MW33" s="109">
        <v>0</v>
      </c>
      <c r="MX33" s="109">
        <v>230752</v>
      </c>
      <c r="MY33" s="109">
        <v>249400</v>
      </c>
      <c r="MZ33" s="110">
        <v>480152</v>
      </c>
      <c r="NA33" s="130">
        <v>480152</v>
      </c>
      <c r="NB33" s="129">
        <v>0</v>
      </c>
      <c r="NC33" s="109">
        <v>0</v>
      </c>
      <c r="ND33" s="110">
        <v>0</v>
      </c>
      <c r="NE33" s="470">
        <v>0</v>
      </c>
      <c r="NF33" s="109">
        <v>0</v>
      </c>
      <c r="NG33" s="109">
        <v>0</v>
      </c>
      <c r="NH33" s="109">
        <v>0</v>
      </c>
      <c r="NI33" s="109">
        <v>0</v>
      </c>
      <c r="NJ33" s="109">
        <v>306208</v>
      </c>
      <c r="NK33" s="110">
        <v>306208</v>
      </c>
      <c r="NL33" s="292">
        <v>306208</v>
      </c>
      <c r="NM33" s="129">
        <v>0</v>
      </c>
      <c r="NN33" s="109">
        <v>0</v>
      </c>
      <c r="NO33" s="110">
        <v>0</v>
      </c>
      <c r="NP33" s="470">
        <v>0</v>
      </c>
      <c r="NQ33" s="109">
        <v>0</v>
      </c>
      <c r="NR33" s="109">
        <v>0</v>
      </c>
      <c r="NS33" s="109">
        <v>0</v>
      </c>
      <c r="NT33" s="109">
        <v>0</v>
      </c>
      <c r="NU33" s="109">
        <v>0</v>
      </c>
      <c r="NV33" s="110">
        <v>0</v>
      </c>
      <c r="NW33" s="111">
        <v>0</v>
      </c>
      <c r="NX33" s="129">
        <v>0</v>
      </c>
      <c r="NY33" s="109">
        <v>0</v>
      </c>
      <c r="NZ33" s="110">
        <v>0</v>
      </c>
      <c r="OA33" s="470">
        <v>0</v>
      </c>
      <c r="OB33" s="109">
        <v>0</v>
      </c>
      <c r="OC33" s="109">
        <v>0</v>
      </c>
      <c r="OD33" s="109">
        <v>0</v>
      </c>
      <c r="OE33" s="109">
        <v>0</v>
      </c>
      <c r="OF33" s="109">
        <v>0</v>
      </c>
      <c r="OG33" s="110">
        <v>0</v>
      </c>
      <c r="OH33" s="111">
        <v>0</v>
      </c>
      <c r="OI33" s="129">
        <v>0</v>
      </c>
      <c r="OJ33" s="109">
        <v>0</v>
      </c>
      <c r="OK33" s="128">
        <v>0</v>
      </c>
      <c r="OL33" s="108">
        <v>0</v>
      </c>
      <c r="OM33" s="109">
        <v>751551</v>
      </c>
      <c r="ON33" s="109">
        <v>275873</v>
      </c>
      <c r="OO33" s="109">
        <v>571730</v>
      </c>
      <c r="OP33" s="109">
        <v>230752</v>
      </c>
      <c r="OQ33" s="109">
        <v>827112</v>
      </c>
      <c r="OR33" s="110">
        <v>2657018</v>
      </c>
      <c r="OS33" s="130">
        <v>2657018</v>
      </c>
    </row>
    <row r="34" spans="2:409" ht="21" customHeight="1" x14ac:dyDescent="0.2">
      <c r="B34" s="437" t="s">
        <v>29</v>
      </c>
      <c r="C34" s="100">
        <v>95052</v>
      </c>
      <c r="D34" s="104">
        <v>13888</v>
      </c>
      <c r="E34" s="103">
        <v>108940</v>
      </c>
      <c r="F34" s="99">
        <v>0</v>
      </c>
      <c r="G34" s="104">
        <v>369276</v>
      </c>
      <c r="H34" s="104">
        <v>598937</v>
      </c>
      <c r="I34" s="104">
        <v>418435</v>
      </c>
      <c r="J34" s="104">
        <v>0</v>
      </c>
      <c r="K34" s="104">
        <v>429376</v>
      </c>
      <c r="L34" s="156">
        <v>1816024</v>
      </c>
      <c r="M34" s="106">
        <v>1924964</v>
      </c>
      <c r="N34" s="100">
        <v>6872</v>
      </c>
      <c r="O34" s="104">
        <v>13888</v>
      </c>
      <c r="P34" s="103">
        <v>20760</v>
      </c>
      <c r="Q34" s="100">
        <v>0</v>
      </c>
      <c r="R34" s="104">
        <v>15472</v>
      </c>
      <c r="S34" s="104">
        <v>205908</v>
      </c>
      <c r="T34" s="104">
        <v>51856</v>
      </c>
      <c r="U34" s="104">
        <v>0</v>
      </c>
      <c r="V34" s="104">
        <v>316856</v>
      </c>
      <c r="W34" s="103">
        <v>590092</v>
      </c>
      <c r="X34" s="106">
        <v>610852</v>
      </c>
      <c r="Y34" s="100">
        <v>0</v>
      </c>
      <c r="Z34" s="104">
        <v>0</v>
      </c>
      <c r="AA34" s="103">
        <v>0</v>
      </c>
      <c r="AB34" s="100">
        <v>0</v>
      </c>
      <c r="AC34" s="104">
        <v>0</v>
      </c>
      <c r="AD34" s="104">
        <v>115396</v>
      </c>
      <c r="AE34" s="104">
        <v>0</v>
      </c>
      <c r="AF34" s="104">
        <v>0</v>
      </c>
      <c r="AG34" s="104">
        <v>245632</v>
      </c>
      <c r="AH34" s="103">
        <v>361028</v>
      </c>
      <c r="AI34" s="106">
        <v>361028</v>
      </c>
      <c r="AJ34" s="100">
        <v>0</v>
      </c>
      <c r="AK34" s="104">
        <v>0</v>
      </c>
      <c r="AL34" s="103">
        <v>0</v>
      </c>
      <c r="AM34" s="100">
        <v>0</v>
      </c>
      <c r="AN34" s="104">
        <v>0</v>
      </c>
      <c r="AO34" s="104">
        <v>0</v>
      </c>
      <c r="AP34" s="104">
        <v>0</v>
      </c>
      <c r="AQ34" s="104">
        <v>0</v>
      </c>
      <c r="AR34" s="104">
        <v>56856</v>
      </c>
      <c r="AS34" s="103">
        <v>56856</v>
      </c>
      <c r="AT34" s="106">
        <v>56856</v>
      </c>
      <c r="AU34" s="100">
        <v>0</v>
      </c>
      <c r="AV34" s="104">
        <v>13888</v>
      </c>
      <c r="AW34" s="103">
        <v>13888</v>
      </c>
      <c r="AX34" s="100">
        <v>0</v>
      </c>
      <c r="AY34" s="104">
        <v>0</v>
      </c>
      <c r="AZ34" s="104">
        <v>43408</v>
      </c>
      <c r="BA34" s="104">
        <v>28224</v>
      </c>
      <c r="BB34" s="104">
        <v>0</v>
      </c>
      <c r="BC34" s="104">
        <v>0</v>
      </c>
      <c r="BD34" s="103">
        <v>71632</v>
      </c>
      <c r="BE34" s="106">
        <v>85520</v>
      </c>
      <c r="BF34" s="100">
        <v>0</v>
      </c>
      <c r="BG34" s="104">
        <v>0</v>
      </c>
      <c r="BH34" s="102">
        <v>0</v>
      </c>
      <c r="BI34" s="101">
        <v>0</v>
      </c>
      <c r="BJ34" s="104">
        <v>0</v>
      </c>
      <c r="BK34" s="104">
        <v>30592</v>
      </c>
      <c r="BL34" s="104">
        <v>0</v>
      </c>
      <c r="BM34" s="104">
        <v>0</v>
      </c>
      <c r="BN34" s="104">
        <v>0</v>
      </c>
      <c r="BO34" s="103">
        <v>30592</v>
      </c>
      <c r="BP34" s="106">
        <v>30592</v>
      </c>
      <c r="BQ34" s="100">
        <v>6872</v>
      </c>
      <c r="BR34" s="104">
        <v>0</v>
      </c>
      <c r="BS34" s="103">
        <v>6872</v>
      </c>
      <c r="BT34" s="100">
        <v>0</v>
      </c>
      <c r="BU34" s="104">
        <v>15472</v>
      </c>
      <c r="BV34" s="104">
        <v>16512</v>
      </c>
      <c r="BW34" s="104">
        <v>23632</v>
      </c>
      <c r="BX34" s="104">
        <v>0</v>
      </c>
      <c r="BY34" s="104">
        <v>14368</v>
      </c>
      <c r="BZ34" s="103">
        <v>69984</v>
      </c>
      <c r="CA34" s="106">
        <v>76856</v>
      </c>
      <c r="CB34" s="100">
        <v>18384</v>
      </c>
      <c r="CC34" s="104">
        <v>0</v>
      </c>
      <c r="CD34" s="103">
        <v>18384</v>
      </c>
      <c r="CE34" s="100">
        <v>0</v>
      </c>
      <c r="CF34" s="104">
        <v>41560</v>
      </c>
      <c r="CG34" s="104">
        <v>175632</v>
      </c>
      <c r="CH34" s="104">
        <v>89496</v>
      </c>
      <c r="CI34" s="104">
        <v>0</v>
      </c>
      <c r="CJ34" s="104">
        <v>0</v>
      </c>
      <c r="CK34" s="103">
        <v>306688</v>
      </c>
      <c r="CL34" s="106">
        <v>325072</v>
      </c>
      <c r="CM34" s="100">
        <v>0</v>
      </c>
      <c r="CN34" s="104">
        <v>0</v>
      </c>
      <c r="CO34" s="103">
        <v>0</v>
      </c>
      <c r="CP34" s="101">
        <v>0</v>
      </c>
      <c r="CQ34" s="104">
        <v>41560</v>
      </c>
      <c r="CR34" s="104">
        <v>175632</v>
      </c>
      <c r="CS34" s="104">
        <v>89496</v>
      </c>
      <c r="CT34" s="104">
        <v>0</v>
      </c>
      <c r="CU34" s="104">
        <v>0</v>
      </c>
      <c r="CV34" s="103">
        <v>306688</v>
      </c>
      <c r="CW34" s="106">
        <v>306688</v>
      </c>
      <c r="CX34" s="100">
        <v>18384</v>
      </c>
      <c r="CY34" s="104">
        <v>0</v>
      </c>
      <c r="CZ34" s="103">
        <v>18384</v>
      </c>
      <c r="DA34" s="100">
        <v>0</v>
      </c>
      <c r="DB34" s="104">
        <v>0</v>
      </c>
      <c r="DC34" s="104">
        <v>0</v>
      </c>
      <c r="DD34" s="104">
        <v>0</v>
      </c>
      <c r="DE34" s="104">
        <v>0</v>
      </c>
      <c r="DF34" s="104">
        <v>0</v>
      </c>
      <c r="DG34" s="103">
        <v>0</v>
      </c>
      <c r="DH34" s="106">
        <v>18384</v>
      </c>
      <c r="DI34" s="100">
        <v>0</v>
      </c>
      <c r="DJ34" s="104">
        <v>0</v>
      </c>
      <c r="DK34" s="102">
        <v>0</v>
      </c>
      <c r="DL34" s="101">
        <v>0</v>
      </c>
      <c r="DM34" s="104">
        <v>0</v>
      </c>
      <c r="DN34" s="104">
        <v>0</v>
      </c>
      <c r="DO34" s="104">
        <v>134979</v>
      </c>
      <c r="DP34" s="104">
        <v>0</v>
      </c>
      <c r="DQ34" s="104">
        <v>35928</v>
      </c>
      <c r="DR34" s="103">
        <v>170907</v>
      </c>
      <c r="DS34" s="106">
        <v>170907</v>
      </c>
      <c r="DT34" s="100">
        <v>0</v>
      </c>
      <c r="DU34" s="104">
        <v>0</v>
      </c>
      <c r="DV34" s="103">
        <v>0</v>
      </c>
      <c r="DW34" s="100">
        <v>0</v>
      </c>
      <c r="DX34" s="104">
        <v>0</v>
      </c>
      <c r="DY34" s="104">
        <v>0</v>
      </c>
      <c r="DZ34" s="104">
        <v>134979</v>
      </c>
      <c r="EA34" s="104">
        <v>0</v>
      </c>
      <c r="EB34" s="104">
        <v>35928</v>
      </c>
      <c r="EC34" s="103">
        <v>170907</v>
      </c>
      <c r="ED34" s="106">
        <v>170907</v>
      </c>
      <c r="EE34" s="100">
        <v>0</v>
      </c>
      <c r="EF34" s="102">
        <v>0</v>
      </c>
      <c r="EG34" s="103">
        <v>0</v>
      </c>
      <c r="EH34" s="100">
        <v>0</v>
      </c>
      <c r="EI34" s="104">
        <v>0</v>
      </c>
      <c r="EJ34" s="104">
        <v>0</v>
      </c>
      <c r="EK34" s="104">
        <v>0</v>
      </c>
      <c r="EL34" s="104">
        <v>0</v>
      </c>
      <c r="EM34" s="104">
        <v>0</v>
      </c>
      <c r="EN34" s="102">
        <v>0</v>
      </c>
      <c r="EO34" s="106">
        <v>0</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06">
        <v>0</v>
      </c>
      <c r="FE34" s="104">
        <v>0</v>
      </c>
      <c r="FF34" s="104">
        <v>0</v>
      </c>
      <c r="FG34" s="104">
        <v>0</v>
      </c>
      <c r="FH34" s="104">
        <v>0</v>
      </c>
      <c r="FI34" s="104">
        <v>0</v>
      </c>
      <c r="FJ34" s="103">
        <v>0</v>
      </c>
      <c r="FK34" s="106">
        <v>0</v>
      </c>
      <c r="FL34" s="100">
        <v>17304</v>
      </c>
      <c r="FM34" s="104">
        <v>0</v>
      </c>
      <c r="FN34" s="103">
        <v>17304</v>
      </c>
      <c r="FO34" s="100">
        <v>0</v>
      </c>
      <c r="FP34" s="104">
        <v>0</v>
      </c>
      <c r="FQ34" s="104">
        <v>40368</v>
      </c>
      <c r="FR34" s="104">
        <v>142104</v>
      </c>
      <c r="FS34" s="104">
        <v>0</v>
      </c>
      <c r="FT34" s="104">
        <v>76592</v>
      </c>
      <c r="FU34" s="103">
        <v>259064</v>
      </c>
      <c r="FV34" s="106">
        <v>276368</v>
      </c>
      <c r="FW34" s="105">
        <v>17304</v>
      </c>
      <c r="FX34" s="104">
        <v>0</v>
      </c>
      <c r="FY34" s="102">
        <v>17304</v>
      </c>
      <c r="FZ34" s="101">
        <v>0</v>
      </c>
      <c r="GA34" s="104">
        <v>0</v>
      </c>
      <c r="GB34" s="104">
        <v>40368</v>
      </c>
      <c r="GC34" s="104">
        <v>68504</v>
      </c>
      <c r="GD34" s="104">
        <v>0</v>
      </c>
      <c r="GE34" s="104">
        <v>76592</v>
      </c>
      <c r="GF34" s="103">
        <v>185464</v>
      </c>
      <c r="GG34" s="290">
        <v>202768</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73600</v>
      </c>
      <c r="GZ34" s="104">
        <v>0</v>
      </c>
      <c r="HA34" s="104">
        <v>0</v>
      </c>
      <c r="HB34" s="102">
        <v>73600</v>
      </c>
      <c r="HC34" s="106">
        <v>73600</v>
      </c>
      <c r="HD34" s="100">
        <v>52492</v>
      </c>
      <c r="HE34" s="104">
        <v>0</v>
      </c>
      <c r="HF34" s="102">
        <v>52492</v>
      </c>
      <c r="HG34" s="101">
        <v>0</v>
      </c>
      <c r="HH34" s="104">
        <v>312244</v>
      </c>
      <c r="HI34" s="104">
        <v>177029</v>
      </c>
      <c r="HJ34" s="104">
        <v>0</v>
      </c>
      <c r="HK34" s="104">
        <v>0</v>
      </c>
      <c r="HL34" s="104">
        <v>0</v>
      </c>
      <c r="HM34" s="103">
        <v>489273</v>
      </c>
      <c r="HN34" s="99">
        <v>541765</v>
      </c>
      <c r="HO34" s="456">
        <v>0</v>
      </c>
      <c r="HP34" s="457">
        <v>0</v>
      </c>
      <c r="HQ34" s="458">
        <v>0</v>
      </c>
      <c r="HR34" s="459">
        <v>0</v>
      </c>
      <c r="HS34" s="457">
        <v>0</v>
      </c>
      <c r="HT34" s="457">
        <v>0</v>
      </c>
      <c r="HU34" s="457">
        <v>0</v>
      </c>
      <c r="HV34" s="457">
        <v>0</v>
      </c>
      <c r="HW34" s="457">
        <v>0</v>
      </c>
      <c r="HX34" s="460">
        <v>0</v>
      </c>
      <c r="HY34" s="461">
        <v>0</v>
      </c>
      <c r="HZ34" s="135">
        <v>0</v>
      </c>
      <c r="IA34" s="122">
        <v>0</v>
      </c>
      <c r="IB34" s="135">
        <v>0</v>
      </c>
      <c r="IC34" s="121">
        <v>0</v>
      </c>
      <c r="ID34" s="122">
        <v>0</v>
      </c>
      <c r="IE34" s="123">
        <v>118912</v>
      </c>
      <c r="IF34" s="124">
        <v>687992</v>
      </c>
      <c r="IG34" s="122">
        <v>259784</v>
      </c>
      <c r="IH34" s="124">
        <v>0</v>
      </c>
      <c r="II34" s="125">
        <v>1066688</v>
      </c>
      <c r="IJ34" s="135">
        <v>1066688</v>
      </c>
      <c r="IK34" s="215">
        <v>0</v>
      </c>
      <c r="IL34" s="219">
        <v>0</v>
      </c>
      <c r="IM34" s="220">
        <v>0</v>
      </c>
      <c r="IN34" s="470">
        <v>0</v>
      </c>
      <c r="IO34" s="109">
        <v>0</v>
      </c>
      <c r="IP34" s="109">
        <v>0</v>
      </c>
      <c r="IQ34" s="109">
        <v>143072</v>
      </c>
      <c r="IR34" s="109">
        <v>0</v>
      </c>
      <c r="IS34" s="109">
        <v>0</v>
      </c>
      <c r="IT34" s="128">
        <v>143072</v>
      </c>
      <c r="IU34" s="292">
        <v>143072</v>
      </c>
      <c r="IV34" s="129">
        <v>0</v>
      </c>
      <c r="IW34" s="109">
        <v>0</v>
      </c>
      <c r="IX34" s="110">
        <v>0</v>
      </c>
      <c r="IY34" s="470">
        <v>0</v>
      </c>
      <c r="IZ34" s="109">
        <v>0</v>
      </c>
      <c r="JA34" s="109">
        <v>0</v>
      </c>
      <c r="JB34" s="109">
        <v>0</v>
      </c>
      <c r="JC34" s="109">
        <v>0</v>
      </c>
      <c r="JD34" s="109">
        <v>0</v>
      </c>
      <c r="JE34" s="110">
        <v>0</v>
      </c>
      <c r="JF34" s="111">
        <v>0</v>
      </c>
      <c r="JG34" s="129">
        <v>0</v>
      </c>
      <c r="JH34" s="109">
        <v>0</v>
      </c>
      <c r="JI34" s="128">
        <v>0</v>
      </c>
      <c r="JJ34" s="108">
        <v>0</v>
      </c>
      <c r="JK34" s="109">
        <v>0</v>
      </c>
      <c r="JL34" s="109">
        <v>118912</v>
      </c>
      <c r="JM34" s="109">
        <v>65768</v>
      </c>
      <c r="JN34" s="109">
        <v>0</v>
      </c>
      <c r="JO34" s="109">
        <v>0</v>
      </c>
      <c r="JP34" s="110">
        <v>184680</v>
      </c>
      <c r="JQ34" s="292">
        <v>184680</v>
      </c>
      <c r="JR34" s="129">
        <v>0</v>
      </c>
      <c r="JS34" s="109">
        <v>0</v>
      </c>
      <c r="JT34" s="128">
        <v>0</v>
      </c>
      <c r="JU34" s="108">
        <v>0</v>
      </c>
      <c r="JV34" s="109">
        <v>0</v>
      </c>
      <c r="JW34" s="109">
        <v>0</v>
      </c>
      <c r="JX34" s="109">
        <v>0</v>
      </c>
      <c r="JY34" s="109">
        <v>0</v>
      </c>
      <c r="JZ34" s="109">
        <v>0</v>
      </c>
      <c r="KA34" s="110">
        <v>0</v>
      </c>
      <c r="KB34" s="292">
        <v>0</v>
      </c>
      <c r="KC34" s="217">
        <v>0</v>
      </c>
      <c r="KD34" s="213">
        <v>0</v>
      </c>
      <c r="KE34" s="110">
        <v>0</v>
      </c>
      <c r="KF34" s="108">
        <v>0</v>
      </c>
      <c r="KG34" s="109">
        <v>0</v>
      </c>
      <c r="KH34" s="109">
        <v>0</v>
      </c>
      <c r="KI34" s="109">
        <v>0</v>
      </c>
      <c r="KJ34" s="109">
        <v>0</v>
      </c>
      <c r="KK34" s="109">
        <v>0</v>
      </c>
      <c r="KL34" s="110">
        <v>0</v>
      </c>
      <c r="KM34" s="130">
        <v>0</v>
      </c>
      <c r="KN34" s="215">
        <v>0</v>
      </c>
      <c r="KO34" s="219">
        <v>0</v>
      </c>
      <c r="KP34" s="220">
        <v>0</v>
      </c>
      <c r="KQ34" s="470">
        <v>0</v>
      </c>
      <c r="KR34" s="109">
        <v>0</v>
      </c>
      <c r="KS34" s="109">
        <v>0</v>
      </c>
      <c r="KT34" s="109">
        <v>0</v>
      </c>
      <c r="KU34" s="109">
        <v>0</v>
      </c>
      <c r="KV34" s="109">
        <v>0</v>
      </c>
      <c r="KW34" s="110">
        <v>0</v>
      </c>
      <c r="KX34" s="292">
        <v>0</v>
      </c>
      <c r="KY34" s="129">
        <v>0</v>
      </c>
      <c r="KZ34" s="109">
        <v>0</v>
      </c>
      <c r="LA34" s="110">
        <v>0</v>
      </c>
      <c r="LB34" s="470">
        <v>0</v>
      </c>
      <c r="LC34" s="109">
        <v>0</v>
      </c>
      <c r="LD34" s="109">
        <v>0</v>
      </c>
      <c r="LE34" s="109">
        <v>0</v>
      </c>
      <c r="LF34" s="109">
        <v>0</v>
      </c>
      <c r="LG34" s="109">
        <v>0</v>
      </c>
      <c r="LH34" s="110">
        <v>0</v>
      </c>
      <c r="LI34" s="111">
        <v>0</v>
      </c>
      <c r="LJ34" s="129">
        <v>0</v>
      </c>
      <c r="LK34" s="109">
        <v>0</v>
      </c>
      <c r="LL34" s="110">
        <v>0</v>
      </c>
      <c r="LM34" s="470">
        <v>0</v>
      </c>
      <c r="LN34" s="109">
        <v>0</v>
      </c>
      <c r="LO34" s="109">
        <v>0</v>
      </c>
      <c r="LP34" s="109">
        <v>479152</v>
      </c>
      <c r="LQ34" s="109">
        <v>259784</v>
      </c>
      <c r="LR34" s="109">
        <v>0</v>
      </c>
      <c r="LS34" s="110">
        <v>738936</v>
      </c>
      <c r="LT34" s="292">
        <v>738936</v>
      </c>
      <c r="LU34" s="129">
        <v>0</v>
      </c>
      <c r="LV34" s="109">
        <v>0</v>
      </c>
      <c r="LW34" s="110">
        <v>0</v>
      </c>
      <c r="LX34" s="470">
        <v>0</v>
      </c>
      <c r="LY34" s="109">
        <v>0</v>
      </c>
      <c r="LZ34" s="109">
        <v>0</v>
      </c>
      <c r="MA34" s="109">
        <v>0</v>
      </c>
      <c r="MB34" s="109">
        <v>0</v>
      </c>
      <c r="MC34" s="109">
        <v>0</v>
      </c>
      <c r="MD34" s="110">
        <v>0</v>
      </c>
      <c r="ME34" s="111">
        <v>0</v>
      </c>
      <c r="MF34" s="129">
        <v>0</v>
      </c>
      <c r="MG34" s="109">
        <v>0</v>
      </c>
      <c r="MH34" s="110">
        <v>0</v>
      </c>
      <c r="MI34" s="470">
        <v>0</v>
      </c>
      <c r="MJ34" s="109">
        <v>0</v>
      </c>
      <c r="MK34" s="109">
        <v>0</v>
      </c>
      <c r="ML34" s="109">
        <v>0</v>
      </c>
      <c r="MM34" s="109">
        <v>316200</v>
      </c>
      <c r="MN34" s="109">
        <v>574220</v>
      </c>
      <c r="MO34" s="110">
        <v>890420</v>
      </c>
      <c r="MP34" s="130">
        <v>890420</v>
      </c>
      <c r="MQ34" s="129">
        <v>0</v>
      </c>
      <c r="MR34" s="109">
        <v>0</v>
      </c>
      <c r="MS34" s="110">
        <v>0</v>
      </c>
      <c r="MT34" s="470">
        <v>0</v>
      </c>
      <c r="MU34" s="109">
        <v>0</v>
      </c>
      <c r="MV34" s="109">
        <v>0</v>
      </c>
      <c r="MW34" s="109">
        <v>0</v>
      </c>
      <c r="MX34" s="109">
        <v>0</v>
      </c>
      <c r="MY34" s="109">
        <v>283368</v>
      </c>
      <c r="MZ34" s="110">
        <v>283368</v>
      </c>
      <c r="NA34" s="130">
        <v>283368</v>
      </c>
      <c r="NB34" s="129">
        <v>0</v>
      </c>
      <c r="NC34" s="109">
        <v>0</v>
      </c>
      <c r="ND34" s="110">
        <v>0</v>
      </c>
      <c r="NE34" s="470">
        <v>0</v>
      </c>
      <c r="NF34" s="109">
        <v>0</v>
      </c>
      <c r="NG34" s="109">
        <v>0</v>
      </c>
      <c r="NH34" s="109">
        <v>0</v>
      </c>
      <c r="NI34" s="109">
        <v>316200</v>
      </c>
      <c r="NJ34" s="109">
        <v>290852</v>
      </c>
      <c r="NK34" s="110">
        <v>607052</v>
      </c>
      <c r="NL34" s="292">
        <v>607052</v>
      </c>
      <c r="NM34" s="129">
        <v>0</v>
      </c>
      <c r="NN34" s="109">
        <v>0</v>
      </c>
      <c r="NO34" s="110">
        <v>0</v>
      </c>
      <c r="NP34" s="470">
        <v>0</v>
      </c>
      <c r="NQ34" s="109">
        <v>0</v>
      </c>
      <c r="NR34" s="109">
        <v>0</v>
      </c>
      <c r="NS34" s="109">
        <v>0</v>
      </c>
      <c r="NT34" s="109">
        <v>0</v>
      </c>
      <c r="NU34" s="109">
        <v>0</v>
      </c>
      <c r="NV34" s="110">
        <v>0</v>
      </c>
      <c r="NW34" s="111">
        <v>0</v>
      </c>
      <c r="NX34" s="129">
        <v>0</v>
      </c>
      <c r="NY34" s="109">
        <v>0</v>
      </c>
      <c r="NZ34" s="110">
        <v>0</v>
      </c>
      <c r="OA34" s="470">
        <v>0</v>
      </c>
      <c r="OB34" s="109">
        <v>0</v>
      </c>
      <c r="OC34" s="109">
        <v>0</v>
      </c>
      <c r="OD34" s="109">
        <v>0</v>
      </c>
      <c r="OE34" s="109">
        <v>0</v>
      </c>
      <c r="OF34" s="109">
        <v>0</v>
      </c>
      <c r="OG34" s="110">
        <v>0</v>
      </c>
      <c r="OH34" s="111">
        <v>0</v>
      </c>
      <c r="OI34" s="129">
        <v>95052</v>
      </c>
      <c r="OJ34" s="109">
        <v>13888</v>
      </c>
      <c r="OK34" s="128">
        <v>108940</v>
      </c>
      <c r="OL34" s="108">
        <v>0</v>
      </c>
      <c r="OM34" s="109">
        <v>369276</v>
      </c>
      <c r="ON34" s="109">
        <v>717849</v>
      </c>
      <c r="OO34" s="109">
        <v>1106427</v>
      </c>
      <c r="OP34" s="109">
        <v>575984</v>
      </c>
      <c r="OQ34" s="109">
        <v>1003596</v>
      </c>
      <c r="OR34" s="110">
        <v>3773132</v>
      </c>
      <c r="OS34" s="130">
        <v>3882072</v>
      </c>
    </row>
    <row r="35" spans="2:409" ht="21" customHeight="1" x14ac:dyDescent="0.2">
      <c r="B35" s="437" t="s">
        <v>30</v>
      </c>
      <c r="C35" s="100">
        <v>0</v>
      </c>
      <c r="D35" s="104">
        <v>0</v>
      </c>
      <c r="E35" s="157">
        <v>0</v>
      </c>
      <c r="F35" s="158">
        <v>0</v>
      </c>
      <c r="G35" s="159">
        <v>301604</v>
      </c>
      <c r="H35" s="159">
        <v>238644</v>
      </c>
      <c r="I35" s="159">
        <v>113336</v>
      </c>
      <c r="J35" s="159">
        <v>288368</v>
      </c>
      <c r="K35" s="159">
        <v>0</v>
      </c>
      <c r="L35" s="160">
        <v>941952</v>
      </c>
      <c r="M35" s="106">
        <v>941952</v>
      </c>
      <c r="N35" s="100">
        <v>0</v>
      </c>
      <c r="O35" s="104">
        <v>0</v>
      </c>
      <c r="P35" s="103">
        <v>0</v>
      </c>
      <c r="Q35" s="100">
        <v>0</v>
      </c>
      <c r="R35" s="104">
        <v>116040</v>
      </c>
      <c r="S35" s="104">
        <v>9600</v>
      </c>
      <c r="T35" s="104">
        <v>0</v>
      </c>
      <c r="U35" s="104">
        <v>91488</v>
      </c>
      <c r="V35" s="104">
        <v>0</v>
      </c>
      <c r="W35" s="103">
        <v>217128</v>
      </c>
      <c r="X35" s="106">
        <v>217128</v>
      </c>
      <c r="Y35" s="100">
        <v>0</v>
      </c>
      <c r="Z35" s="104">
        <v>0</v>
      </c>
      <c r="AA35" s="103">
        <v>0</v>
      </c>
      <c r="AB35" s="100">
        <v>0</v>
      </c>
      <c r="AC35" s="104">
        <v>22888</v>
      </c>
      <c r="AD35" s="104">
        <v>0</v>
      </c>
      <c r="AE35" s="104">
        <v>0</v>
      </c>
      <c r="AF35" s="104">
        <v>26472</v>
      </c>
      <c r="AG35" s="104">
        <v>0</v>
      </c>
      <c r="AH35" s="103">
        <v>49360</v>
      </c>
      <c r="AI35" s="106">
        <v>49360</v>
      </c>
      <c r="AJ35" s="100">
        <v>0</v>
      </c>
      <c r="AK35" s="104">
        <v>0</v>
      </c>
      <c r="AL35" s="103">
        <v>0</v>
      </c>
      <c r="AM35" s="100">
        <v>0</v>
      </c>
      <c r="AN35" s="104">
        <v>0</v>
      </c>
      <c r="AO35" s="104">
        <v>0</v>
      </c>
      <c r="AP35" s="104">
        <v>0</v>
      </c>
      <c r="AQ35" s="104">
        <v>0</v>
      </c>
      <c r="AR35" s="104">
        <v>0</v>
      </c>
      <c r="AS35" s="103">
        <v>0</v>
      </c>
      <c r="AT35" s="106">
        <v>0</v>
      </c>
      <c r="AU35" s="100">
        <v>0</v>
      </c>
      <c r="AV35" s="104">
        <v>0</v>
      </c>
      <c r="AW35" s="103">
        <v>0</v>
      </c>
      <c r="AX35" s="100">
        <v>0</v>
      </c>
      <c r="AY35" s="104">
        <v>47664</v>
      </c>
      <c r="AZ35" s="104">
        <v>0</v>
      </c>
      <c r="BA35" s="104">
        <v>0</v>
      </c>
      <c r="BB35" s="104">
        <v>42072</v>
      </c>
      <c r="BC35" s="104">
        <v>0</v>
      </c>
      <c r="BD35" s="103">
        <v>89736</v>
      </c>
      <c r="BE35" s="106">
        <v>89736</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45488</v>
      </c>
      <c r="BV35" s="104">
        <v>9600</v>
      </c>
      <c r="BW35" s="104">
        <v>0</v>
      </c>
      <c r="BX35" s="104">
        <v>22944</v>
      </c>
      <c r="BY35" s="104">
        <v>0</v>
      </c>
      <c r="BZ35" s="103">
        <v>78032</v>
      </c>
      <c r="CA35" s="106">
        <v>78032</v>
      </c>
      <c r="CB35" s="100">
        <v>0</v>
      </c>
      <c r="CC35" s="104">
        <v>0</v>
      </c>
      <c r="CD35" s="103">
        <v>0</v>
      </c>
      <c r="CE35" s="100">
        <v>0</v>
      </c>
      <c r="CF35" s="104">
        <v>0</v>
      </c>
      <c r="CG35" s="104">
        <v>49832</v>
      </c>
      <c r="CH35" s="104">
        <v>0</v>
      </c>
      <c r="CI35" s="104">
        <v>107720</v>
      </c>
      <c r="CJ35" s="104">
        <v>0</v>
      </c>
      <c r="CK35" s="103">
        <v>157552</v>
      </c>
      <c r="CL35" s="106">
        <v>157552</v>
      </c>
      <c r="CM35" s="100">
        <v>0</v>
      </c>
      <c r="CN35" s="104">
        <v>0</v>
      </c>
      <c r="CO35" s="103">
        <v>0</v>
      </c>
      <c r="CP35" s="101">
        <v>0</v>
      </c>
      <c r="CQ35" s="104">
        <v>0</v>
      </c>
      <c r="CR35" s="104">
        <v>0</v>
      </c>
      <c r="CS35" s="104">
        <v>0</v>
      </c>
      <c r="CT35" s="104">
        <v>107720</v>
      </c>
      <c r="CU35" s="104">
        <v>0</v>
      </c>
      <c r="CV35" s="103">
        <v>107720</v>
      </c>
      <c r="CW35" s="106">
        <v>107720</v>
      </c>
      <c r="CX35" s="100">
        <v>0</v>
      </c>
      <c r="CY35" s="104">
        <v>0</v>
      </c>
      <c r="CZ35" s="103">
        <v>0</v>
      </c>
      <c r="DA35" s="100">
        <v>0</v>
      </c>
      <c r="DB35" s="104">
        <v>0</v>
      </c>
      <c r="DC35" s="104">
        <v>49832</v>
      </c>
      <c r="DD35" s="104">
        <v>0</v>
      </c>
      <c r="DE35" s="104">
        <v>0</v>
      </c>
      <c r="DF35" s="104">
        <v>0</v>
      </c>
      <c r="DG35" s="103">
        <v>49832</v>
      </c>
      <c r="DH35" s="106">
        <v>49832</v>
      </c>
      <c r="DI35" s="100">
        <v>0</v>
      </c>
      <c r="DJ35" s="104">
        <v>0</v>
      </c>
      <c r="DK35" s="102">
        <v>0</v>
      </c>
      <c r="DL35" s="101">
        <v>0</v>
      </c>
      <c r="DM35" s="104">
        <v>23344</v>
      </c>
      <c r="DN35" s="104">
        <v>0</v>
      </c>
      <c r="DO35" s="104">
        <v>86136</v>
      </c>
      <c r="DP35" s="104">
        <v>66952</v>
      </c>
      <c r="DQ35" s="104">
        <v>0</v>
      </c>
      <c r="DR35" s="103">
        <v>176432</v>
      </c>
      <c r="DS35" s="106">
        <v>176432</v>
      </c>
      <c r="DT35" s="100">
        <v>0</v>
      </c>
      <c r="DU35" s="104">
        <v>0</v>
      </c>
      <c r="DV35" s="103">
        <v>0</v>
      </c>
      <c r="DW35" s="100">
        <v>0</v>
      </c>
      <c r="DX35" s="104">
        <v>23344</v>
      </c>
      <c r="DY35" s="104">
        <v>0</v>
      </c>
      <c r="DZ35" s="104">
        <v>86136</v>
      </c>
      <c r="EA35" s="104">
        <v>66952</v>
      </c>
      <c r="EB35" s="104">
        <v>0</v>
      </c>
      <c r="EC35" s="103">
        <v>176432</v>
      </c>
      <c r="ED35" s="106">
        <v>176432</v>
      </c>
      <c r="EE35" s="100">
        <v>0</v>
      </c>
      <c r="EF35" s="102">
        <v>0</v>
      </c>
      <c r="EG35" s="103">
        <v>0</v>
      </c>
      <c r="EH35" s="100">
        <v>0</v>
      </c>
      <c r="EI35" s="104">
        <v>0</v>
      </c>
      <c r="EJ35" s="104">
        <v>0</v>
      </c>
      <c r="EK35" s="104">
        <v>0</v>
      </c>
      <c r="EL35" s="104">
        <v>0</v>
      </c>
      <c r="EM35" s="104">
        <v>0</v>
      </c>
      <c r="EN35" s="102">
        <v>0</v>
      </c>
      <c r="EO35" s="106">
        <v>0</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06">
        <v>0</v>
      </c>
      <c r="FE35" s="104">
        <v>0</v>
      </c>
      <c r="FF35" s="104">
        <v>0</v>
      </c>
      <c r="FG35" s="104">
        <v>0</v>
      </c>
      <c r="FH35" s="104">
        <v>0</v>
      </c>
      <c r="FI35" s="104">
        <v>0</v>
      </c>
      <c r="FJ35" s="103">
        <v>0</v>
      </c>
      <c r="FK35" s="106">
        <v>0</v>
      </c>
      <c r="FL35" s="100">
        <v>0</v>
      </c>
      <c r="FM35" s="104">
        <v>0</v>
      </c>
      <c r="FN35" s="103">
        <v>0</v>
      </c>
      <c r="FO35" s="100">
        <v>0</v>
      </c>
      <c r="FP35" s="104">
        <v>1600</v>
      </c>
      <c r="FQ35" s="104">
        <v>0</v>
      </c>
      <c r="FR35" s="104">
        <v>27200</v>
      </c>
      <c r="FS35" s="104">
        <v>22208</v>
      </c>
      <c r="FT35" s="104">
        <v>0</v>
      </c>
      <c r="FU35" s="103">
        <v>51008</v>
      </c>
      <c r="FV35" s="106">
        <v>51008</v>
      </c>
      <c r="FW35" s="105">
        <v>0</v>
      </c>
      <c r="FX35" s="104">
        <v>0</v>
      </c>
      <c r="FY35" s="102">
        <v>0</v>
      </c>
      <c r="FZ35" s="101">
        <v>0</v>
      </c>
      <c r="GA35" s="104">
        <v>1600</v>
      </c>
      <c r="GB35" s="104">
        <v>0</v>
      </c>
      <c r="GC35" s="104">
        <v>27200</v>
      </c>
      <c r="GD35" s="104">
        <v>22208</v>
      </c>
      <c r="GE35" s="104">
        <v>0</v>
      </c>
      <c r="GF35" s="103">
        <v>51008</v>
      </c>
      <c r="GG35" s="290">
        <v>51008</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160620</v>
      </c>
      <c r="HI35" s="104">
        <v>179212</v>
      </c>
      <c r="HJ35" s="104">
        <v>0</v>
      </c>
      <c r="HK35" s="104">
        <v>0</v>
      </c>
      <c r="HL35" s="104">
        <v>0</v>
      </c>
      <c r="HM35" s="103">
        <v>339832</v>
      </c>
      <c r="HN35" s="99">
        <v>339832</v>
      </c>
      <c r="HO35" s="456">
        <v>0</v>
      </c>
      <c r="HP35" s="457">
        <v>0</v>
      </c>
      <c r="HQ35" s="458">
        <v>0</v>
      </c>
      <c r="HR35" s="459">
        <v>0</v>
      </c>
      <c r="HS35" s="457">
        <v>0</v>
      </c>
      <c r="HT35" s="457">
        <v>0</v>
      </c>
      <c r="HU35" s="457">
        <v>0</v>
      </c>
      <c r="HV35" s="457">
        <v>0</v>
      </c>
      <c r="HW35" s="457">
        <v>0</v>
      </c>
      <c r="HX35" s="460">
        <v>0</v>
      </c>
      <c r="HY35" s="461">
        <v>0</v>
      </c>
      <c r="HZ35" s="118">
        <v>0</v>
      </c>
      <c r="IA35" s="119">
        <v>0</v>
      </c>
      <c r="IB35" s="120">
        <v>0</v>
      </c>
      <c r="IC35" s="131">
        <v>0</v>
      </c>
      <c r="ID35" s="119">
        <v>43656</v>
      </c>
      <c r="IE35" s="132">
        <v>0</v>
      </c>
      <c r="IF35" s="120">
        <v>111744</v>
      </c>
      <c r="IG35" s="119">
        <v>257424</v>
      </c>
      <c r="IH35" s="120">
        <v>0</v>
      </c>
      <c r="II35" s="133">
        <v>412824</v>
      </c>
      <c r="IJ35" s="126">
        <v>412824</v>
      </c>
      <c r="IK35" s="215">
        <v>0</v>
      </c>
      <c r="IL35" s="219">
        <v>0</v>
      </c>
      <c r="IM35" s="220">
        <v>0</v>
      </c>
      <c r="IN35" s="470">
        <v>0</v>
      </c>
      <c r="IO35" s="109">
        <v>0</v>
      </c>
      <c r="IP35" s="109">
        <v>0</v>
      </c>
      <c r="IQ35" s="109">
        <v>0</v>
      </c>
      <c r="IR35" s="109">
        <v>0</v>
      </c>
      <c r="IS35" s="109">
        <v>0</v>
      </c>
      <c r="IT35" s="128">
        <v>0</v>
      </c>
      <c r="IU35" s="292">
        <v>0</v>
      </c>
      <c r="IV35" s="129">
        <v>0</v>
      </c>
      <c r="IW35" s="109">
        <v>0</v>
      </c>
      <c r="IX35" s="110">
        <v>0</v>
      </c>
      <c r="IY35" s="470">
        <v>0</v>
      </c>
      <c r="IZ35" s="109">
        <v>0</v>
      </c>
      <c r="JA35" s="109">
        <v>0</v>
      </c>
      <c r="JB35" s="109">
        <v>0</v>
      </c>
      <c r="JC35" s="109">
        <v>0</v>
      </c>
      <c r="JD35" s="109">
        <v>0</v>
      </c>
      <c r="JE35" s="110">
        <v>0</v>
      </c>
      <c r="JF35" s="111">
        <v>0</v>
      </c>
      <c r="JG35" s="129">
        <v>0</v>
      </c>
      <c r="JH35" s="109">
        <v>0</v>
      </c>
      <c r="JI35" s="128">
        <v>0</v>
      </c>
      <c r="JJ35" s="108">
        <v>0</v>
      </c>
      <c r="JK35" s="109">
        <v>43656</v>
      </c>
      <c r="JL35" s="109">
        <v>0</v>
      </c>
      <c r="JM35" s="109">
        <v>111744</v>
      </c>
      <c r="JN35" s="109">
        <v>0</v>
      </c>
      <c r="JO35" s="109">
        <v>0</v>
      </c>
      <c r="JP35" s="110">
        <v>155400</v>
      </c>
      <c r="JQ35" s="292">
        <v>155400</v>
      </c>
      <c r="JR35" s="129">
        <v>0</v>
      </c>
      <c r="JS35" s="109">
        <v>0</v>
      </c>
      <c r="JT35" s="128">
        <v>0</v>
      </c>
      <c r="JU35" s="108">
        <v>0</v>
      </c>
      <c r="JV35" s="109">
        <v>0</v>
      </c>
      <c r="JW35" s="109">
        <v>0</v>
      </c>
      <c r="JX35" s="109">
        <v>0</v>
      </c>
      <c r="JY35" s="109">
        <v>0</v>
      </c>
      <c r="JZ35" s="109">
        <v>0</v>
      </c>
      <c r="KA35" s="110">
        <v>0</v>
      </c>
      <c r="KB35" s="292">
        <v>0</v>
      </c>
      <c r="KC35" s="217">
        <v>0</v>
      </c>
      <c r="KD35" s="213">
        <v>0</v>
      </c>
      <c r="KE35" s="110">
        <v>0</v>
      </c>
      <c r="KF35" s="108">
        <v>0</v>
      </c>
      <c r="KG35" s="109">
        <v>0</v>
      </c>
      <c r="KH35" s="109">
        <v>0</v>
      </c>
      <c r="KI35" s="109">
        <v>0</v>
      </c>
      <c r="KJ35" s="109">
        <v>0</v>
      </c>
      <c r="KK35" s="109">
        <v>0</v>
      </c>
      <c r="KL35" s="110">
        <v>0</v>
      </c>
      <c r="KM35" s="130">
        <v>0</v>
      </c>
      <c r="KN35" s="215">
        <v>0</v>
      </c>
      <c r="KO35" s="219">
        <v>0</v>
      </c>
      <c r="KP35" s="220">
        <v>0</v>
      </c>
      <c r="KQ35" s="470">
        <v>0</v>
      </c>
      <c r="KR35" s="109">
        <v>0</v>
      </c>
      <c r="KS35" s="109">
        <v>0</v>
      </c>
      <c r="KT35" s="109">
        <v>0</v>
      </c>
      <c r="KU35" s="109">
        <v>257424</v>
      </c>
      <c r="KV35" s="109">
        <v>0</v>
      </c>
      <c r="KW35" s="110">
        <v>257424</v>
      </c>
      <c r="KX35" s="292">
        <v>257424</v>
      </c>
      <c r="KY35" s="129">
        <v>0</v>
      </c>
      <c r="KZ35" s="109">
        <v>0</v>
      </c>
      <c r="LA35" s="110">
        <v>0</v>
      </c>
      <c r="LB35" s="470">
        <v>0</v>
      </c>
      <c r="LC35" s="109">
        <v>0</v>
      </c>
      <c r="LD35" s="109">
        <v>0</v>
      </c>
      <c r="LE35" s="109">
        <v>0</v>
      </c>
      <c r="LF35" s="109">
        <v>0</v>
      </c>
      <c r="LG35" s="109">
        <v>0</v>
      </c>
      <c r="LH35" s="110">
        <v>0</v>
      </c>
      <c r="LI35" s="111">
        <v>0</v>
      </c>
      <c r="LJ35" s="129">
        <v>0</v>
      </c>
      <c r="LK35" s="109">
        <v>0</v>
      </c>
      <c r="LL35" s="110">
        <v>0</v>
      </c>
      <c r="LM35" s="470">
        <v>0</v>
      </c>
      <c r="LN35" s="109">
        <v>0</v>
      </c>
      <c r="LO35" s="109">
        <v>0</v>
      </c>
      <c r="LP35" s="109">
        <v>0</v>
      </c>
      <c r="LQ35" s="109">
        <v>0</v>
      </c>
      <c r="LR35" s="109">
        <v>0</v>
      </c>
      <c r="LS35" s="110">
        <v>0</v>
      </c>
      <c r="LT35" s="292">
        <v>0</v>
      </c>
      <c r="LU35" s="129">
        <v>0</v>
      </c>
      <c r="LV35" s="109">
        <v>0</v>
      </c>
      <c r="LW35" s="110">
        <v>0</v>
      </c>
      <c r="LX35" s="470">
        <v>0</v>
      </c>
      <c r="LY35" s="109">
        <v>0</v>
      </c>
      <c r="LZ35" s="109">
        <v>0</v>
      </c>
      <c r="MA35" s="109">
        <v>0</v>
      </c>
      <c r="MB35" s="109">
        <v>0</v>
      </c>
      <c r="MC35" s="109">
        <v>0</v>
      </c>
      <c r="MD35" s="110">
        <v>0</v>
      </c>
      <c r="ME35" s="111">
        <v>0</v>
      </c>
      <c r="MF35" s="129">
        <v>0</v>
      </c>
      <c r="MG35" s="109">
        <v>0</v>
      </c>
      <c r="MH35" s="110">
        <v>0</v>
      </c>
      <c r="MI35" s="470">
        <v>0</v>
      </c>
      <c r="MJ35" s="109">
        <v>205632</v>
      </c>
      <c r="MK35" s="109">
        <v>75640</v>
      </c>
      <c r="ML35" s="109">
        <v>264686</v>
      </c>
      <c r="MM35" s="109">
        <v>1218673</v>
      </c>
      <c r="MN35" s="109">
        <v>262944</v>
      </c>
      <c r="MO35" s="110">
        <v>2027575</v>
      </c>
      <c r="MP35" s="130">
        <v>2027575</v>
      </c>
      <c r="MQ35" s="129">
        <v>0</v>
      </c>
      <c r="MR35" s="109">
        <v>0</v>
      </c>
      <c r="MS35" s="110">
        <v>0</v>
      </c>
      <c r="MT35" s="470">
        <v>0</v>
      </c>
      <c r="MU35" s="109">
        <v>0</v>
      </c>
      <c r="MV35" s="109">
        <v>0</v>
      </c>
      <c r="MW35" s="109">
        <v>0</v>
      </c>
      <c r="MX35" s="109">
        <v>0</v>
      </c>
      <c r="MY35" s="109">
        <v>262944</v>
      </c>
      <c r="MZ35" s="110">
        <v>262944</v>
      </c>
      <c r="NA35" s="130">
        <v>262944</v>
      </c>
      <c r="NB35" s="129">
        <v>0</v>
      </c>
      <c r="NC35" s="109">
        <v>0</v>
      </c>
      <c r="ND35" s="110">
        <v>0</v>
      </c>
      <c r="NE35" s="470">
        <v>0</v>
      </c>
      <c r="NF35" s="109">
        <v>205632</v>
      </c>
      <c r="NG35" s="109">
        <v>75640</v>
      </c>
      <c r="NH35" s="109">
        <v>264686</v>
      </c>
      <c r="NI35" s="109">
        <v>830597</v>
      </c>
      <c r="NJ35" s="109">
        <v>0</v>
      </c>
      <c r="NK35" s="110">
        <v>1376555</v>
      </c>
      <c r="NL35" s="292">
        <v>1376555</v>
      </c>
      <c r="NM35" s="129">
        <v>0</v>
      </c>
      <c r="NN35" s="109">
        <v>0</v>
      </c>
      <c r="NO35" s="110">
        <v>0</v>
      </c>
      <c r="NP35" s="470">
        <v>0</v>
      </c>
      <c r="NQ35" s="109">
        <v>0</v>
      </c>
      <c r="NR35" s="109">
        <v>0</v>
      </c>
      <c r="NS35" s="109">
        <v>0</v>
      </c>
      <c r="NT35" s="109">
        <v>0</v>
      </c>
      <c r="NU35" s="109">
        <v>0</v>
      </c>
      <c r="NV35" s="110">
        <v>0</v>
      </c>
      <c r="NW35" s="111">
        <v>0</v>
      </c>
      <c r="NX35" s="129">
        <v>0</v>
      </c>
      <c r="NY35" s="109">
        <v>0</v>
      </c>
      <c r="NZ35" s="110">
        <v>0</v>
      </c>
      <c r="OA35" s="470">
        <v>0</v>
      </c>
      <c r="OB35" s="109">
        <v>0</v>
      </c>
      <c r="OC35" s="109">
        <v>0</v>
      </c>
      <c r="OD35" s="109">
        <v>0</v>
      </c>
      <c r="OE35" s="109">
        <v>388076</v>
      </c>
      <c r="OF35" s="109">
        <v>0</v>
      </c>
      <c r="OG35" s="110">
        <v>388076</v>
      </c>
      <c r="OH35" s="111">
        <v>388076</v>
      </c>
      <c r="OI35" s="129">
        <v>0</v>
      </c>
      <c r="OJ35" s="109">
        <v>0</v>
      </c>
      <c r="OK35" s="128">
        <v>0</v>
      </c>
      <c r="OL35" s="108">
        <v>0</v>
      </c>
      <c r="OM35" s="109">
        <v>550892</v>
      </c>
      <c r="ON35" s="109">
        <v>314284</v>
      </c>
      <c r="OO35" s="109">
        <v>489766</v>
      </c>
      <c r="OP35" s="109">
        <v>1764465</v>
      </c>
      <c r="OQ35" s="109">
        <v>262944</v>
      </c>
      <c r="OR35" s="110">
        <v>3382351</v>
      </c>
      <c r="OS35" s="130">
        <v>3382351</v>
      </c>
    </row>
    <row r="36" spans="2:409" ht="21" customHeight="1" x14ac:dyDescent="0.2">
      <c r="B36" s="437" t="s">
        <v>31</v>
      </c>
      <c r="C36" s="100">
        <v>5200</v>
      </c>
      <c r="D36" s="104">
        <v>30132</v>
      </c>
      <c r="E36" s="103">
        <v>35332</v>
      </c>
      <c r="F36" s="99">
        <v>0</v>
      </c>
      <c r="G36" s="104">
        <v>205313</v>
      </c>
      <c r="H36" s="104">
        <v>137821</v>
      </c>
      <c r="I36" s="104">
        <v>703464</v>
      </c>
      <c r="J36" s="104">
        <v>65470</v>
      </c>
      <c r="K36" s="104">
        <v>16672</v>
      </c>
      <c r="L36" s="156">
        <v>1128740</v>
      </c>
      <c r="M36" s="106">
        <v>1164072</v>
      </c>
      <c r="N36" s="100">
        <v>0</v>
      </c>
      <c r="O36" s="104">
        <v>21582</v>
      </c>
      <c r="P36" s="103">
        <v>21582</v>
      </c>
      <c r="Q36" s="100">
        <v>0</v>
      </c>
      <c r="R36" s="104">
        <v>27032</v>
      </c>
      <c r="S36" s="104">
        <v>45488</v>
      </c>
      <c r="T36" s="104">
        <v>333392</v>
      </c>
      <c r="U36" s="104">
        <v>27728</v>
      </c>
      <c r="V36" s="104">
        <v>16672</v>
      </c>
      <c r="W36" s="103">
        <v>450312</v>
      </c>
      <c r="X36" s="106">
        <v>471894</v>
      </c>
      <c r="Y36" s="100">
        <v>0</v>
      </c>
      <c r="Z36" s="104">
        <v>0</v>
      </c>
      <c r="AA36" s="103">
        <v>0</v>
      </c>
      <c r="AB36" s="100">
        <v>0</v>
      </c>
      <c r="AC36" s="104">
        <v>0</v>
      </c>
      <c r="AD36" s="104">
        <v>0</v>
      </c>
      <c r="AE36" s="104">
        <v>154520</v>
      </c>
      <c r="AF36" s="104">
        <v>0</v>
      </c>
      <c r="AG36" s="104">
        <v>0</v>
      </c>
      <c r="AH36" s="103">
        <v>154520</v>
      </c>
      <c r="AI36" s="106">
        <v>154520</v>
      </c>
      <c r="AJ36" s="100">
        <v>0</v>
      </c>
      <c r="AK36" s="104">
        <v>0</v>
      </c>
      <c r="AL36" s="103">
        <v>0</v>
      </c>
      <c r="AM36" s="100">
        <v>0</v>
      </c>
      <c r="AN36" s="104">
        <v>0</v>
      </c>
      <c r="AO36" s="104">
        <v>45488</v>
      </c>
      <c r="AP36" s="104">
        <v>90968</v>
      </c>
      <c r="AQ36" s="104">
        <v>0</v>
      </c>
      <c r="AR36" s="104">
        <v>0</v>
      </c>
      <c r="AS36" s="103">
        <v>136456</v>
      </c>
      <c r="AT36" s="106">
        <v>136456</v>
      </c>
      <c r="AU36" s="100">
        <v>0</v>
      </c>
      <c r="AV36" s="104">
        <v>21582</v>
      </c>
      <c r="AW36" s="103">
        <v>21582</v>
      </c>
      <c r="AX36" s="100">
        <v>0</v>
      </c>
      <c r="AY36" s="104">
        <v>27032</v>
      </c>
      <c r="AZ36" s="104">
        <v>0</v>
      </c>
      <c r="BA36" s="104">
        <v>87904</v>
      </c>
      <c r="BB36" s="104">
        <v>0</v>
      </c>
      <c r="BC36" s="104">
        <v>0</v>
      </c>
      <c r="BD36" s="103">
        <v>114936</v>
      </c>
      <c r="BE36" s="106">
        <v>136518</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0</v>
      </c>
      <c r="BW36" s="104">
        <v>0</v>
      </c>
      <c r="BX36" s="104">
        <v>27728</v>
      </c>
      <c r="BY36" s="104">
        <v>16672</v>
      </c>
      <c r="BZ36" s="103">
        <v>44400</v>
      </c>
      <c r="CA36" s="106">
        <v>44400</v>
      </c>
      <c r="CB36" s="100">
        <v>0</v>
      </c>
      <c r="CC36" s="104">
        <v>0</v>
      </c>
      <c r="CD36" s="103">
        <v>0</v>
      </c>
      <c r="CE36" s="100">
        <v>0</v>
      </c>
      <c r="CF36" s="104">
        <v>147337</v>
      </c>
      <c r="CG36" s="104">
        <v>55893</v>
      </c>
      <c r="CH36" s="104">
        <v>95784</v>
      </c>
      <c r="CI36" s="104">
        <v>0</v>
      </c>
      <c r="CJ36" s="104">
        <v>0</v>
      </c>
      <c r="CK36" s="103">
        <v>299014</v>
      </c>
      <c r="CL36" s="106">
        <v>299014</v>
      </c>
      <c r="CM36" s="100">
        <v>0</v>
      </c>
      <c r="CN36" s="104">
        <v>0</v>
      </c>
      <c r="CO36" s="103">
        <v>0</v>
      </c>
      <c r="CP36" s="101">
        <v>0</v>
      </c>
      <c r="CQ36" s="104">
        <v>99637</v>
      </c>
      <c r="CR36" s="104">
        <v>0</v>
      </c>
      <c r="CS36" s="104">
        <v>0</v>
      </c>
      <c r="CT36" s="104">
        <v>0</v>
      </c>
      <c r="CU36" s="104">
        <v>0</v>
      </c>
      <c r="CV36" s="103">
        <v>99637</v>
      </c>
      <c r="CW36" s="106">
        <v>99637</v>
      </c>
      <c r="CX36" s="100">
        <v>0</v>
      </c>
      <c r="CY36" s="104">
        <v>0</v>
      </c>
      <c r="CZ36" s="103">
        <v>0</v>
      </c>
      <c r="DA36" s="100">
        <v>0</v>
      </c>
      <c r="DB36" s="104">
        <v>47700</v>
      </c>
      <c r="DC36" s="104">
        <v>55893</v>
      </c>
      <c r="DD36" s="104">
        <v>95784</v>
      </c>
      <c r="DE36" s="104">
        <v>0</v>
      </c>
      <c r="DF36" s="104">
        <v>0</v>
      </c>
      <c r="DG36" s="103">
        <v>199377</v>
      </c>
      <c r="DH36" s="106">
        <v>199377</v>
      </c>
      <c r="DI36" s="100">
        <v>0</v>
      </c>
      <c r="DJ36" s="104">
        <v>0</v>
      </c>
      <c r="DK36" s="102">
        <v>0</v>
      </c>
      <c r="DL36" s="101">
        <v>0</v>
      </c>
      <c r="DM36" s="104">
        <v>5824</v>
      </c>
      <c r="DN36" s="104">
        <v>0</v>
      </c>
      <c r="DO36" s="104">
        <v>204848</v>
      </c>
      <c r="DP36" s="104">
        <v>27142</v>
      </c>
      <c r="DQ36" s="104">
        <v>0</v>
      </c>
      <c r="DR36" s="103">
        <v>237814</v>
      </c>
      <c r="DS36" s="106">
        <v>237814</v>
      </c>
      <c r="DT36" s="100">
        <v>0</v>
      </c>
      <c r="DU36" s="104">
        <v>0</v>
      </c>
      <c r="DV36" s="103">
        <v>0</v>
      </c>
      <c r="DW36" s="100">
        <v>0</v>
      </c>
      <c r="DX36" s="104">
        <v>5824</v>
      </c>
      <c r="DY36" s="104">
        <v>0</v>
      </c>
      <c r="DZ36" s="104">
        <v>204848</v>
      </c>
      <c r="EA36" s="104">
        <v>27142</v>
      </c>
      <c r="EB36" s="104">
        <v>0</v>
      </c>
      <c r="EC36" s="103">
        <v>237814</v>
      </c>
      <c r="ED36" s="106">
        <v>237814</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06">
        <v>0</v>
      </c>
      <c r="FE36" s="104">
        <v>0</v>
      </c>
      <c r="FF36" s="104">
        <v>0</v>
      </c>
      <c r="FG36" s="104">
        <v>0</v>
      </c>
      <c r="FH36" s="104">
        <v>0</v>
      </c>
      <c r="FI36" s="104">
        <v>0</v>
      </c>
      <c r="FJ36" s="103">
        <v>0</v>
      </c>
      <c r="FK36" s="106">
        <v>0</v>
      </c>
      <c r="FL36" s="100">
        <v>5200</v>
      </c>
      <c r="FM36" s="104">
        <v>8550</v>
      </c>
      <c r="FN36" s="103">
        <v>13750</v>
      </c>
      <c r="FO36" s="100">
        <v>0</v>
      </c>
      <c r="FP36" s="104">
        <v>25120</v>
      </c>
      <c r="FQ36" s="104">
        <v>36440</v>
      </c>
      <c r="FR36" s="104">
        <v>69440</v>
      </c>
      <c r="FS36" s="104">
        <v>10600</v>
      </c>
      <c r="FT36" s="104">
        <v>0</v>
      </c>
      <c r="FU36" s="103">
        <v>141600</v>
      </c>
      <c r="FV36" s="106">
        <v>155350</v>
      </c>
      <c r="FW36" s="105">
        <v>5200</v>
      </c>
      <c r="FX36" s="104">
        <v>8550</v>
      </c>
      <c r="FY36" s="102">
        <v>13750</v>
      </c>
      <c r="FZ36" s="101">
        <v>0</v>
      </c>
      <c r="GA36" s="104">
        <v>25120</v>
      </c>
      <c r="GB36" s="104">
        <v>36440</v>
      </c>
      <c r="GC36" s="104">
        <v>69440</v>
      </c>
      <c r="GD36" s="104">
        <v>10600</v>
      </c>
      <c r="GE36" s="104">
        <v>0</v>
      </c>
      <c r="GF36" s="103">
        <v>141600</v>
      </c>
      <c r="GG36" s="290">
        <v>155350</v>
      </c>
      <c r="GH36" s="105">
        <v>0</v>
      </c>
      <c r="GI36" s="104">
        <v>0</v>
      </c>
      <c r="GJ36" s="102">
        <v>0</v>
      </c>
      <c r="GK36" s="101">
        <v>0</v>
      </c>
      <c r="GL36" s="104">
        <v>0</v>
      </c>
      <c r="GM36" s="104">
        <v>0</v>
      </c>
      <c r="GN36" s="104">
        <v>0</v>
      </c>
      <c r="GO36" s="104">
        <v>0</v>
      </c>
      <c r="GP36" s="104">
        <v>0</v>
      </c>
      <c r="GQ36" s="103">
        <v>0</v>
      </c>
      <c r="GR36" s="106">
        <v>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0</v>
      </c>
      <c r="HK36" s="104">
        <v>0</v>
      </c>
      <c r="HL36" s="104">
        <v>0</v>
      </c>
      <c r="HM36" s="103">
        <v>0</v>
      </c>
      <c r="HN36" s="99">
        <v>0</v>
      </c>
      <c r="HO36" s="456">
        <v>0</v>
      </c>
      <c r="HP36" s="457">
        <v>0</v>
      </c>
      <c r="HQ36" s="458">
        <v>0</v>
      </c>
      <c r="HR36" s="459">
        <v>0</v>
      </c>
      <c r="HS36" s="457">
        <v>0</v>
      </c>
      <c r="HT36" s="457">
        <v>0</v>
      </c>
      <c r="HU36" s="457">
        <v>0</v>
      </c>
      <c r="HV36" s="457">
        <v>0</v>
      </c>
      <c r="HW36" s="457">
        <v>0</v>
      </c>
      <c r="HX36" s="460">
        <v>0</v>
      </c>
      <c r="HY36" s="461">
        <v>0</v>
      </c>
      <c r="HZ36" s="135">
        <v>0</v>
      </c>
      <c r="IA36" s="122">
        <v>0</v>
      </c>
      <c r="IB36" s="135">
        <v>0</v>
      </c>
      <c r="IC36" s="121">
        <v>0</v>
      </c>
      <c r="ID36" s="122">
        <v>87884</v>
      </c>
      <c r="IE36" s="123">
        <v>443161</v>
      </c>
      <c r="IF36" s="124">
        <v>10204</v>
      </c>
      <c r="IG36" s="122">
        <v>400850</v>
      </c>
      <c r="IH36" s="124">
        <v>253728</v>
      </c>
      <c r="II36" s="125">
        <v>1195827</v>
      </c>
      <c r="IJ36" s="135">
        <v>1195827</v>
      </c>
      <c r="IK36" s="215">
        <v>0</v>
      </c>
      <c r="IL36" s="219">
        <v>0</v>
      </c>
      <c r="IM36" s="220">
        <v>0</v>
      </c>
      <c r="IN36" s="470">
        <v>0</v>
      </c>
      <c r="IO36" s="109">
        <v>0</v>
      </c>
      <c r="IP36" s="109">
        <v>0</v>
      </c>
      <c r="IQ36" s="109">
        <v>0</v>
      </c>
      <c r="IR36" s="109">
        <v>0</v>
      </c>
      <c r="IS36" s="109">
        <v>0</v>
      </c>
      <c r="IT36" s="128">
        <v>0</v>
      </c>
      <c r="IU36" s="292">
        <v>0</v>
      </c>
      <c r="IV36" s="129">
        <v>0</v>
      </c>
      <c r="IW36" s="109">
        <v>0</v>
      </c>
      <c r="IX36" s="110">
        <v>0</v>
      </c>
      <c r="IY36" s="470">
        <v>0</v>
      </c>
      <c r="IZ36" s="109">
        <v>0</v>
      </c>
      <c r="JA36" s="109">
        <v>0</v>
      </c>
      <c r="JB36" s="109">
        <v>0</v>
      </c>
      <c r="JC36" s="109">
        <v>0</v>
      </c>
      <c r="JD36" s="109">
        <v>0</v>
      </c>
      <c r="JE36" s="110">
        <v>0</v>
      </c>
      <c r="JF36" s="111">
        <v>0</v>
      </c>
      <c r="JG36" s="129">
        <v>0</v>
      </c>
      <c r="JH36" s="109">
        <v>0</v>
      </c>
      <c r="JI36" s="128">
        <v>0</v>
      </c>
      <c r="JJ36" s="108">
        <v>0</v>
      </c>
      <c r="JK36" s="109">
        <v>0</v>
      </c>
      <c r="JL36" s="109">
        <v>18284</v>
      </c>
      <c r="JM36" s="109">
        <v>10204</v>
      </c>
      <c r="JN36" s="109">
        <v>0</v>
      </c>
      <c r="JO36" s="109">
        <v>0</v>
      </c>
      <c r="JP36" s="110">
        <v>28488</v>
      </c>
      <c r="JQ36" s="292">
        <v>28488</v>
      </c>
      <c r="JR36" s="129">
        <v>0</v>
      </c>
      <c r="JS36" s="109">
        <v>0</v>
      </c>
      <c r="JT36" s="128">
        <v>0</v>
      </c>
      <c r="JU36" s="108">
        <v>0</v>
      </c>
      <c r="JV36" s="109">
        <v>0</v>
      </c>
      <c r="JW36" s="109">
        <v>0</v>
      </c>
      <c r="JX36" s="109">
        <v>0</v>
      </c>
      <c r="JY36" s="109">
        <v>163178</v>
      </c>
      <c r="JZ36" s="109">
        <v>0</v>
      </c>
      <c r="KA36" s="110">
        <v>163178</v>
      </c>
      <c r="KB36" s="292">
        <v>163178</v>
      </c>
      <c r="KC36" s="217">
        <v>0</v>
      </c>
      <c r="KD36" s="213">
        <v>0</v>
      </c>
      <c r="KE36" s="110">
        <v>0</v>
      </c>
      <c r="KF36" s="108">
        <v>0</v>
      </c>
      <c r="KG36" s="109">
        <v>87884</v>
      </c>
      <c r="KH36" s="109">
        <v>0</v>
      </c>
      <c r="KI36" s="109">
        <v>0</v>
      </c>
      <c r="KJ36" s="109">
        <v>0</v>
      </c>
      <c r="KK36" s="109">
        <v>0</v>
      </c>
      <c r="KL36" s="110">
        <v>87884</v>
      </c>
      <c r="KM36" s="130">
        <v>87884</v>
      </c>
      <c r="KN36" s="215">
        <v>0</v>
      </c>
      <c r="KO36" s="219">
        <v>0</v>
      </c>
      <c r="KP36" s="220">
        <v>0</v>
      </c>
      <c r="KQ36" s="470">
        <v>0</v>
      </c>
      <c r="KR36" s="109">
        <v>0</v>
      </c>
      <c r="KS36" s="109">
        <v>242069</v>
      </c>
      <c r="KT36" s="109">
        <v>0</v>
      </c>
      <c r="KU36" s="109">
        <v>237672</v>
      </c>
      <c r="KV36" s="109">
        <v>253728</v>
      </c>
      <c r="KW36" s="110">
        <v>733469</v>
      </c>
      <c r="KX36" s="292">
        <v>733469</v>
      </c>
      <c r="KY36" s="129">
        <v>0</v>
      </c>
      <c r="KZ36" s="109">
        <v>0</v>
      </c>
      <c r="LA36" s="110">
        <v>0</v>
      </c>
      <c r="LB36" s="470">
        <v>0</v>
      </c>
      <c r="LC36" s="109">
        <v>0</v>
      </c>
      <c r="LD36" s="109">
        <v>0</v>
      </c>
      <c r="LE36" s="109">
        <v>0</v>
      </c>
      <c r="LF36" s="109">
        <v>0</v>
      </c>
      <c r="LG36" s="109">
        <v>0</v>
      </c>
      <c r="LH36" s="110">
        <v>0</v>
      </c>
      <c r="LI36" s="111">
        <v>0</v>
      </c>
      <c r="LJ36" s="129">
        <v>0</v>
      </c>
      <c r="LK36" s="109">
        <v>0</v>
      </c>
      <c r="LL36" s="110">
        <v>0</v>
      </c>
      <c r="LM36" s="470">
        <v>0</v>
      </c>
      <c r="LN36" s="109">
        <v>0</v>
      </c>
      <c r="LO36" s="109">
        <v>182808</v>
      </c>
      <c r="LP36" s="109">
        <v>0</v>
      </c>
      <c r="LQ36" s="109">
        <v>0</v>
      </c>
      <c r="LR36" s="109">
        <v>0</v>
      </c>
      <c r="LS36" s="110">
        <v>182808</v>
      </c>
      <c r="LT36" s="292">
        <v>182808</v>
      </c>
      <c r="LU36" s="129">
        <v>0</v>
      </c>
      <c r="LV36" s="109">
        <v>0</v>
      </c>
      <c r="LW36" s="110">
        <v>0</v>
      </c>
      <c r="LX36" s="470">
        <v>0</v>
      </c>
      <c r="LY36" s="109">
        <v>0</v>
      </c>
      <c r="LZ36" s="109">
        <v>0</v>
      </c>
      <c r="MA36" s="109">
        <v>0</v>
      </c>
      <c r="MB36" s="109">
        <v>0</v>
      </c>
      <c r="MC36" s="109">
        <v>0</v>
      </c>
      <c r="MD36" s="110">
        <v>0</v>
      </c>
      <c r="ME36" s="111">
        <v>0</v>
      </c>
      <c r="MF36" s="129">
        <v>0</v>
      </c>
      <c r="MG36" s="109">
        <v>0</v>
      </c>
      <c r="MH36" s="110">
        <v>0</v>
      </c>
      <c r="MI36" s="470">
        <v>0</v>
      </c>
      <c r="MJ36" s="109">
        <v>0</v>
      </c>
      <c r="MK36" s="109">
        <v>0</v>
      </c>
      <c r="ML36" s="109">
        <v>453127</v>
      </c>
      <c r="MM36" s="109">
        <v>277585</v>
      </c>
      <c r="MN36" s="109">
        <v>0</v>
      </c>
      <c r="MO36" s="110">
        <v>730712</v>
      </c>
      <c r="MP36" s="130">
        <v>730712</v>
      </c>
      <c r="MQ36" s="129">
        <v>0</v>
      </c>
      <c r="MR36" s="109">
        <v>0</v>
      </c>
      <c r="MS36" s="110">
        <v>0</v>
      </c>
      <c r="MT36" s="470">
        <v>0</v>
      </c>
      <c r="MU36" s="109">
        <v>0</v>
      </c>
      <c r="MV36" s="109">
        <v>0</v>
      </c>
      <c r="MW36" s="109">
        <v>453127</v>
      </c>
      <c r="MX36" s="109">
        <v>277585</v>
      </c>
      <c r="MY36" s="109">
        <v>0</v>
      </c>
      <c r="MZ36" s="110">
        <v>730712</v>
      </c>
      <c r="NA36" s="130">
        <v>730712</v>
      </c>
      <c r="NB36" s="129">
        <v>0</v>
      </c>
      <c r="NC36" s="109">
        <v>0</v>
      </c>
      <c r="ND36" s="110">
        <v>0</v>
      </c>
      <c r="NE36" s="470">
        <v>0</v>
      </c>
      <c r="NF36" s="109">
        <v>0</v>
      </c>
      <c r="NG36" s="109">
        <v>0</v>
      </c>
      <c r="NH36" s="109">
        <v>0</v>
      </c>
      <c r="NI36" s="109">
        <v>0</v>
      </c>
      <c r="NJ36" s="109">
        <v>0</v>
      </c>
      <c r="NK36" s="110">
        <v>0</v>
      </c>
      <c r="NL36" s="292">
        <v>0</v>
      </c>
      <c r="NM36" s="129">
        <v>0</v>
      </c>
      <c r="NN36" s="109">
        <v>0</v>
      </c>
      <c r="NO36" s="110">
        <v>0</v>
      </c>
      <c r="NP36" s="470">
        <v>0</v>
      </c>
      <c r="NQ36" s="109">
        <v>0</v>
      </c>
      <c r="NR36" s="109">
        <v>0</v>
      </c>
      <c r="NS36" s="109">
        <v>0</v>
      </c>
      <c r="NT36" s="109">
        <v>0</v>
      </c>
      <c r="NU36" s="109">
        <v>0</v>
      </c>
      <c r="NV36" s="110">
        <v>0</v>
      </c>
      <c r="NW36" s="111">
        <v>0</v>
      </c>
      <c r="NX36" s="129">
        <v>0</v>
      </c>
      <c r="NY36" s="109">
        <v>0</v>
      </c>
      <c r="NZ36" s="110">
        <v>0</v>
      </c>
      <c r="OA36" s="470">
        <v>0</v>
      </c>
      <c r="OB36" s="109">
        <v>0</v>
      </c>
      <c r="OC36" s="109">
        <v>0</v>
      </c>
      <c r="OD36" s="109">
        <v>0</v>
      </c>
      <c r="OE36" s="109">
        <v>0</v>
      </c>
      <c r="OF36" s="109">
        <v>0</v>
      </c>
      <c r="OG36" s="110">
        <v>0</v>
      </c>
      <c r="OH36" s="111">
        <v>0</v>
      </c>
      <c r="OI36" s="129">
        <v>5200</v>
      </c>
      <c r="OJ36" s="109">
        <v>30132</v>
      </c>
      <c r="OK36" s="128">
        <v>35332</v>
      </c>
      <c r="OL36" s="108">
        <v>0</v>
      </c>
      <c r="OM36" s="109">
        <v>293197</v>
      </c>
      <c r="ON36" s="109">
        <v>580982</v>
      </c>
      <c r="OO36" s="109">
        <v>1166795</v>
      </c>
      <c r="OP36" s="109">
        <v>743905</v>
      </c>
      <c r="OQ36" s="109">
        <v>270400</v>
      </c>
      <c r="OR36" s="110">
        <v>3055279</v>
      </c>
      <c r="OS36" s="130">
        <v>3090611</v>
      </c>
    </row>
    <row r="37" spans="2:409" ht="21" customHeight="1" x14ac:dyDescent="0.2">
      <c r="B37" s="437" t="s">
        <v>32</v>
      </c>
      <c r="C37" s="100">
        <v>0</v>
      </c>
      <c r="D37" s="104">
        <v>12000</v>
      </c>
      <c r="E37" s="157">
        <v>12000</v>
      </c>
      <c r="F37" s="158">
        <v>0</v>
      </c>
      <c r="G37" s="159">
        <v>663050</v>
      </c>
      <c r="H37" s="159">
        <v>1196792</v>
      </c>
      <c r="I37" s="159">
        <v>209604</v>
      </c>
      <c r="J37" s="159">
        <v>230863</v>
      </c>
      <c r="K37" s="159">
        <v>497272</v>
      </c>
      <c r="L37" s="160">
        <v>2797581</v>
      </c>
      <c r="M37" s="106">
        <v>2809581</v>
      </c>
      <c r="N37" s="100">
        <v>0</v>
      </c>
      <c r="O37" s="104">
        <v>0</v>
      </c>
      <c r="P37" s="103">
        <v>0</v>
      </c>
      <c r="Q37" s="100">
        <v>0</v>
      </c>
      <c r="R37" s="104">
        <v>191813</v>
      </c>
      <c r="S37" s="104">
        <v>437753</v>
      </c>
      <c r="T37" s="104">
        <v>12104</v>
      </c>
      <c r="U37" s="104">
        <v>10912</v>
      </c>
      <c r="V37" s="104">
        <v>249160</v>
      </c>
      <c r="W37" s="103">
        <v>901742</v>
      </c>
      <c r="X37" s="106">
        <v>901742</v>
      </c>
      <c r="Y37" s="100">
        <v>0</v>
      </c>
      <c r="Z37" s="104">
        <v>0</v>
      </c>
      <c r="AA37" s="103">
        <v>0</v>
      </c>
      <c r="AB37" s="100">
        <v>0</v>
      </c>
      <c r="AC37" s="104">
        <v>96728</v>
      </c>
      <c r="AD37" s="104">
        <v>296744</v>
      </c>
      <c r="AE37" s="104">
        <v>0</v>
      </c>
      <c r="AF37" s="104">
        <v>0</v>
      </c>
      <c r="AG37" s="104">
        <v>179352</v>
      </c>
      <c r="AH37" s="103">
        <v>572824</v>
      </c>
      <c r="AI37" s="106">
        <v>572824</v>
      </c>
      <c r="AJ37" s="100">
        <v>0</v>
      </c>
      <c r="AK37" s="104">
        <v>0</v>
      </c>
      <c r="AL37" s="103">
        <v>0</v>
      </c>
      <c r="AM37" s="100">
        <v>0</v>
      </c>
      <c r="AN37" s="104">
        <v>13120</v>
      </c>
      <c r="AO37" s="104">
        <v>0</v>
      </c>
      <c r="AP37" s="104">
        <v>0</v>
      </c>
      <c r="AQ37" s="104">
        <v>0</v>
      </c>
      <c r="AR37" s="104">
        <v>46112</v>
      </c>
      <c r="AS37" s="103">
        <v>59232</v>
      </c>
      <c r="AT37" s="106">
        <v>59232</v>
      </c>
      <c r="AU37" s="100">
        <v>0</v>
      </c>
      <c r="AV37" s="104">
        <v>0</v>
      </c>
      <c r="AW37" s="103">
        <v>0</v>
      </c>
      <c r="AX37" s="100">
        <v>0</v>
      </c>
      <c r="AY37" s="104">
        <v>77829</v>
      </c>
      <c r="AZ37" s="104">
        <v>96913</v>
      </c>
      <c r="BA37" s="104">
        <v>0</v>
      </c>
      <c r="BB37" s="104">
        <v>0</v>
      </c>
      <c r="BC37" s="104">
        <v>0</v>
      </c>
      <c r="BD37" s="103">
        <v>174742</v>
      </c>
      <c r="BE37" s="106">
        <v>174742</v>
      </c>
      <c r="BF37" s="100">
        <v>0</v>
      </c>
      <c r="BG37" s="104">
        <v>0</v>
      </c>
      <c r="BH37" s="102">
        <v>0</v>
      </c>
      <c r="BI37" s="101">
        <v>0</v>
      </c>
      <c r="BJ37" s="104">
        <v>0</v>
      </c>
      <c r="BK37" s="104">
        <v>15296</v>
      </c>
      <c r="BL37" s="104">
        <v>0</v>
      </c>
      <c r="BM37" s="104">
        <v>0</v>
      </c>
      <c r="BN37" s="104">
        <v>0</v>
      </c>
      <c r="BO37" s="103">
        <v>15296</v>
      </c>
      <c r="BP37" s="106">
        <v>15296</v>
      </c>
      <c r="BQ37" s="100">
        <v>0</v>
      </c>
      <c r="BR37" s="104">
        <v>0</v>
      </c>
      <c r="BS37" s="103">
        <v>0</v>
      </c>
      <c r="BT37" s="100">
        <v>0</v>
      </c>
      <c r="BU37" s="104">
        <v>4136</v>
      </c>
      <c r="BV37" s="104">
        <v>28800</v>
      </c>
      <c r="BW37" s="104">
        <v>12104</v>
      </c>
      <c r="BX37" s="104">
        <v>10912</v>
      </c>
      <c r="BY37" s="104">
        <v>23696</v>
      </c>
      <c r="BZ37" s="103">
        <v>79648</v>
      </c>
      <c r="CA37" s="106">
        <v>79648</v>
      </c>
      <c r="CB37" s="100">
        <v>0</v>
      </c>
      <c r="CC37" s="104">
        <v>0</v>
      </c>
      <c r="CD37" s="103">
        <v>0</v>
      </c>
      <c r="CE37" s="100">
        <v>0</v>
      </c>
      <c r="CF37" s="104">
        <v>256648</v>
      </c>
      <c r="CG37" s="104">
        <v>322066</v>
      </c>
      <c r="CH37" s="104">
        <v>106162</v>
      </c>
      <c r="CI37" s="104">
        <v>0</v>
      </c>
      <c r="CJ37" s="104">
        <v>0</v>
      </c>
      <c r="CK37" s="103">
        <v>684876</v>
      </c>
      <c r="CL37" s="106">
        <v>684876</v>
      </c>
      <c r="CM37" s="100">
        <v>0</v>
      </c>
      <c r="CN37" s="104">
        <v>0</v>
      </c>
      <c r="CO37" s="103">
        <v>0</v>
      </c>
      <c r="CP37" s="101">
        <v>0</v>
      </c>
      <c r="CQ37" s="104">
        <v>256648</v>
      </c>
      <c r="CR37" s="104">
        <v>235827</v>
      </c>
      <c r="CS37" s="104">
        <v>59760</v>
      </c>
      <c r="CT37" s="104">
        <v>0</v>
      </c>
      <c r="CU37" s="104">
        <v>0</v>
      </c>
      <c r="CV37" s="103">
        <v>552235</v>
      </c>
      <c r="CW37" s="106">
        <v>552235</v>
      </c>
      <c r="CX37" s="100">
        <v>0</v>
      </c>
      <c r="CY37" s="104">
        <v>0</v>
      </c>
      <c r="CZ37" s="103">
        <v>0</v>
      </c>
      <c r="DA37" s="100">
        <v>0</v>
      </c>
      <c r="DB37" s="104">
        <v>0</v>
      </c>
      <c r="DC37" s="104">
        <v>86239</v>
      </c>
      <c r="DD37" s="104">
        <v>46402</v>
      </c>
      <c r="DE37" s="104">
        <v>0</v>
      </c>
      <c r="DF37" s="104">
        <v>0</v>
      </c>
      <c r="DG37" s="103">
        <v>132641</v>
      </c>
      <c r="DH37" s="106">
        <v>132641</v>
      </c>
      <c r="DI37" s="100">
        <v>0</v>
      </c>
      <c r="DJ37" s="104">
        <v>0</v>
      </c>
      <c r="DK37" s="102">
        <v>0</v>
      </c>
      <c r="DL37" s="101">
        <v>0</v>
      </c>
      <c r="DM37" s="104">
        <v>19597</v>
      </c>
      <c r="DN37" s="104">
        <v>0</v>
      </c>
      <c r="DO37" s="104">
        <v>0</v>
      </c>
      <c r="DP37" s="104">
        <v>0</v>
      </c>
      <c r="DQ37" s="104">
        <v>0</v>
      </c>
      <c r="DR37" s="103">
        <v>19597</v>
      </c>
      <c r="DS37" s="106">
        <v>19597</v>
      </c>
      <c r="DT37" s="100">
        <v>0</v>
      </c>
      <c r="DU37" s="104">
        <v>0</v>
      </c>
      <c r="DV37" s="103">
        <v>0</v>
      </c>
      <c r="DW37" s="100">
        <v>0</v>
      </c>
      <c r="DX37" s="104">
        <v>19597</v>
      </c>
      <c r="DY37" s="104">
        <v>0</v>
      </c>
      <c r="DZ37" s="104">
        <v>0</v>
      </c>
      <c r="EA37" s="104">
        <v>0</v>
      </c>
      <c r="EB37" s="104">
        <v>0</v>
      </c>
      <c r="EC37" s="103">
        <v>19597</v>
      </c>
      <c r="ED37" s="106">
        <v>19597</v>
      </c>
      <c r="EE37" s="100">
        <v>0</v>
      </c>
      <c r="EF37" s="102">
        <v>0</v>
      </c>
      <c r="EG37" s="103">
        <v>0</v>
      </c>
      <c r="EH37" s="100">
        <v>0</v>
      </c>
      <c r="EI37" s="104">
        <v>0</v>
      </c>
      <c r="EJ37" s="104">
        <v>0</v>
      </c>
      <c r="EK37" s="104">
        <v>0</v>
      </c>
      <c r="EL37" s="104">
        <v>0</v>
      </c>
      <c r="EM37" s="104">
        <v>0</v>
      </c>
      <c r="EN37" s="102">
        <v>0</v>
      </c>
      <c r="EO37" s="106">
        <v>0</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06">
        <v>0</v>
      </c>
      <c r="FE37" s="104">
        <v>0</v>
      </c>
      <c r="FF37" s="104">
        <v>0</v>
      </c>
      <c r="FG37" s="104">
        <v>0</v>
      </c>
      <c r="FH37" s="104">
        <v>0</v>
      </c>
      <c r="FI37" s="104">
        <v>0</v>
      </c>
      <c r="FJ37" s="103">
        <v>0</v>
      </c>
      <c r="FK37" s="106">
        <v>0</v>
      </c>
      <c r="FL37" s="100">
        <v>0</v>
      </c>
      <c r="FM37" s="104">
        <v>12000</v>
      </c>
      <c r="FN37" s="103">
        <v>12000</v>
      </c>
      <c r="FO37" s="100">
        <v>0</v>
      </c>
      <c r="FP37" s="104">
        <v>41560</v>
      </c>
      <c r="FQ37" s="104">
        <v>98024</v>
      </c>
      <c r="FR37" s="104">
        <v>21800</v>
      </c>
      <c r="FS37" s="104">
        <v>0</v>
      </c>
      <c r="FT37" s="104">
        <v>22080</v>
      </c>
      <c r="FU37" s="103">
        <v>183464</v>
      </c>
      <c r="FV37" s="106">
        <v>195464</v>
      </c>
      <c r="FW37" s="105">
        <v>0</v>
      </c>
      <c r="FX37" s="104">
        <v>12000</v>
      </c>
      <c r="FY37" s="102">
        <v>12000</v>
      </c>
      <c r="FZ37" s="101">
        <v>0</v>
      </c>
      <c r="GA37" s="104">
        <v>41560</v>
      </c>
      <c r="GB37" s="104">
        <v>98024</v>
      </c>
      <c r="GC37" s="104">
        <v>21800</v>
      </c>
      <c r="GD37" s="104">
        <v>0</v>
      </c>
      <c r="GE37" s="104">
        <v>22080</v>
      </c>
      <c r="GF37" s="103">
        <v>183464</v>
      </c>
      <c r="GG37" s="290">
        <v>195464</v>
      </c>
      <c r="GH37" s="105">
        <v>0</v>
      </c>
      <c r="GI37" s="104">
        <v>0</v>
      </c>
      <c r="GJ37" s="102">
        <v>0</v>
      </c>
      <c r="GK37" s="101">
        <v>0</v>
      </c>
      <c r="GL37" s="104">
        <v>0</v>
      </c>
      <c r="GM37" s="104">
        <v>0</v>
      </c>
      <c r="GN37" s="104">
        <v>0</v>
      </c>
      <c r="GO37" s="104">
        <v>0</v>
      </c>
      <c r="GP37" s="104">
        <v>0</v>
      </c>
      <c r="GQ37" s="103">
        <v>0</v>
      </c>
      <c r="GR37" s="106">
        <v>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153432</v>
      </c>
      <c r="HI37" s="104">
        <v>338949</v>
      </c>
      <c r="HJ37" s="104">
        <v>69538</v>
      </c>
      <c r="HK37" s="104">
        <v>219951</v>
      </c>
      <c r="HL37" s="104">
        <v>226032</v>
      </c>
      <c r="HM37" s="103">
        <v>1007902</v>
      </c>
      <c r="HN37" s="99">
        <v>1007902</v>
      </c>
      <c r="HO37" s="456">
        <v>0</v>
      </c>
      <c r="HP37" s="457">
        <v>0</v>
      </c>
      <c r="HQ37" s="458">
        <v>0</v>
      </c>
      <c r="HR37" s="459">
        <v>0</v>
      </c>
      <c r="HS37" s="457">
        <v>0</v>
      </c>
      <c r="HT37" s="457">
        <v>0</v>
      </c>
      <c r="HU37" s="457">
        <v>0</v>
      </c>
      <c r="HV37" s="457">
        <v>0</v>
      </c>
      <c r="HW37" s="457">
        <v>0</v>
      </c>
      <c r="HX37" s="460">
        <v>0</v>
      </c>
      <c r="HY37" s="461">
        <v>0</v>
      </c>
      <c r="HZ37" s="118">
        <v>0</v>
      </c>
      <c r="IA37" s="119">
        <v>0</v>
      </c>
      <c r="IB37" s="120">
        <v>0</v>
      </c>
      <c r="IC37" s="131">
        <v>0</v>
      </c>
      <c r="ID37" s="119">
        <v>69717</v>
      </c>
      <c r="IE37" s="132">
        <v>299544</v>
      </c>
      <c r="IF37" s="120">
        <v>446464</v>
      </c>
      <c r="IG37" s="119">
        <v>222048</v>
      </c>
      <c r="IH37" s="120">
        <v>42134</v>
      </c>
      <c r="II37" s="133">
        <v>1079907</v>
      </c>
      <c r="IJ37" s="126">
        <v>1079907</v>
      </c>
      <c r="IK37" s="215">
        <v>0</v>
      </c>
      <c r="IL37" s="219">
        <v>0</v>
      </c>
      <c r="IM37" s="220">
        <v>0</v>
      </c>
      <c r="IN37" s="470">
        <v>0</v>
      </c>
      <c r="IO37" s="109">
        <v>0</v>
      </c>
      <c r="IP37" s="109">
        <v>99968</v>
      </c>
      <c r="IQ37" s="109">
        <v>0</v>
      </c>
      <c r="IR37" s="109">
        <v>0</v>
      </c>
      <c r="IS37" s="109">
        <v>0</v>
      </c>
      <c r="IT37" s="128">
        <v>99968</v>
      </c>
      <c r="IU37" s="292">
        <v>99968</v>
      </c>
      <c r="IV37" s="129">
        <v>0</v>
      </c>
      <c r="IW37" s="109">
        <v>0</v>
      </c>
      <c r="IX37" s="110">
        <v>0</v>
      </c>
      <c r="IY37" s="470">
        <v>0</v>
      </c>
      <c r="IZ37" s="109">
        <v>0</v>
      </c>
      <c r="JA37" s="109">
        <v>0</v>
      </c>
      <c r="JB37" s="109">
        <v>0</v>
      </c>
      <c r="JC37" s="109">
        <v>0</v>
      </c>
      <c r="JD37" s="109">
        <v>0</v>
      </c>
      <c r="JE37" s="110">
        <v>0</v>
      </c>
      <c r="JF37" s="111">
        <v>0</v>
      </c>
      <c r="JG37" s="129">
        <v>0</v>
      </c>
      <c r="JH37" s="109">
        <v>0</v>
      </c>
      <c r="JI37" s="128">
        <v>0</v>
      </c>
      <c r="JJ37" s="108">
        <v>0</v>
      </c>
      <c r="JK37" s="109">
        <v>69717</v>
      </c>
      <c r="JL37" s="109">
        <v>199576</v>
      </c>
      <c r="JM37" s="109">
        <v>0</v>
      </c>
      <c r="JN37" s="109">
        <v>0</v>
      </c>
      <c r="JO37" s="109">
        <v>42134</v>
      </c>
      <c r="JP37" s="110">
        <v>311427</v>
      </c>
      <c r="JQ37" s="292">
        <v>311427</v>
      </c>
      <c r="JR37" s="129">
        <v>0</v>
      </c>
      <c r="JS37" s="109">
        <v>0</v>
      </c>
      <c r="JT37" s="128">
        <v>0</v>
      </c>
      <c r="JU37" s="108">
        <v>0</v>
      </c>
      <c r="JV37" s="109">
        <v>0</v>
      </c>
      <c r="JW37" s="109">
        <v>0</v>
      </c>
      <c r="JX37" s="109">
        <v>0</v>
      </c>
      <c r="JY37" s="109">
        <v>0</v>
      </c>
      <c r="JZ37" s="109">
        <v>0</v>
      </c>
      <c r="KA37" s="110">
        <v>0</v>
      </c>
      <c r="KB37" s="292">
        <v>0</v>
      </c>
      <c r="KC37" s="217">
        <v>0</v>
      </c>
      <c r="KD37" s="213">
        <v>0</v>
      </c>
      <c r="KE37" s="110">
        <v>0</v>
      </c>
      <c r="KF37" s="108">
        <v>0</v>
      </c>
      <c r="KG37" s="109">
        <v>0</v>
      </c>
      <c r="KH37" s="109">
        <v>0</v>
      </c>
      <c r="KI37" s="109">
        <v>0</v>
      </c>
      <c r="KJ37" s="109">
        <v>0</v>
      </c>
      <c r="KK37" s="109">
        <v>0</v>
      </c>
      <c r="KL37" s="110">
        <v>0</v>
      </c>
      <c r="KM37" s="130">
        <v>0</v>
      </c>
      <c r="KN37" s="215">
        <v>0</v>
      </c>
      <c r="KO37" s="219">
        <v>0</v>
      </c>
      <c r="KP37" s="220">
        <v>0</v>
      </c>
      <c r="KQ37" s="470">
        <v>0</v>
      </c>
      <c r="KR37" s="109">
        <v>0</v>
      </c>
      <c r="KS37" s="109">
        <v>0</v>
      </c>
      <c r="KT37" s="109">
        <v>243896</v>
      </c>
      <c r="KU37" s="109">
        <v>0</v>
      </c>
      <c r="KV37" s="109">
        <v>0</v>
      </c>
      <c r="KW37" s="110">
        <v>243896</v>
      </c>
      <c r="KX37" s="292">
        <v>243896</v>
      </c>
      <c r="KY37" s="129">
        <v>0</v>
      </c>
      <c r="KZ37" s="109">
        <v>0</v>
      </c>
      <c r="LA37" s="110">
        <v>0</v>
      </c>
      <c r="LB37" s="470">
        <v>0</v>
      </c>
      <c r="LC37" s="109">
        <v>0</v>
      </c>
      <c r="LD37" s="109">
        <v>0</v>
      </c>
      <c r="LE37" s="109">
        <v>0</v>
      </c>
      <c r="LF37" s="109">
        <v>0</v>
      </c>
      <c r="LG37" s="109">
        <v>0</v>
      </c>
      <c r="LH37" s="110">
        <v>0</v>
      </c>
      <c r="LI37" s="111">
        <v>0</v>
      </c>
      <c r="LJ37" s="129">
        <v>0</v>
      </c>
      <c r="LK37" s="109">
        <v>0</v>
      </c>
      <c r="LL37" s="110">
        <v>0</v>
      </c>
      <c r="LM37" s="470">
        <v>0</v>
      </c>
      <c r="LN37" s="109">
        <v>0</v>
      </c>
      <c r="LO37" s="109">
        <v>0</v>
      </c>
      <c r="LP37" s="109">
        <v>202568</v>
      </c>
      <c r="LQ37" s="109">
        <v>222048</v>
      </c>
      <c r="LR37" s="109">
        <v>0</v>
      </c>
      <c r="LS37" s="110">
        <v>424616</v>
      </c>
      <c r="LT37" s="292">
        <v>424616</v>
      </c>
      <c r="LU37" s="129">
        <v>0</v>
      </c>
      <c r="LV37" s="109">
        <v>0</v>
      </c>
      <c r="LW37" s="110">
        <v>0</v>
      </c>
      <c r="LX37" s="470">
        <v>0</v>
      </c>
      <c r="LY37" s="109">
        <v>0</v>
      </c>
      <c r="LZ37" s="109">
        <v>0</v>
      </c>
      <c r="MA37" s="109">
        <v>0</v>
      </c>
      <c r="MB37" s="109">
        <v>0</v>
      </c>
      <c r="MC37" s="109">
        <v>0</v>
      </c>
      <c r="MD37" s="110">
        <v>0</v>
      </c>
      <c r="ME37" s="111">
        <v>0</v>
      </c>
      <c r="MF37" s="129">
        <v>0</v>
      </c>
      <c r="MG37" s="109">
        <v>0</v>
      </c>
      <c r="MH37" s="110">
        <v>0</v>
      </c>
      <c r="MI37" s="470">
        <v>0</v>
      </c>
      <c r="MJ37" s="109">
        <v>196802</v>
      </c>
      <c r="MK37" s="109">
        <v>0</v>
      </c>
      <c r="ML37" s="109">
        <v>0</v>
      </c>
      <c r="MM37" s="109">
        <v>1635798</v>
      </c>
      <c r="MN37" s="109">
        <v>314644</v>
      </c>
      <c r="MO37" s="110">
        <v>2147244</v>
      </c>
      <c r="MP37" s="130">
        <v>2147244</v>
      </c>
      <c r="MQ37" s="129">
        <v>0</v>
      </c>
      <c r="MR37" s="109">
        <v>0</v>
      </c>
      <c r="MS37" s="110">
        <v>0</v>
      </c>
      <c r="MT37" s="470">
        <v>0</v>
      </c>
      <c r="MU37" s="109">
        <v>0</v>
      </c>
      <c r="MV37" s="109">
        <v>0</v>
      </c>
      <c r="MW37" s="109">
        <v>0</v>
      </c>
      <c r="MX37" s="109">
        <v>1026010</v>
      </c>
      <c r="MY37" s="109">
        <v>0</v>
      </c>
      <c r="MZ37" s="110">
        <v>1026010</v>
      </c>
      <c r="NA37" s="130">
        <v>1026010</v>
      </c>
      <c r="NB37" s="129">
        <v>0</v>
      </c>
      <c r="NC37" s="109">
        <v>0</v>
      </c>
      <c r="ND37" s="110">
        <v>0</v>
      </c>
      <c r="NE37" s="470">
        <v>0</v>
      </c>
      <c r="NF37" s="109">
        <v>196802</v>
      </c>
      <c r="NG37" s="109">
        <v>0</v>
      </c>
      <c r="NH37" s="109">
        <v>0</v>
      </c>
      <c r="NI37" s="109">
        <v>609788</v>
      </c>
      <c r="NJ37" s="109">
        <v>314644</v>
      </c>
      <c r="NK37" s="110">
        <v>1121234</v>
      </c>
      <c r="NL37" s="292">
        <v>1121234</v>
      </c>
      <c r="NM37" s="129">
        <v>0</v>
      </c>
      <c r="NN37" s="109">
        <v>0</v>
      </c>
      <c r="NO37" s="110">
        <v>0</v>
      </c>
      <c r="NP37" s="470">
        <v>0</v>
      </c>
      <c r="NQ37" s="109">
        <v>0</v>
      </c>
      <c r="NR37" s="109">
        <v>0</v>
      </c>
      <c r="NS37" s="109">
        <v>0</v>
      </c>
      <c r="NT37" s="109">
        <v>0</v>
      </c>
      <c r="NU37" s="109">
        <v>0</v>
      </c>
      <c r="NV37" s="110">
        <v>0</v>
      </c>
      <c r="NW37" s="111">
        <v>0</v>
      </c>
      <c r="NX37" s="129">
        <v>0</v>
      </c>
      <c r="NY37" s="109">
        <v>0</v>
      </c>
      <c r="NZ37" s="110">
        <v>0</v>
      </c>
      <c r="OA37" s="470">
        <v>0</v>
      </c>
      <c r="OB37" s="109">
        <v>0</v>
      </c>
      <c r="OC37" s="109">
        <v>0</v>
      </c>
      <c r="OD37" s="109">
        <v>0</v>
      </c>
      <c r="OE37" s="109">
        <v>0</v>
      </c>
      <c r="OF37" s="109">
        <v>0</v>
      </c>
      <c r="OG37" s="110">
        <v>0</v>
      </c>
      <c r="OH37" s="111">
        <v>0</v>
      </c>
      <c r="OI37" s="129">
        <v>0</v>
      </c>
      <c r="OJ37" s="109">
        <v>12000</v>
      </c>
      <c r="OK37" s="128">
        <v>12000</v>
      </c>
      <c r="OL37" s="108">
        <v>0</v>
      </c>
      <c r="OM37" s="109">
        <v>929569</v>
      </c>
      <c r="ON37" s="109">
        <v>1496336</v>
      </c>
      <c r="OO37" s="109">
        <v>656068</v>
      </c>
      <c r="OP37" s="109">
        <v>2088709</v>
      </c>
      <c r="OQ37" s="109">
        <v>854050</v>
      </c>
      <c r="OR37" s="110">
        <v>6024732</v>
      </c>
      <c r="OS37" s="130">
        <v>6036732</v>
      </c>
    </row>
    <row r="38" spans="2:409" ht="21" customHeight="1" x14ac:dyDescent="0.2">
      <c r="B38" s="437" t="s">
        <v>33</v>
      </c>
      <c r="C38" s="100">
        <v>67380</v>
      </c>
      <c r="D38" s="104">
        <v>69666</v>
      </c>
      <c r="E38" s="103">
        <v>137046</v>
      </c>
      <c r="F38" s="99">
        <v>0</v>
      </c>
      <c r="G38" s="104">
        <v>177969</v>
      </c>
      <c r="H38" s="104">
        <v>262019</v>
      </c>
      <c r="I38" s="104">
        <v>330183</v>
      </c>
      <c r="J38" s="104">
        <v>0</v>
      </c>
      <c r="K38" s="104">
        <v>0</v>
      </c>
      <c r="L38" s="156">
        <v>770171</v>
      </c>
      <c r="M38" s="106">
        <v>907217</v>
      </c>
      <c r="N38" s="100">
        <v>62580</v>
      </c>
      <c r="O38" s="104">
        <v>31046</v>
      </c>
      <c r="P38" s="103">
        <v>93626</v>
      </c>
      <c r="Q38" s="100">
        <v>0</v>
      </c>
      <c r="R38" s="104">
        <v>108571</v>
      </c>
      <c r="S38" s="104">
        <v>4800</v>
      </c>
      <c r="T38" s="104">
        <v>314103</v>
      </c>
      <c r="U38" s="104">
        <v>0</v>
      </c>
      <c r="V38" s="104">
        <v>0</v>
      </c>
      <c r="W38" s="103">
        <v>427474</v>
      </c>
      <c r="X38" s="106">
        <v>521100</v>
      </c>
      <c r="Y38" s="100">
        <v>0</v>
      </c>
      <c r="Z38" s="104">
        <v>0</v>
      </c>
      <c r="AA38" s="103">
        <v>0</v>
      </c>
      <c r="AB38" s="100">
        <v>0</v>
      </c>
      <c r="AC38" s="104">
        <v>30564</v>
      </c>
      <c r="AD38" s="104">
        <v>0</v>
      </c>
      <c r="AE38" s="104">
        <v>67776</v>
      </c>
      <c r="AF38" s="104">
        <v>0</v>
      </c>
      <c r="AG38" s="104">
        <v>0</v>
      </c>
      <c r="AH38" s="103">
        <v>98340</v>
      </c>
      <c r="AI38" s="106">
        <v>98340</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69103</v>
      </c>
      <c r="AZ38" s="104">
        <v>0</v>
      </c>
      <c r="BA38" s="104">
        <v>40088</v>
      </c>
      <c r="BB38" s="104">
        <v>0</v>
      </c>
      <c r="BC38" s="104">
        <v>0</v>
      </c>
      <c r="BD38" s="103">
        <v>109191</v>
      </c>
      <c r="BE38" s="106">
        <v>109191</v>
      </c>
      <c r="BF38" s="100">
        <v>62580</v>
      </c>
      <c r="BG38" s="104">
        <v>31046</v>
      </c>
      <c r="BH38" s="102">
        <v>93626</v>
      </c>
      <c r="BI38" s="101">
        <v>0</v>
      </c>
      <c r="BJ38" s="104">
        <v>0</v>
      </c>
      <c r="BK38" s="104">
        <v>0</v>
      </c>
      <c r="BL38" s="104">
        <v>145151</v>
      </c>
      <c r="BM38" s="104">
        <v>0</v>
      </c>
      <c r="BN38" s="104">
        <v>0</v>
      </c>
      <c r="BO38" s="103">
        <v>145151</v>
      </c>
      <c r="BP38" s="106">
        <v>238777</v>
      </c>
      <c r="BQ38" s="100">
        <v>0</v>
      </c>
      <c r="BR38" s="104">
        <v>0</v>
      </c>
      <c r="BS38" s="103">
        <v>0</v>
      </c>
      <c r="BT38" s="100">
        <v>0</v>
      </c>
      <c r="BU38" s="104">
        <v>8904</v>
      </c>
      <c r="BV38" s="104">
        <v>4800</v>
      </c>
      <c r="BW38" s="104">
        <v>61088</v>
      </c>
      <c r="BX38" s="104">
        <v>0</v>
      </c>
      <c r="BY38" s="104">
        <v>0</v>
      </c>
      <c r="BZ38" s="103">
        <v>74792</v>
      </c>
      <c r="CA38" s="106">
        <v>74792</v>
      </c>
      <c r="CB38" s="100">
        <v>0</v>
      </c>
      <c r="CC38" s="104">
        <v>38620</v>
      </c>
      <c r="CD38" s="103">
        <v>38620</v>
      </c>
      <c r="CE38" s="100">
        <v>0</v>
      </c>
      <c r="CF38" s="104">
        <v>25138</v>
      </c>
      <c r="CG38" s="104">
        <v>0</v>
      </c>
      <c r="CH38" s="104">
        <v>0</v>
      </c>
      <c r="CI38" s="104">
        <v>0</v>
      </c>
      <c r="CJ38" s="104">
        <v>0</v>
      </c>
      <c r="CK38" s="103">
        <v>25138</v>
      </c>
      <c r="CL38" s="106">
        <v>63758</v>
      </c>
      <c r="CM38" s="100">
        <v>0</v>
      </c>
      <c r="CN38" s="104">
        <v>0</v>
      </c>
      <c r="CO38" s="103">
        <v>0</v>
      </c>
      <c r="CP38" s="101">
        <v>0</v>
      </c>
      <c r="CQ38" s="104">
        <v>25138</v>
      </c>
      <c r="CR38" s="104">
        <v>0</v>
      </c>
      <c r="CS38" s="104">
        <v>0</v>
      </c>
      <c r="CT38" s="104">
        <v>0</v>
      </c>
      <c r="CU38" s="104">
        <v>0</v>
      </c>
      <c r="CV38" s="103">
        <v>25138</v>
      </c>
      <c r="CW38" s="106">
        <v>25138</v>
      </c>
      <c r="CX38" s="100">
        <v>0</v>
      </c>
      <c r="CY38" s="104">
        <v>38620</v>
      </c>
      <c r="CZ38" s="103">
        <v>38620</v>
      </c>
      <c r="DA38" s="100">
        <v>0</v>
      </c>
      <c r="DB38" s="104">
        <v>0</v>
      </c>
      <c r="DC38" s="104">
        <v>0</v>
      </c>
      <c r="DD38" s="104">
        <v>0</v>
      </c>
      <c r="DE38" s="104">
        <v>0</v>
      </c>
      <c r="DF38" s="104">
        <v>0</v>
      </c>
      <c r="DG38" s="103">
        <v>0</v>
      </c>
      <c r="DH38" s="106">
        <v>38620</v>
      </c>
      <c r="DI38" s="100">
        <v>0</v>
      </c>
      <c r="DJ38" s="104">
        <v>0</v>
      </c>
      <c r="DK38" s="102">
        <v>0</v>
      </c>
      <c r="DL38" s="101">
        <v>0</v>
      </c>
      <c r="DM38" s="104">
        <v>24660</v>
      </c>
      <c r="DN38" s="104">
        <v>152360</v>
      </c>
      <c r="DO38" s="104">
        <v>0</v>
      </c>
      <c r="DP38" s="104">
        <v>0</v>
      </c>
      <c r="DQ38" s="104">
        <v>0</v>
      </c>
      <c r="DR38" s="103">
        <v>177020</v>
      </c>
      <c r="DS38" s="106">
        <v>177020</v>
      </c>
      <c r="DT38" s="100">
        <v>0</v>
      </c>
      <c r="DU38" s="104">
        <v>0</v>
      </c>
      <c r="DV38" s="103">
        <v>0</v>
      </c>
      <c r="DW38" s="100">
        <v>0</v>
      </c>
      <c r="DX38" s="104">
        <v>24660</v>
      </c>
      <c r="DY38" s="104">
        <v>152360</v>
      </c>
      <c r="DZ38" s="104">
        <v>0</v>
      </c>
      <c r="EA38" s="104">
        <v>0</v>
      </c>
      <c r="EB38" s="104">
        <v>0</v>
      </c>
      <c r="EC38" s="103">
        <v>177020</v>
      </c>
      <c r="ED38" s="106">
        <v>177020</v>
      </c>
      <c r="EE38" s="100">
        <v>0</v>
      </c>
      <c r="EF38" s="102">
        <v>0</v>
      </c>
      <c r="EG38" s="103">
        <v>0</v>
      </c>
      <c r="EH38" s="100">
        <v>0</v>
      </c>
      <c r="EI38" s="104">
        <v>0</v>
      </c>
      <c r="EJ38" s="104">
        <v>0</v>
      </c>
      <c r="EK38" s="104">
        <v>0</v>
      </c>
      <c r="EL38" s="104">
        <v>0</v>
      </c>
      <c r="EM38" s="104">
        <v>0</v>
      </c>
      <c r="EN38" s="102">
        <v>0</v>
      </c>
      <c r="EO38" s="106">
        <v>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06">
        <v>0</v>
      </c>
      <c r="FE38" s="104">
        <v>0</v>
      </c>
      <c r="FF38" s="104">
        <v>0</v>
      </c>
      <c r="FG38" s="104">
        <v>0</v>
      </c>
      <c r="FH38" s="104">
        <v>0</v>
      </c>
      <c r="FI38" s="104">
        <v>0</v>
      </c>
      <c r="FJ38" s="103">
        <v>0</v>
      </c>
      <c r="FK38" s="106">
        <v>0</v>
      </c>
      <c r="FL38" s="100">
        <v>4800</v>
      </c>
      <c r="FM38" s="104">
        <v>0</v>
      </c>
      <c r="FN38" s="103">
        <v>4800</v>
      </c>
      <c r="FO38" s="100">
        <v>0</v>
      </c>
      <c r="FP38" s="104">
        <v>19600</v>
      </c>
      <c r="FQ38" s="104">
        <v>0</v>
      </c>
      <c r="FR38" s="104">
        <v>16080</v>
      </c>
      <c r="FS38" s="104">
        <v>0</v>
      </c>
      <c r="FT38" s="104">
        <v>0</v>
      </c>
      <c r="FU38" s="103">
        <v>35680</v>
      </c>
      <c r="FV38" s="106">
        <v>40480</v>
      </c>
      <c r="FW38" s="105">
        <v>4800</v>
      </c>
      <c r="FX38" s="104">
        <v>0</v>
      </c>
      <c r="FY38" s="102">
        <v>4800</v>
      </c>
      <c r="FZ38" s="101">
        <v>0</v>
      </c>
      <c r="GA38" s="104">
        <v>19600</v>
      </c>
      <c r="GB38" s="104">
        <v>0</v>
      </c>
      <c r="GC38" s="104">
        <v>16080</v>
      </c>
      <c r="GD38" s="104">
        <v>0</v>
      </c>
      <c r="GE38" s="104">
        <v>0</v>
      </c>
      <c r="GF38" s="103">
        <v>35680</v>
      </c>
      <c r="GG38" s="290">
        <v>40480</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0</v>
      </c>
      <c r="HF38" s="102">
        <v>0</v>
      </c>
      <c r="HG38" s="101">
        <v>0</v>
      </c>
      <c r="HH38" s="104">
        <v>0</v>
      </c>
      <c r="HI38" s="104">
        <v>104859</v>
      </c>
      <c r="HJ38" s="104">
        <v>0</v>
      </c>
      <c r="HK38" s="104">
        <v>0</v>
      </c>
      <c r="HL38" s="104">
        <v>0</v>
      </c>
      <c r="HM38" s="103">
        <v>104859</v>
      </c>
      <c r="HN38" s="99">
        <v>104859</v>
      </c>
      <c r="HO38" s="456">
        <v>0</v>
      </c>
      <c r="HP38" s="457">
        <v>0</v>
      </c>
      <c r="HQ38" s="458">
        <v>0</v>
      </c>
      <c r="HR38" s="459">
        <v>0</v>
      </c>
      <c r="HS38" s="457">
        <v>0</v>
      </c>
      <c r="HT38" s="457">
        <v>0</v>
      </c>
      <c r="HU38" s="457">
        <v>0</v>
      </c>
      <c r="HV38" s="457">
        <v>0</v>
      </c>
      <c r="HW38" s="457">
        <v>0</v>
      </c>
      <c r="HX38" s="460">
        <v>0</v>
      </c>
      <c r="HY38" s="461">
        <v>0</v>
      </c>
      <c r="HZ38" s="135">
        <v>0</v>
      </c>
      <c r="IA38" s="122">
        <v>0</v>
      </c>
      <c r="IB38" s="135">
        <v>0</v>
      </c>
      <c r="IC38" s="131">
        <v>0</v>
      </c>
      <c r="ID38" s="119">
        <v>469949</v>
      </c>
      <c r="IE38" s="132">
        <v>0</v>
      </c>
      <c r="IF38" s="120">
        <v>231973</v>
      </c>
      <c r="IG38" s="119">
        <v>0</v>
      </c>
      <c r="IH38" s="120">
        <v>0</v>
      </c>
      <c r="II38" s="133">
        <v>701922</v>
      </c>
      <c r="IJ38" s="135">
        <v>701922</v>
      </c>
      <c r="IK38" s="215">
        <v>0</v>
      </c>
      <c r="IL38" s="219">
        <v>0</v>
      </c>
      <c r="IM38" s="220">
        <v>0</v>
      </c>
      <c r="IN38" s="470">
        <v>0</v>
      </c>
      <c r="IO38" s="109">
        <v>0</v>
      </c>
      <c r="IP38" s="109">
        <v>0</v>
      </c>
      <c r="IQ38" s="109">
        <v>0</v>
      </c>
      <c r="IR38" s="109">
        <v>0</v>
      </c>
      <c r="IS38" s="109">
        <v>0</v>
      </c>
      <c r="IT38" s="128">
        <v>0</v>
      </c>
      <c r="IU38" s="292">
        <v>0</v>
      </c>
      <c r="IV38" s="129">
        <v>0</v>
      </c>
      <c r="IW38" s="109">
        <v>0</v>
      </c>
      <c r="IX38" s="110">
        <v>0</v>
      </c>
      <c r="IY38" s="470">
        <v>0</v>
      </c>
      <c r="IZ38" s="109">
        <v>0</v>
      </c>
      <c r="JA38" s="109">
        <v>0</v>
      </c>
      <c r="JB38" s="109">
        <v>0</v>
      </c>
      <c r="JC38" s="109">
        <v>0</v>
      </c>
      <c r="JD38" s="109">
        <v>0</v>
      </c>
      <c r="JE38" s="110">
        <v>0</v>
      </c>
      <c r="JF38" s="111">
        <v>0</v>
      </c>
      <c r="JG38" s="129">
        <v>0</v>
      </c>
      <c r="JH38" s="109">
        <v>0</v>
      </c>
      <c r="JI38" s="128">
        <v>0</v>
      </c>
      <c r="JJ38" s="108">
        <v>0</v>
      </c>
      <c r="JK38" s="109">
        <v>41516</v>
      </c>
      <c r="JL38" s="109">
        <v>0</v>
      </c>
      <c r="JM38" s="109">
        <v>0</v>
      </c>
      <c r="JN38" s="109">
        <v>0</v>
      </c>
      <c r="JO38" s="109">
        <v>0</v>
      </c>
      <c r="JP38" s="110">
        <v>41516</v>
      </c>
      <c r="JQ38" s="292">
        <v>41516</v>
      </c>
      <c r="JR38" s="129">
        <v>0</v>
      </c>
      <c r="JS38" s="109">
        <v>0</v>
      </c>
      <c r="JT38" s="128">
        <v>0</v>
      </c>
      <c r="JU38" s="108">
        <v>0</v>
      </c>
      <c r="JV38" s="109">
        <v>0</v>
      </c>
      <c r="JW38" s="109">
        <v>0</v>
      </c>
      <c r="JX38" s="109">
        <v>0</v>
      </c>
      <c r="JY38" s="109">
        <v>0</v>
      </c>
      <c r="JZ38" s="109">
        <v>0</v>
      </c>
      <c r="KA38" s="110">
        <v>0</v>
      </c>
      <c r="KB38" s="292">
        <v>0</v>
      </c>
      <c r="KC38" s="217">
        <v>0</v>
      </c>
      <c r="KD38" s="213">
        <v>0</v>
      </c>
      <c r="KE38" s="110">
        <v>0</v>
      </c>
      <c r="KF38" s="108">
        <v>0</v>
      </c>
      <c r="KG38" s="109">
        <v>0</v>
      </c>
      <c r="KH38" s="109">
        <v>0</v>
      </c>
      <c r="KI38" s="109">
        <v>0</v>
      </c>
      <c r="KJ38" s="109">
        <v>0</v>
      </c>
      <c r="KK38" s="109">
        <v>0</v>
      </c>
      <c r="KL38" s="110">
        <v>0</v>
      </c>
      <c r="KM38" s="130">
        <v>0</v>
      </c>
      <c r="KN38" s="215">
        <v>0</v>
      </c>
      <c r="KO38" s="219">
        <v>0</v>
      </c>
      <c r="KP38" s="220">
        <v>0</v>
      </c>
      <c r="KQ38" s="470">
        <v>0</v>
      </c>
      <c r="KR38" s="109">
        <v>0</v>
      </c>
      <c r="KS38" s="109">
        <v>0</v>
      </c>
      <c r="KT38" s="109">
        <v>0</v>
      </c>
      <c r="KU38" s="109">
        <v>0</v>
      </c>
      <c r="KV38" s="109">
        <v>0</v>
      </c>
      <c r="KW38" s="110">
        <v>0</v>
      </c>
      <c r="KX38" s="292">
        <v>0</v>
      </c>
      <c r="KY38" s="129">
        <v>0</v>
      </c>
      <c r="KZ38" s="109">
        <v>0</v>
      </c>
      <c r="LA38" s="110">
        <v>0</v>
      </c>
      <c r="LB38" s="470">
        <v>0</v>
      </c>
      <c r="LC38" s="109">
        <v>0</v>
      </c>
      <c r="LD38" s="109">
        <v>0</v>
      </c>
      <c r="LE38" s="109">
        <v>0</v>
      </c>
      <c r="LF38" s="109">
        <v>0</v>
      </c>
      <c r="LG38" s="109">
        <v>0</v>
      </c>
      <c r="LH38" s="110">
        <v>0</v>
      </c>
      <c r="LI38" s="111">
        <v>0</v>
      </c>
      <c r="LJ38" s="129">
        <v>0</v>
      </c>
      <c r="LK38" s="109">
        <v>0</v>
      </c>
      <c r="LL38" s="110">
        <v>0</v>
      </c>
      <c r="LM38" s="470">
        <v>0</v>
      </c>
      <c r="LN38" s="109">
        <v>0</v>
      </c>
      <c r="LO38" s="109">
        <v>0</v>
      </c>
      <c r="LP38" s="109">
        <v>0</v>
      </c>
      <c r="LQ38" s="109">
        <v>0</v>
      </c>
      <c r="LR38" s="109">
        <v>0</v>
      </c>
      <c r="LS38" s="110">
        <v>0</v>
      </c>
      <c r="LT38" s="292">
        <v>0</v>
      </c>
      <c r="LU38" s="129">
        <v>0</v>
      </c>
      <c r="LV38" s="109">
        <v>0</v>
      </c>
      <c r="LW38" s="110">
        <v>0</v>
      </c>
      <c r="LX38" s="470">
        <v>0</v>
      </c>
      <c r="LY38" s="109">
        <v>428433</v>
      </c>
      <c r="LZ38" s="109">
        <v>0</v>
      </c>
      <c r="MA38" s="109">
        <v>231973</v>
      </c>
      <c r="MB38" s="109">
        <v>0</v>
      </c>
      <c r="MC38" s="109">
        <v>0</v>
      </c>
      <c r="MD38" s="110">
        <v>660406</v>
      </c>
      <c r="ME38" s="111">
        <v>660406</v>
      </c>
      <c r="MF38" s="129">
        <v>0</v>
      </c>
      <c r="MG38" s="109">
        <v>0</v>
      </c>
      <c r="MH38" s="110">
        <v>0</v>
      </c>
      <c r="MI38" s="470">
        <v>0</v>
      </c>
      <c r="MJ38" s="109">
        <v>0</v>
      </c>
      <c r="MK38" s="109">
        <v>496401</v>
      </c>
      <c r="ML38" s="109">
        <v>0</v>
      </c>
      <c r="MM38" s="109">
        <v>0</v>
      </c>
      <c r="MN38" s="109">
        <v>0</v>
      </c>
      <c r="MO38" s="110">
        <v>496401</v>
      </c>
      <c r="MP38" s="130">
        <v>496401</v>
      </c>
      <c r="MQ38" s="129">
        <v>0</v>
      </c>
      <c r="MR38" s="109">
        <v>0</v>
      </c>
      <c r="MS38" s="110">
        <v>0</v>
      </c>
      <c r="MT38" s="470">
        <v>0</v>
      </c>
      <c r="MU38" s="109">
        <v>0</v>
      </c>
      <c r="MV38" s="109">
        <v>0</v>
      </c>
      <c r="MW38" s="109">
        <v>0</v>
      </c>
      <c r="MX38" s="109">
        <v>0</v>
      </c>
      <c r="MY38" s="109">
        <v>0</v>
      </c>
      <c r="MZ38" s="110">
        <v>0</v>
      </c>
      <c r="NA38" s="130">
        <v>0</v>
      </c>
      <c r="NB38" s="129">
        <v>0</v>
      </c>
      <c r="NC38" s="109">
        <v>0</v>
      </c>
      <c r="ND38" s="110">
        <v>0</v>
      </c>
      <c r="NE38" s="470">
        <v>0</v>
      </c>
      <c r="NF38" s="109">
        <v>0</v>
      </c>
      <c r="NG38" s="109">
        <v>0</v>
      </c>
      <c r="NH38" s="109">
        <v>0</v>
      </c>
      <c r="NI38" s="109">
        <v>0</v>
      </c>
      <c r="NJ38" s="109">
        <v>0</v>
      </c>
      <c r="NK38" s="110">
        <v>0</v>
      </c>
      <c r="NL38" s="292">
        <v>0</v>
      </c>
      <c r="NM38" s="129">
        <v>0</v>
      </c>
      <c r="NN38" s="109">
        <v>0</v>
      </c>
      <c r="NO38" s="110">
        <v>0</v>
      </c>
      <c r="NP38" s="470">
        <v>0</v>
      </c>
      <c r="NQ38" s="109">
        <v>0</v>
      </c>
      <c r="NR38" s="109">
        <v>0</v>
      </c>
      <c r="NS38" s="109">
        <v>0</v>
      </c>
      <c r="NT38" s="109">
        <v>0</v>
      </c>
      <c r="NU38" s="109">
        <v>0</v>
      </c>
      <c r="NV38" s="110">
        <v>0</v>
      </c>
      <c r="NW38" s="111">
        <v>0</v>
      </c>
      <c r="NX38" s="129">
        <v>0</v>
      </c>
      <c r="NY38" s="109">
        <v>0</v>
      </c>
      <c r="NZ38" s="110">
        <v>0</v>
      </c>
      <c r="OA38" s="470">
        <v>0</v>
      </c>
      <c r="OB38" s="109">
        <v>0</v>
      </c>
      <c r="OC38" s="109">
        <v>496401</v>
      </c>
      <c r="OD38" s="109">
        <v>0</v>
      </c>
      <c r="OE38" s="109">
        <v>0</v>
      </c>
      <c r="OF38" s="109">
        <v>0</v>
      </c>
      <c r="OG38" s="110">
        <v>496401</v>
      </c>
      <c r="OH38" s="111">
        <v>496401</v>
      </c>
      <c r="OI38" s="129">
        <v>67380</v>
      </c>
      <c r="OJ38" s="109">
        <v>69666</v>
      </c>
      <c r="OK38" s="128">
        <v>137046</v>
      </c>
      <c r="OL38" s="108">
        <v>0</v>
      </c>
      <c r="OM38" s="109">
        <v>647918</v>
      </c>
      <c r="ON38" s="109">
        <v>758420</v>
      </c>
      <c r="OO38" s="109">
        <v>562156</v>
      </c>
      <c r="OP38" s="109">
        <v>0</v>
      </c>
      <c r="OQ38" s="109">
        <v>0</v>
      </c>
      <c r="OR38" s="110">
        <v>1968494</v>
      </c>
      <c r="OS38" s="130">
        <v>2105540</v>
      </c>
    </row>
    <row r="39" spans="2:409" ht="21" customHeight="1" x14ac:dyDescent="0.2">
      <c r="B39" s="437" t="s">
        <v>34</v>
      </c>
      <c r="C39" s="100">
        <v>0</v>
      </c>
      <c r="D39" s="104">
        <v>19520</v>
      </c>
      <c r="E39" s="157">
        <v>19520</v>
      </c>
      <c r="F39" s="158">
        <v>0</v>
      </c>
      <c r="G39" s="159">
        <v>42064</v>
      </c>
      <c r="H39" s="159">
        <v>546996</v>
      </c>
      <c r="I39" s="159">
        <v>14720</v>
      </c>
      <c r="J39" s="159">
        <v>31088</v>
      </c>
      <c r="K39" s="159">
        <v>492016</v>
      </c>
      <c r="L39" s="160">
        <v>1126884</v>
      </c>
      <c r="M39" s="106">
        <v>1146404</v>
      </c>
      <c r="N39" s="100">
        <v>0</v>
      </c>
      <c r="O39" s="104">
        <v>0</v>
      </c>
      <c r="P39" s="103">
        <v>0</v>
      </c>
      <c r="Q39" s="100">
        <v>0</v>
      </c>
      <c r="R39" s="104">
        <v>32864</v>
      </c>
      <c r="S39" s="104">
        <v>157796</v>
      </c>
      <c r="T39" s="104">
        <v>0</v>
      </c>
      <c r="U39" s="104">
        <v>17728</v>
      </c>
      <c r="V39" s="104">
        <v>17128</v>
      </c>
      <c r="W39" s="103">
        <v>225516</v>
      </c>
      <c r="X39" s="106">
        <v>225516</v>
      </c>
      <c r="Y39" s="100">
        <v>0</v>
      </c>
      <c r="Z39" s="104">
        <v>0</v>
      </c>
      <c r="AA39" s="103">
        <v>0</v>
      </c>
      <c r="AB39" s="100">
        <v>0</v>
      </c>
      <c r="AC39" s="104">
        <v>0</v>
      </c>
      <c r="AD39" s="104">
        <v>0</v>
      </c>
      <c r="AE39" s="104">
        <v>0</v>
      </c>
      <c r="AF39" s="104">
        <v>0</v>
      </c>
      <c r="AG39" s="104">
        <v>0</v>
      </c>
      <c r="AH39" s="103">
        <v>0</v>
      </c>
      <c r="AI39" s="106">
        <v>0</v>
      </c>
      <c r="AJ39" s="100">
        <v>0</v>
      </c>
      <c r="AK39" s="104">
        <v>0</v>
      </c>
      <c r="AL39" s="103">
        <v>0</v>
      </c>
      <c r="AM39" s="100">
        <v>0</v>
      </c>
      <c r="AN39" s="104">
        <v>0</v>
      </c>
      <c r="AO39" s="104">
        <v>0</v>
      </c>
      <c r="AP39" s="104">
        <v>0</v>
      </c>
      <c r="AQ39" s="104">
        <v>0</v>
      </c>
      <c r="AR39" s="104">
        <v>0</v>
      </c>
      <c r="AS39" s="103">
        <v>0</v>
      </c>
      <c r="AT39" s="106">
        <v>0</v>
      </c>
      <c r="AU39" s="100">
        <v>0</v>
      </c>
      <c r="AV39" s="104">
        <v>0</v>
      </c>
      <c r="AW39" s="103">
        <v>0</v>
      </c>
      <c r="AX39" s="100">
        <v>0</v>
      </c>
      <c r="AY39" s="104">
        <v>32864</v>
      </c>
      <c r="AZ39" s="104">
        <v>122700</v>
      </c>
      <c r="BA39" s="104">
        <v>0</v>
      </c>
      <c r="BB39" s="104">
        <v>17728</v>
      </c>
      <c r="BC39" s="104">
        <v>0</v>
      </c>
      <c r="BD39" s="103">
        <v>173292</v>
      </c>
      <c r="BE39" s="106">
        <v>173292</v>
      </c>
      <c r="BF39" s="100">
        <v>0</v>
      </c>
      <c r="BG39" s="104">
        <v>0</v>
      </c>
      <c r="BH39" s="102">
        <v>0</v>
      </c>
      <c r="BI39" s="101">
        <v>0</v>
      </c>
      <c r="BJ39" s="104">
        <v>0</v>
      </c>
      <c r="BK39" s="104">
        <v>0</v>
      </c>
      <c r="BL39" s="104">
        <v>0</v>
      </c>
      <c r="BM39" s="104">
        <v>0</v>
      </c>
      <c r="BN39" s="104">
        <v>0</v>
      </c>
      <c r="BO39" s="103">
        <v>0</v>
      </c>
      <c r="BP39" s="106">
        <v>0</v>
      </c>
      <c r="BQ39" s="100">
        <v>0</v>
      </c>
      <c r="BR39" s="104">
        <v>0</v>
      </c>
      <c r="BS39" s="103">
        <v>0</v>
      </c>
      <c r="BT39" s="100">
        <v>0</v>
      </c>
      <c r="BU39" s="104">
        <v>0</v>
      </c>
      <c r="BV39" s="104">
        <v>35096</v>
      </c>
      <c r="BW39" s="104">
        <v>0</v>
      </c>
      <c r="BX39" s="104">
        <v>0</v>
      </c>
      <c r="BY39" s="104">
        <v>17128</v>
      </c>
      <c r="BZ39" s="103">
        <v>52224</v>
      </c>
      <c r="CA39" s="106">
        <v>52224</v>
      </c>
      <c r="CB39" s="100">
        <v>0</v>
      </c>
      <c r="CC39" s="104">
        <v>0</v>
      </c>
      <c r="CD39" s="103">
        <v>0</v>
      </c>
      <c r="CE39" s="100">
        <v>0</v>
      </c>
      <c r="CF39" s="104">
        <v>0</v>
      </c>
      <c r="CG39" s="104">
        <v>129984</v>
      </c>
      <c r="CH39" s="104">
        <v>0</v>
      </c>
      <c r="CI39" s="104">
        <v>0</v>
      </c>
      <c r="CJ39" s="104">
        <v>0</v>
      </c>
      <c r="CK39" s="103">
        <v>129984</v>
      </c>
      <c r="CL39" s="106">
        <v>129984</v>
      </c>
      <c r="CM39" s="100">
        <v>0</v>
      </c>
      <c r="CN39" s="104">
        <v>0</v>
      </c>
      <c r="CO39" s="103">
        <v>0</v>
      </c>
      <c r="CP39" s="101">
        <v>0</v>
      </c>
      <c r="CQ39" s="104">
        <v>0</v>
      </c>
      <c r="CR39" s="104">
        <v>129984</v>
      </c>
      <c r="CS39" s="104">
        <v>0</v>
      </c>
      <c r="CT39" s="104">
        <v>0</v>
      </c>
      <c r="CU39" s="104">
        <v>0</v>
      </c>
      <c r="CV39" s="103">
        <v>129984</v>
      </c>
      <c r="CW39" s="106">
        <v>129984</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06">
        <v>0</v>
      </c>
      <c r="FE39" s="104">
        <v>0</v>
      </c>
      <c r="FF39" s="104">
        <v>0</v>
      </c>
      <c r="FG39" s="104">
        <v>0</v>
      </c>
      <c r="FH39" s="104">
        <v>0</v>
      </c>
      <c r="FI39" s="104">
        <v>0</v>
      </c>
      <c r="FJ39" s="103">
        <v>0</v>
      </c>
      <c r="FK39" s="106">
        <v>0</v>
      </c>
      <c r="FL39" s="100">
        <v>0</v>
      </c>
      <c r="FM39" s="104">
        <v>19520</v>
      </c>
      <c r="FN39" s="103">
        <v>19520</v>
      </c>
      <c r="FO39" s="100">
        <v>0</v>
      </c>
      <c r="FP39" s="104">
        <v>9200</v>
      </c>
      <c r="FQ39" s="104">
        <v>92032</v>
      </c>
      <c r="FR39" s="104">
        <v>14720</v>
      </c>
      <c r="FS39" s="104">
        <v>13360</v>
      </c>
      <c r="FT39" s="104">
        <v>0</v>
      </c>
      <c r="FU39" s="103">
        <v>129312</v>
      </c>
      <c r="FV39" s="106">
        <v>148832</v>
      </c>
      <c r="FW39" s="105">
        <v>0</v>
      </c>
      <c r="FX39" s="104">
        <v>19520</v>
      </c>
      <c r="FY39" s="102">
        <v>19520</v>
      </c>
      <c r="FZ39" s="101">
        <v>0</v>
      </c>
      <c r="GA39" s="104">
        <v>9200</v>
      </c>
      <c r="GB39" s="104">
        <v>92032</v>
      </c>
      <c r="GC39" s="104">
        <v>14720</v>
      </c>
      <c r="GD39" s="104">
        <v>13360</v>
      </c>
      <c r="GE39" s="104">
        <v>0</v>
      </c>
      <c r="GF39" s="103">
        <v>129312</v>
      </c>
      <c r="GG39" s="290">
        <v>148832</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167184</v>
      </c>
      <c r="HJ39" s="104">
        <v>0</v>
      </c>
      <c r="HK39" s="104">
        <v>0</v>
      </c>
      <c r="HL39" s="104">
        <v>474888</v>
      </c>
      <c r="HM39" s="103">
        <v>642072</v>
      </c>
      <c r="HN39" s="99">
        <v>642072</v>
      </c>
      <c r="HO39" s="456">
        <v>0</v>
      </c>
      <c r="HP39" s="457">
        <v>0</v>
      </c>
      <c r="HQ39" s="458">
        <v>0</v>
      </c>
      <c r="HR39" s="459">
        <v>0</v>
      </c>
      <c r="HS39" s="457">
        <v>0</v>
      </c>
      <c r="HT39" s="457">
        <v>0</v>
      </c>
      <c r="HU39" s="457">
        <v>0</v>
      </c>
      <c r="HV39" s="457">
        <v>0</v>
      </c>
      <c r="HW39" s="457">
        <v>0</v>
      </c>
      <c r="HX39" s="460">
        <v>0</v>
      </c>
      <c r="HY39" s="461">
        <v>0</v>
      </c>
      <c r="HZ39" s="118">
        <v>0</v>
      </c>
      <c r="IA39" s="119">
        <v>0</v>
      </c>
      <c r="IB39" s="120">
        <v>0</v>
      </c>
      <c r="IC39" s="131">
        <v>0</v>
      </c>
      <c r="ID39" s="119">
        <v>76896</v>
      </c>
      <c r="IE39" s="132">
        <v>253056</v>
      </c>
      <c r="IF39" s="120">
        <v>411128</v>
      </c>
      <c r="IG39" s="119">
        <v>0</v>
      </c>
      <c r="IH39" s="120">
        <v>0</v>
      </c>
      <c r="II39" s="133">
        <v>741080</v>
      </c>
      <c r="IJ39" s="126">
        <v>741080</v>
      </c>
      <c r="IK39" s="215">
        <v>0</v>
      </c>
      <c r="IL39" s="219">
        <v>0</v>
      </c>
      <c r="IM39" s="220">
        <v>0</v>
      </c>
      <c r="IN39" s="470">
        <v>0</v>
      </c>
      <c r="IO39" s="109">
        <v>0</v>
      </c>
      <c r="IP39" s="109">
        <v>0</v>
      </c>
      <c r="IQ39" s="109">
        <v>0</v>
      </c>
      <c r="IR39" s="109">
        <v>0</v>
      </c>
      <c r="IS39" s="109">
        <v>0</v>
      </c>
      <c r="IT39" s="128">
        <v>0</v>
      </c>
      <c r="IU39" s="292">
        <v>0</v>
      </c>
      <c r="IV39" s="129">
        <v>0</v>
      </c>
      <c r="IW39" s="109">
        <v>0</v>
      </c>
      <c r="IX39" s="110">
        <v>0</v>
      </c>
      <c r="IY39" s="470">
        <v>0</v>
      </c>
      <c r="IZ39" s="109">
        <v>0</v>
      </c>
      <c r="JA39" s="109">
        <v>0</v>
      </c>
      <c r="JB39" s="109">
        <v>0</v>
      </c>
      <c r="JC39" s="109">
        <v>0</v>
      </c>
      <c r="JD39" s="109">
        <v>0</v>
      </c>
      <c r="JE39" s="110">
        <v>0</v>
      </c>
      <c r="JF39" s="111">
        <v>0</v>
      </c>
      <c r="JG39" s="129">
        <v>0</v>
      </c>
      <c r="JH39" s="109">
        <v>0</v>
      </c>
      <c r="JI39" s="128">
        <v>0</v>
      </c>
      <c r="JJ39" s="108">
        <v>0</v>
      </c>
      <c r="JK39" s="109">
        <v>76896</v>
      </c>
      <c r="JL39" s="109">
        <v>89128</v>
      </c>
      <c r="JM39" s="109">
        <v>0</v>
      </c>
      <c r="JN39" s="109">
        <v>0</v>
      </c>
      <c r="JO39" s="109">
        <v>0</v>
      </c>
      <c r="JP39" s="110">
        <v>166024</v>
      </c>
      <c r="JQ39" s="292">
        <v>166024</v>
      </c>
      <c r="JR39" s="129">
        <v>0</v>
      </c>
      <c r="JS39" s="109">
        <v>0</v>
      </c>
      <c r="JT39" s="128">
        <v>0</v>
      </c>
      <c r="JU39" s="108">
        <v>0</v>
      </c>
      <c r="JV39" s="109">
        <v>0</v>
      </c>
      <c r="JW39" s="109">
        <v>0</v>
      </c>
      <c r="JX39" s="109">
        <v>0</v>
      </c>
      <c r="JY39" s="109">
        <v>0</v>
      </c>
      <c r="JZ39" s="109">
        <v>0</v>
      </c>
      <c r="KA39" s="110">
        <v>0</v>
      </c>
      <c r="KB39" s="292">
        <v>0</v>
      </c>
      <c r="KC39" s="217">
        <v>0</v>
      </c>
      <c r="KD39" s="213">
        <v>0</v>
      </c>
      <c r="KE39" s="110">
        <v>0</v>
      </c>
      <c r="KF39" s="108">
        <v>0</v>
      </c>
      <c r="KG39" s="109">
        <v>0</v>
      </c>
      <c r="KH39" s="109">
        <v>163928</v>
      </c>
      <c r="KI39" s="109">
        <v>219712</v>
      </c>
      <c r="KJ39" s="109">
        <v>0</v>
      </c>
      <c r="KK39" s="109">
        <v>0</v>
      </c>
      <c r="KL39" s="110">
        <v>383640</v>
      </c>
      <c r="KM39" s="130">
        <v>383640</v>
      </c>
      <c r="KN39" s="215">
        <v>0</v>
      </c>
      <c r="KO39" s="219">
        <v>0</v>
      </c>
      <c r="KP39" s="220">
        <v>0</v>
      </c>
      <c r="KQ39" s="470">
        <v>0</v>
      </c>
      <c r="KR39" s="109">
        <v>0</v>
      </c>
      <c r="KS39" s="109">
        <v>0</v>
      </c>
      <c r="KT39" s="109">
        <v>0</v>
      </c>
      <c r="KU39" s="109">
        <v>0</v>
      </c>
      <c r="KV39" s="109">
        <v>0</v>
      </c>
      <c r="KW39" s="110">
        <v>0</v>
      </c>
      <c r="KX39" s="292">
        <v>0</v>
      </c>
      <c r="KY39" s="129">
        <v>0</v>
      </c>
      <c r="KZ39" s="109">
        <v>0</v>
      </c>
      <c r="LA39" s="110">
        <v>0</v>
      </c>
      <c r="LB39" s="470">
        <v>0</v>
      </c>
      <c r="LC39" s="109">
        <v>0</v>
      </c>
      <c r="LD39" s="109">
        <v>0</v>
      </c>
      <c r="LE39" s="109">
        <v>0</v>
      </c>
      <c r="LF39" s="109">
        <v>0</v>
      </c>
      <c r="LG39" s="109">
        <v>0</v>
      </c>
      <c r="LH39" s="110">
        <v>0</v>
      </c>
      <c r="LI39" s="111">
        <v>0</v>
      </c>
      <c r="LJ39" s="129">
        <v>0</v>
      </c>
      <c r="LK39" s="109">
        <v>0</v>
      </c>
      <c r="LL39" s="110">
        <v>0</v>
      </c>
      <c r="LM39" s="470">
        <v>0</v>
      </c>
      <c r="LN39" s="109">
        <v>0</v>
      </c>
      <c r="LO39" s="109">
        <v>0</v>
      </c>
      <c r="LP39" s="109">
        <v>0</v>
      </c>
      <c r="LQ39" s="109">
        <v>0</v>
      </c>
      <c r="LR39" s="109">
        <v>0</v>
      </c>
      <c r="LS39" s="110">
        <v>0</v>
      </c>
      <c r="LT39" s="292">
        <v>0</v>
      </c>
      <c r="LU39" s="129">
        <v>0</v>
      </c>
      <c r="LV39" s="109">
        <v>0</v>
      </c>
      <c r="LW39" s="110">
        <v>0</v>
      </c>
      <c r="LX39" s="470">
        <v>0</v>
      </c>
      <c r="LY39" s="109">
        <v>0</v>
      </c>
      <c r="LZ39" s="109">
        <v>0</v>
      </c>
      <c r="MA39" s="109">
        <v>191416</v>
      </c>
      <c r="MB39" s="109">
        <v>0</v>
      </c>
      <c r="MC39" s="109">
        <v>0</v>
      </c>
      <c r="MD39" s="110">
        <v>191416</v>
      </c>
      <c r="ME39" s="111">
        <v>191416</v>
      </c>
      <c r="MF39" s="129">
        <v>0</v>
      </c>
      <c r="MG39" s="109">
        <v>0</v>
      </c>
      <c r="MH39" s="110">
        <v>0</v>
      </c>
      <c r="MI39" s="470">
        <v>0</v>
      </c>
      <c r="MJ39" s="109">
        <v>0</v>
      </c>
      <c r="MK39" s="109">
        <v>0</v>
      </c>
      <c r="ML39" s="109">
        <v>250736</v>
      </c>
      <c r="MM39" s="109">
        <v>237720</v>
      </c>
      <c r="MN39" s="109">
        <v>0</v>
      </c>
      <c r="MO39" s="110">
        <v>488456</v>
      </c>
      <c r="MP39" s="130">
        <v>488456</v>
      </c>
      <c r="MQ39" s="129">
        <v>0</v>
      </c>
      <c r="MR39" s="109">
        <v>0</v>
      </c>
      <c r="MS39" s="110">
        <v>0</v>
      </c>
      <c r="MT39" s="470">
        <v>0</v>
      </c>
      <c r="MU39" s="109">
        <v>0</v>
      </c>
      <c r="MV39" s="109">
        <v>0</v>
      </c>
      <c r="MW39" s="109">
        <v>0</v>
      </c>
      <c r="MX39" s="109">
        <v>237720</v>
      </c>
      <c r="MY39" s="109">
        <v>0</v>
      </c>
      <c r="MZ39" s="110">
        <v>237720</v>
      </c>
      <c r="NA39" s="130">
        <v>237720</v>
      </c>
      <c r="NB39" s="129">
        <v>0</v>
      </c>
      <c r="NC39" s="109">
        <v>0</v>
      </c>
      <c r="ND39" s="110">
        <v>0</v>
      </c>
      <c r="NE39" s="470">
        <v>0</v>
      </c>
      <c r="NF39" s="109">
        <v>0</v>
      </c>
      <c r="NG39" s="109">
        <v>0</v>
      </c>
      <c r="NH39" s="109">
        <v>250736</v>
      </c>
      <c r="NI39" s="109">
        <v>0</v>
      </c>
      <c r="NJ39" s="109">
        <v>0</v>
      </c>
      <c r="NK39" s="110">
        <v>250736</v>
      </c>
      <c r="NL39" s="292">
        <v>250736</v>
      </c>
      <c r="NM39" s="129">
        <v>0</v>
      </c>
      <c r="NN39" s="109">
        <v>0</v>
      </c>
      <c r="NO39" s="110">
        <v>0</v>
      </c>
      <c r="NP39" s="470">
        <v>0</v>
      </c>
      <c r="NQ39" s="109">
        <v>0</v>
      </c>
      <c r="NR39" s="109">
        <v>0</v>
      </c>
      <c r="NS39" s="109">
        <v>0</v>
      </c>
      <c r="NT39" s="109">
        <v>0</v>
      </c>
      <c r="NU39" s="109">
        <v>0</v>
      </c>
      <c r="NV39" s="110">
        <v>0</v>
      </c>
      <c r="NW39" s="111">
        <v>0</v>
      </c>
      <c r="NX39" s="129">
        <v>0</v>
      </c>
      <c r="NY39" s="109">
        <v>0</v>
      </c>
      <c r="NZ39" s="110">
        <v>0</v>
      </c>
      <c r="OA39" s="470">
        <v>0</v>
      </c>
      <c r="OB39" s="109">
        <v>0</v>
      </c>
      <c r="OC39" s="109">
        <v>0</v>
      </c>
      <c r="OD39" s="109">
        <v>0</v>
      </c>
      <c r="OE39" s="109">
        <v>0</v>
      </c>
      <c r="OF39" s="109">
        <v>0</v>
      </c>
      <c r="OG39" s="110">
        <v>0</v>
      </c>
      <c r="OH39" s="111">
        <v>0</v>
      </c>
      <c r="OI39" s="129">
        <v>0</v>
      </c>
      <c r="OJ39" s="109">
        <v>19520</v>
      </c>
      <c r="OK39" s="128">
        <v>19520</v>
      </c>
      <c r="OL39" s="108">
        <v>0</v>
      </c>
      <c r="OM39" s="109">
        <v>118960</v>
      </c>
      <c r="ON39" s="109">
        <v>800052</v>
      </c>
      <c r="OO39" s="109">
        <v>676584</v>
      </c>
      <c r="OP39" s="109">
        <v>268808</v>
      </c>
      <c r="OQ39" s="109">
        <v>492016</v>
      </c>
      <c r="OR39" s="110">
        <v>2356420</v>
      </c>
      <c r="OS39" s="130">
        <v>2375940</v>
      </c>
    </row>
    <row r="40" spans="2:409" ht="21" customHeight="1" x14ac:dyDescent="0.2">
      <c r="B40" s="437" t="s">
        <v>35</v>
      </c>
      <c r="C40" s="100">
        <v>68664</v>
      </c>
      <c r="D40" s="104">
        <v>93424</v>
      </c>
      <c r="E40" s="103">
        <v>162088</v>
      </c>
      <c r="F40" s="99">
        <v>0</v>
      </c>
      <c r="G40" s="104">
        <v>1447852</v>
      </c>
      <c r="H40" s="104">
        <v>470138</v>
      </c>
      <c r="I40" s="104">
        <v>288528</v>
      </c>
      <c r="J40" s="104">
        <v>1292997</v>
      </c>
      <c r="K40" s="104">
        <v>266389</v>
      </c>
      <c r="L40" s="156">
        <v>3765904</v>
      </c>
      <c r="M40" s="106">
        <v>3927992</v>
      </c>
      <c r="N40" s="100">
        <v>10912</v>
      </c>
      <c r="O40" s="104">
        <v>0</v>
      </c>
      <c r="P40" s="103">
        <v>10912</v>
      </c>
      <c r="Q40" s="100">
        <v>0</v>
      </c>
      <c r="R40" s="104">
        <v>254824</v>
      </c>
      <c r="S40" s="104">
        <v>88801</v>
      </c>
      <c r="T40" s="104">
        <v>40200</v>
      </c>
      <c r="U40" s="104">
        <v>296024</v>
      </c>
      <c r="V40" s="104">
        <v>20928</v>
      </c>
      <c r="W40" s="103">
        <v>700777</v>
      </c>
      <c r="X40" s="106">
        <v>711689</v>
      </c>
      <c r="Y40" s="100">
        <v>0</v>
      </c>
      <c r="Z40" s="104">
        <v>0</v>
      </c>
      <c r="AA40" s="103">
        <v>0</v>
      </c>
      <c r="AB40" s="100">
        <v>0</v>
      </c>
      <c r="AC40" s="104">
        <v>121104</v>
      </c>
      <c r="AD40" s="104">
        <v>42593</v>
      </c>
      <c r="AE40" s="104">
        <v>5872</v>
      </c>
      <c r="AF40" s="104">
        <v>162000</v>
      </c>
      <c r="AG40" s="104">
        <v>0</v>
      </c>
      <c r="AH40" s="103">
        <v>331569</v>
      </c>
      <c r="AI40" s="106">
        <v>331569</v>
      </c>
      <c r="AJ40" s="100">
        <v>0</v>
      </c>
      <c r="AK40" s="104">
        <v>0</v>
      </c>
      <c r="AL40" s="103">
        <v>0</v>
      </c>
      <c r="AM40" s="100">
        <v>0</v>
      </c>
      <c r="AN40" s="104">
        <v>0</v>
      </c>
      <c r="AO40" s="104">
        <v>0</v>
      </c>
      <c r="AP40" s="104">
        <v>0</v>
      </c>
      <c r="AQ40" s="104">
        <v>65552</v>
      </c>
      <c r="AR40" s="104">
        <v>0</v>
      </c>
      <c r="AS40" s="103">
        <v>65552</v>
      </c>
      <c r="AT40" s="106">
        <v>65552</v>
      </c>
      <c r="AU40" s="100">
        <v>0</v>
      </c>
      <c r="AV40" s="104">
        <v>0</v>
      </c>
      <c r="AW40" s="103">
        <v>0</v>
      </c>
      <c r="AX40" s="100">
        <v>0</v>
      </c>
      <c r="AY40" s="104">
        <v>26272</v>
      </c>
      <c r="AZ40" s="104">
        <v>13888</v>
      </c>
      <c r="BA40" s="104">
        <v>10800</v>
      </c>
      <c r="BB40" s="104">
        <v>0</v>
      </c>
      <c r="BC40" s="104">
        <v>0</v>
      </c>
      <c r="BD40" s="103">
        <v>50960</v>
      </c>
      <c r="BE40" s="106">
        <v>50960</v>
      </c>
      <c r="BF40" s="100">
        <v>0</v>
      </c>
      <c r="BG40" s="104">
        <v>0</v>
      </c>
      <c r="BH40" s="102">
        <v>0</v>
      </c>
      <c r="BI40" s="101">
        <v>0</v>
      </c>
      <c r="BJ40" s="104">
        <v>0</v>
      </c>
      <c r="BK40" s="104">
        <v>0</v>
      </c>
      <c r="BL40" s="104">
        <v>0</v>
      </c>
      <c r="BM40" s="104">
        <v>0</v>
      </c>
      <c r="BN40" s="104">
        <v>0</v>
      </c>
      <c r="BO40" s="103">
        <v>0</v>
      </c>
      <c r="BP40" s="106">
        <v>0</v>
      </c>
      <c r="BQ40" s="100">
        <v>10912</v>
      </c>
      <c r="BR40" s="104">
        <v>0</v>
      </c>
      <c r="BS40" s="103">
        <v>10912</v>
      </c>
      <c r="BT40" s="100">
        <v>0</v>
      </c>
      <c r="BU40" s="104">
        <v>107448</v>
      </c>
      <c r="BV40" s="104">
        <v>32320</v>
      </c>
      <c r="BW40" s="104">
        <v>23528</v>
      </c>
      <c r="BX40" s="104">
        <v>68472</v>
      </c>
      <c r="BY40" s="104">
        <v>20928</v>
      </c>
      <c r="BZ40" s="103">
        <v>252696</v>
      </c>
      <c r="CA40" s="106">
        <v>263608</v>
      </c>
      <c r="CB40" s="100">
        <v>0</v>
      </c>
      <c r="CC40" s="104">
        <v>0</v>
      </c>
      <c r="CD40" s="103">
        <v>0</v>
      </c>
      <c r="CE40" s="100">
        <v>0</v>
      </c>
      <c r="CF40" s="104">
        <v>238002</v>
      </c>
      <c r="CG40" s="104">
        <v>176675</v>
      </c>
      <c r="CH40" s="104">
        <v>192960</v>
      </c>
      <c r="CI40" s="104">
        <v>96528</v>
      </c>
      <c r="CJ40" s="104">
        <v>0</v>
      </c>
      <c r="CK40" s="103">
        <v>704165</v>
      </c>
      <c r="CL40" s="106">
        <v>704165</v>
      </c>
      <c r="CM40" s="100">
        <v>0</v>
      </c>
      <c r="CN40" s="104">
        <v>0</v>
      </c>
      <c r="CO40" s="103">
        <v>0</v>
      </c>
      <c r="CP40" s="101">
        <v>0</v>
      </c>
      <c r="CQ40" s="104">
        <v>138720</v>
      </c>
      <c r="CR40" s="104">
        <v>176675</v>
      </c>
      <c r="CS40" s="104">
        <v>122296</v>
      </c>
      <c r="CT40" s="104">
        <v>0</v>
      </c>
      <c r="CU40" s="104">
        <v>0</v>
      </c>
      <c r="CV40" s="103">
        <v>437691</v>
      </c>
      <c r="CW40" s="106">
        <v>437691</v>
      </c>
      <c r="CX40" s="100">
        <v>0</v>
      </c>
      <c r="CY40" s="104">
        <v>0</v>
      </c>
      <c r="CZ40" s="103">
        <v>0</v>
      </c>
      <c r="DA40" s="100">
        <v>0</v>
      </c>
      <c r="DB40" s="104">
        <v>99282</v>
      </c>
      <c r="DC40" s="104">
        <v>0</v>
      </c>
      <c r="DD40" s="104">
        <v>70664</v>
      </c>
      <c r="DE40" s="104">
        <v>96528</v>
      </c>
      <c r="DF40" s="104">
        <v>0</v>
      </c>
      <c r="DG40" s="103">
        <v>266474</v>
      </c>
      <c r="DH40" s="106">
        <v>266474</v>
      </c>
      <c r="DI40" s="100">
        <v>0</v>
      </c>
      <c r="DJ40" s="104">
        <v>0</v>
      </c>
      <c r="DK40" s="102">
        <v>0</v>
      </c>
      <c r="DL40" s="101">
        <v>0</v>
      </c>
      <c r="DM40" s="104">
        <v>78040</v>
      </c>
      <c r="DN40" s="104">
        <v>0</v>
      </c>
      <c r="DO40" s="104">
        <v>0</v>
      </c>
      <c r="DP40" s="104">
        <v>0</v>
      </c>
      <c r="DQ40" s="104">
        <v>0</v>
      </c>
      <c r="DR40" s="103">
        <v>78040</v>
      </c>
      <c r="DS40" s="106">
        <v>78040</v>
      </c>
      <c r="DT40" s="100">
        <v>0</v>
      </c>
      <c r="DU40" s="104">
        <v>0</v>
      </c>
      <c r="DV40" s="103">
        <v>0</v>
      </c>
      <c r="DW40" s="100">
        <v>0</v>
      </c>
      <c r="DX40" s="104">
        <v>78040</v>
      </c>
      <c r="DY40" s="104">
        <v>0</v>
      </c>
      <c r="DZ40" s="104">
        <v>0</v>
      </c>
      <c r="EA40" s="104">
        <v>0</v>
      </c>
      <c r="EB40" s="104">
        <v>0</v>
      </c>
      <c r="EC40" s="103">
        <v>78040</v>
      </c>
      <c r="ED40" s="106">
        <v>78040</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06">
        <v>0</v>
      </c>
      <c r="FE40" s="104">
        <v>0</v>
      </c>
      <c r="FF40" s="104">
        <v>0</v>
      </c>
      <c r="FG40" s="104">
        <v>0</v>
      </c>
      <c r="FH40" s="104">
        <v>0</v>
      </c>
      <c r="FI40" s="104">
        <v>0</v>
      </c>
      <c r="FJ40" s="103">
        <v>0</v>
      </c>
      <c r="FK40" s="106">
        <v>0</v>
      </c>
      <c r="FL40" s="100">
        <v>0</v>
      </c>
      <c r="FM40" s="104">
        <v>0</v>
      </c>
      <c r="FN40" s="103">
        <v>0</v>
      </c>
      <c r="FO40" s="100">
        <v>0</v>
      </c>
      <c r="FP40" s="104">
        <v>8800</v>
      </c>
      <c r="FQ40" s="104">
        <v>27824</v>
      </c>
      <c r="FR40" s="104">
        <v>55368</v>
      </c>
      <c r="FS40" s="104">
        <v>89982</v>
      </c>
      <c r="FT40" s="104">
        <v>0</v>
      </c>
      <c r="FU40" s="103">
        <v>181974</v>
      </c>
      <c r="FV40" s="106">
        <v>181974</v>
      </c>
      <c r="FW40" s="105">
        <v>0</v>
      </c>
      <c r="FX40" s="104">
        <v>0</v>
      </c>
      <c r="FY40" s="102">
        <v>0</v>
      </c>
      <c r="FZ40" s="101">
        <v>0</v>
      </c>
      <c r="GA40" s="104">
        <v>8800</v>
      </c>
      <c r="GB40" s="104">
        <v>27824</v>
      </c>
      <c r="GC40" s="104">
        <v>55368</v>
      </c>
      <c r="GD40" s="104">
        <v>40240</v>
      </c>
      <c r="GE40" s="104">
        <v>0</v>
      </c>
      <c r="GF40" s="103">
        <v>132232</v>
      </c>
      <c r="GG40" s="290">
        <v>132232</v>
      </c>
      <c r="GH40" s="105">
        <v>0</v>
      </c>
      <c r="GI40" s="104">
        <v>0</v>
      </c>
      <c r="GJ40" s="102">
        <v>0</v>
      </c>
      <c r="GK40" s="101">
        <v>0</v>
      </c>
      <c r="GL40" s="104">
        <v>0</v>
      </c>
      <c r="GM40" s="104">
        <v>0</v>
      </c>
      <c r="GN40" s="104">
        <v>0</v>
      </c>
      <c r="GO40" s="104">
        <v>0</v>
      </c>
      <c r="GP40" s="104">
        <v>0</v>
      </c>
      <c r="GQ40" s="103">
        <v>0</v>
      </c>
      <c r="GR40" s="106">
        <v>0</v>
      </c>
      <c r="GS40" s="100">
        <v>0</v>
      </c>
      <c r="GT40" s="104">
        <v>0</v>
      </c>
      <c r="GU40" s="103">
        <v>0</v>
      </c>
      <c r="GV40" s="100">
        <v>0</v>
      </c>
      <c r="GW40" s="104">
        <v>0</v>
      </c>
      <c r="GX40" s="104">
        <v>0</v>
      </c>
      <c r="GY40" s="104">
        <v>0</v>
      </c>
      <c r="GZ40" s="104">
        <v>49742</v>
      </c>
      <c r="HA40" s="104">
        <v>0</v>
      </c>
      <c r="HB40" s="102">
        <v>49742</v>
      </c>
      <c r="HC40" s="106">
        <v>49742</v>
      </c>
      <c r="HD40" s="100">
        <v>57752</v>
      </c>
      <c r="HE40" s="104">
        <v>93424</v>
      </c>
      <c r="HF40" s="102">
        <v>151176</v>
      </c>
      <c r="HG40" s="101">
        <v>0</v>
      </c>
      <c r="HH40" s="104">
        <v>868186</v>
      </c>
      <c r="HI40" s="104">
        <v>176838</v>
      </c>
      <c r="HJ40" s="104">
        <v>0</v>
      </c>
      <c r="HK40" s="104">
        <v>810463</v>
      </c>
      <c r="HL40" s="104">
        <v>245461</v>
      </c>
      <c r="HM40" s="103">
        <v>2100948</v>
      </c>
      <c r="HN40" s="99">
        <v>2252124</v>
      </c>
      <c r="HO40" s="456">
        <v>0</v>
      </c>
      <c r="HP40" s="457">
        <v>0</v>
      </c>
      <c r="HQ40" s="458">
        <v>0</v>
      </c>
      <c r="HR40" s="459">
        <v>0</v>
      </c>
      <c r="HS40" s="457">
        <v>0</v>
      </c>
      <c r="HT40" s="457">
        <v>0</v>
      </c>
      <c r="HU40" s="457">
        <v>0</v>
      </c>
      <c r="HV40" s="457">
        <v>0</v>
      </c>
      <c r="HW40" s="457">
        <v>0</v>
      </c>
      <c r="HX40" s="460">
        <v>0</v>
      </c>
      <c r="HY40" s="461">
        <v>0</v>
      </c>
      <c r="HZ40" s="135">
        <v>0</v>
      </c>
      <c r="IA40" s="122">
        <v>0</v>
      </c>
      <c r="IB40" s="135">
        <v>0</v>
      </c>
      <c r="IC40" s="131">
        <v>0</v>
      </c>
      <c r="ID40" s="119">
        <v>0</v>
      </c>
      <c r="IE40" s="132">
        <v>544040</v>
      </c>
      <c r="IF40" s="120">
        <v>52392</v>
      </c>
      <c r="IG40" s="119">
        <v>0</v>
      </c>
      <c r="IH40" s="120">
        <v>0</v>
      </c>
      <c r="II40" s="133">
        <v>596432</v>
      </c>
      <c r="IJ40" s="135">
        <v>596432</v>
      </c>
      <c r="IK40" s="215">
        <v>0</v>
      </c>
      <c r="IL40" s="219">
        <v>0</v>
      </c>
      <c r="IM40" s="220">
        <v>0</v>
      </c>
      <c r="IN40" s="470">
        <v>0</v>
      </c>
      <c r="IO40" s="109">
        <v>0</v>
      </c>
      <c r="IP40" s="109">
        <v>0</v>
      </c>
      <c r="IQ40" s="109">
        <v>52392</v>
      </c>
      <c r="IR40" s="109">
        <v>0</v>
      </c>
      <c r="IS40" s="109">
        <v>0</v>
      </c>
      <c r="IT40" s="128">
        <v>52392</v>
      </c>
      <c r="IU40" s="292">
        <v>52392</v>
      </c>
      <c r="IV40" s="129">
        <v>0</v>
      </c>
      <c r="IW40" s="109">
        <v>0</v>
      </c>
      <c r="IX40" s="110">
        <v>0</v>
      </c>
      <c r="IY40" s="470">
        <v>0</v>
      </c>
      <c r="IZ40" s="109">
        <v>0</v>
      </c>
      <c r="JA40" s="109">
        <v>0</v>
      </c>
      <c r="JB40" s="109">
        <v>0</v>
      </c>
      <c r="JC40" s="109">
        <v>0</v>
      </c>
      <c r="JD40" s="109">
        <v>0</v>
      </c>
      <c r="JE40" s="110">
        <v>0</v>
      </c>
      <c r="JF40" s="111">
        <v>0</v>
      </c>
      <c r="JG40" s="129">
        <v>0</v>
      </c>
      <c r="JH40" s="109">
        <v>0</v>
      </c>
      <c r="JI40" s="128">
        <v>0</v>
      </c>
      <c r="JJ40" s="108">
        <v>0</v>
      </c>
      <c r="JK40" s="109">
        <v>0</v>
      </c>
      <c r="JL40" s="109">
        <v>137312</v>
      </c>
      <c r="JM40" s="109">
        <v>0</v>
      </c>
      <c r="JN40" s="109">
        <v>0</v>
      </c>
      <c r="JO40" s="109">
        <v>0</v>
      </c>
      <c r="JP40" s="110">
        <v>137312</v>
      </c>
      <c r="JQ40" s="292">
        <v>137312</v>
      </c>
      <c r="JR40" s="129">
        <v>0</v>
      </c>
      <c r="JS40" s="109">
        <v>0</v>
      </c>
      <c r="JT40" s="128">
        <v>0</v>
      </c>
      <c r="JU40" s="108">
        <v>0</v>
      </c>
      <c r="JV40" s="109">
        <v>0</v>
      </c>
      <c r="JW40" s="109">
        <v>0</v>
      </c>
      <c r="JX40" s="109">
        <v>0</v>
      </c>
      <c r="JY40" s="109">
        <v>0</v>
      </c>
      <c r="JZ40" s="109">
        <v>0</v>
      </c>
      <c r="KA40" s="110">
        <v>0</v>
      </c>
      <c r="KB40" s="292">
        <v>0</v>
      </c>
      <c r="KC40" s="217">
        <v>0</v>
      </c>
      <c r="KD40" s="213">
        <v>0</v>
      </c>
      <c r="KE40" s="110">
        <v>0</v>
      </c>
      <c r="KF40" s="108">
        <v>0</v>
      </c>
      <c r="KG40" s="109">
        <v>0</v>
      </c>
      <c r="KH40" s="109">
        <v>169720</v>
      </c>
      <c r="KI40" s="109">
        <v>0</v>
      </c>
      <c r="KJ40" s="109">
        <v>0</v>
      </c>
      <c r="KK40" s="109">
        <v>0</v>
      </c>
      <c r="KL40" s="110">
        <v>169720</v>
      </c>
      <c r="KM40" s="130">
        <v>169720</v>
      </c>
      <c r="KN40" s="215">
        <v>0</v>
      </c>
      <c r="KO40" s="219">
        <v>0</v>
      </c>
      <c r="KP40" s="220">
        <v>0</v>
      </c>
      <c r="KQ40" s="470">
        <v>0</v>
      </c>
      <c r="KR40" s="109">
        <v>0</v>
      </c>
      <c r="KS40" s="109">
        <v>237008</v>
      </c>
      <c r="KT40" s="109">
        <v>0</v>
      </c>
      <c r="KU40" s="109">
        <v>0</v>
      </c>
      <c r="KV40" s="109">
        <v>0</v>
      </c>
      <c r="KW40" s="110">
        <v>237008</v>
      </c>
      <c r="KX40" s="292">
        <v>237008</v>
      </c>
      <c r="KY40" s="129">
        <v>0</v>
      </c>
      <c r="KZ40" s="109">
        <v>0</v>
      </c>
      <c r="LA40" s="110">
        <v>0</v>
      </c>
      <c r="LB40" s="470">
        <v>0</v>
      </c>
      <c r="LC40" s="109">
        <v>0</v>
      </c>
      <c r="LD40" s="109">
        <v>0</v>
      </c>
      <c r="LE40" s="109">
        <v>0</v>
      </c>
      <c r="LF40" s="109">
        <v>0</v>
      </c>
      <c r="LG40" s="109">
        <v>0</v>
      </c>
      <c r="LH40" s="110">
        <v>0</v>
      </c>
      <c r="LI40" s="111">
        <v>0</v>
      </c>
      <c r="LJ40" s="129">
        <v>0</v>
      </c>
      <c r="LK40" s="109">
        <v>0</v>
      </c>
      <c r="LL40" s="110">
        <v>0</v>
      </c>
      <c r="LM40" s="470">
        <v>0</v>
      </c>
      <c r="LN40" s="109">
        <v>0</v>
      </c>
      <c r="LO40" s="109">
        <v>0</v>
      </c>
      <c r="LP40" s="109">
        <v>0</v>
      </c>
      <c r="LQ40" s="109">
        <v>0</v>
      </c>
      <c r="LR40" s="109">
        <v>0</v>
      </c>
      <c r="LS40" s="110">
        <v>0</v>
      </c>
      <c r="LT40" s="292">
        <v>0</v>
      </c>
      <c r="LU40" s="129">
        <v>0</v>
      </c>
      <c r="LV40" s="109">
        <v>0</v>
      </c>
      <c r="LW40" s="110">
        <v>0</v>
      </c>
      <c r="LX40" s="470">
        <v>0</v>
      </c>
      <c r="LY40" s="109">
        <v>0</v>
      </c>
      <c r="LZ40" s="109">
        <v>0</v>
      </c>
      <c r="MA40" s="109">
        <v>0</v>
      </c>
      <c r="MB40" s="109">
        <v>0</v>
      </c>
      <c r="MC40" s="109">
        <v>0</v>
      </c>
      <c r="MD40" s="110">
        <v>0</v>
      </c>
      <c r="ME40" s="111">
        <v>0</v>
      </c>
      <c r="MF40" s="129">
        <v>0</v>
      </c>
      <c r="MG40" s="109">
        <v>0</v>
      </c>
      <c r="MH40" s="110">
        <v>0</v>
      </c>
      <c r="MI40" s="470">
        <v>0</v>
      </c>
      <c r="MJ40" s="109">
        <v>216952</v>
      </c>
      <c r="MK40" s="109">
        <v>0</v>
      </c>
      <c r="ML40" s="109">
        <v>453768</v>
      </c>
      <c r="MM40" s="109">
        <v>265080</v>
      </c>
      <c r="MN40" s="109">
        <v>540224</v>
      </c>
      <c r="MO40" s="110">
        <v>1476024</v>
      </c>
      <c r="MP40" s="130">
        <v>1476024</v>
      </c>
      <c r="MQ40" s="129">
        <v>0</v>
      </c>
      <c r="MR40" s="109">
        <v>0</v>
      </c>
      <c r="MS40" s="110">
        <v>0</v>
      </c>
      <c r="MT40" s="470">
        <v>0</v>
      </c>
      <c r="MU40" s="109">
        <v>0</v>
      </c>
      <c r="MV40" s="109">
        <v>0</v>
      </c>
      <c r="MW40" s="109">
        <v>0</v>
      </c>
      <c r="MX40" s="109">
        <v>265080</v>
      </c>
      <c r="MY40" s="109">
        <v>540224</v>
      </c>
      <c r="MZ40" s="110">
        <v>805304</v>
      </c>
      <c r="NA40" s="130">
        <v>805304</v>
      </c>
      <c r="NB40" s="129">
        <v>0</v>
      </c>
      <c r="NC40" s="109">
        <v>0</v>
      </c>
      <c r="ND40" s="110">
        <v>0</v>
      </c>
      <c r="NE40" s="470">
        <v>0</v>
      </c>
      <c r="NF40" s="109">
        <v>216952</v>
      </c>
      <c r="NG40" s="109">
        <v>0</v>
      </c>
      <c r="NH40" s="109">
        <v>453768</v>
      </c>
      <c r="NI40" s="109">
        <v>0</v>
      </c>
      <c r="NJ40" s="109">
        <v>0</v>
      </c>
      <c r="NK40" s="110">
        <v>670720</v>
      </c>
      <c r="NL40" s="292">
        <v>670720</v>
      </c>
      <c r="NM40" s="129">
        <v>0</v>
      </c>
      <c r="NN40" s="109">
        <v>0</v>
      </c>
      <c r="NO40" s="110">
        <v>0</v>
      </c>
      <c r="NP40" s="470">
        <v>0</v>
      </c>
      <c r="NQ40" s="109">
        <v>0</v>
      </c>
      <c r="NR40" s="109">
        <v>0</v>
      </c>
      <c r="NS40" s="109">
        <v>0</v>
      </c>
      <c r="NT40" s="109">
        <v>0</v>
      </c>
      <c r="NU40" s="109">
        <v>0</v>
      </c>
      <c r="NV40" s="110">
        <v>0</v>
      </c>
      <c r="NW40" s="111">
        <v>0</v>
      </c>
      <c r="NX40" s="129">
        <v>0</v>
      </c>
      <c r="NY40" s="109">
        <v>0</v>
      </c>
      <c r="NZ40" s="110">
        <v>0</v>
      </c>
      <c r="OA40" s="470">
        <v>0</v>
      </c>
      <c r="OB40" s="109">
        <v>0</v>
      </c>
      <c r="OC40" s="109">
        <v>0</v>
      </c>
      <c r="OD40" s="109">
        <v>0</v>
      </c>
      <c r="OE40" s="109">
        <v>0</v>
      </c>
      <c r="OF40" s="109">
        <v>0</v>
      </c>
      <c r="OG40" s="110">
        <v>0</v>
      </c>
      <c r="OH40" s="111">
        <v>0</v>
      </c>
      <c r="OI40" s="129">
        <v>68664</v>
      </c>
      <c r="OJ40" s="109">
        <v>93424</v>
      </c>
      <c r="OK40" s="128">
        <v>162088</v>
      </c>
      <c r="OL40" s="108">
        <v>0</v>
      </c>
      <c r="OM40" s="109">
        <v>1664804</v>
      </c>
      <c r="ON40" s="109">
        <v>1014178</v>
      </c>
      <c r="OO40" s="109">
        <v>794688</v>
      </c>
      <c r="OP40" s="109">
        <v>1558077</v>
      </c>
      <c r="OQ40" s="109">
        <v>806613</v>
      </c>
      <c r="OR40" s="110">
        <v>5838360</v>
      </c>
      <c r="OS40" s="130">
        <v>6000448</v>
      </c>
    </row>
    <row r="41" spans="2:409" ht="21" customHeight="1" x14ac:dyDescent="0.2">
      <c r="B41" s="437" t="s">
        <v>36</v>
      </c>
      <c r="C41" s="100">
        <v>164687</v>
      </c>
      <c r="D41" s="104">
        <v>44132</v>
      </c>
      <c r="E41" s="103">
        <v>208819</v>
      </c>
      <c r="F41" s="99">
        <v>0</v>
      </c>
      <c r="G41" s="104">
        <v>569681</v>
      </c>
      <c r="H41" s="104">
        <v>333872</v>
      </c>
      <c r="I41" s="104">
        <v>246783</v>
      </c>
      <c r="J41" s="104">
        <v>626344</v>
      </c>
      <c r="K41" s="104">
        <v>370700</v>
      </c>
      <c r="L41" s="156">
        <v>2147380</v>
      </c>
      <c r="M41" s="106">
        <v>2356199</v>
      </c>
      <c r="N41" s="100">
        <v>23769</v>
      </c>
      <c r="O41" s="104">
        <v>6836</v>
      </c>
      <c r="P41" s="103">
        <v>30605</v>
      </c>
      <c r="Q41" s="100">
        <v>0</v>
      </c>
      <c r="R41" s="104">
        <v>129037</v>
      </c>
      <c r="S41" s="104">
        <v>33675</v>
      </c>
      <c r="T41" s="104">
        <v>209663</v>
      </c>
      <c r="U41" s="104">
        <v>214052</v>
      </c>
      <c r="V41" s="104">
        <v>370700</v>
      </c>
      <c r="W41" s="103">
        <v>957127</v>
      </c>
      <c r="X41" s="106">
        <v>987732</v>
      </c>
      <c r="Y41" s="100">
        <v>0</v>
      </c>
      <c r="Z41" s="104">
        <v>0</v>
      </c>
      <c r="AA41" s="103">
        <v>0</v>
      </c>
      <c r="AB41" s="100">
        <v>0</v>
      </c>
      <c r="AC41" s="104">
        <v>47556</v>
      </c>
      <c r="AD41" s="104">
        <v>0</v>
      </c>
      <c r="AE41" s="104">
        <v>37028</v>
      </c>
      <c r="AF41" s="104">
        <v>0</v>
      </c>
      <c r="AG41" s="104">
        <v>351148</v>
      </c>
      <c r="AH41" s="103">
        <v>435732</v>
      </c>
      <c r="AI41" s="106">
        <v>435732</v>
      </c>
      <c r="AJ41" s="100">
        <v>0</v>
      </c>
      <c r="AK41" s="104">
        <v>0</v>
      </c>
      <c r="AL41" s="103">
        <v>0</v>
      </c>
      <c r="AM41" s="100">
        <v>0</v>
      </c>
      <c r="AN41" s="104">
        <v>0</v>
      </c>
      <c r="AO41" s="104">
        <v>0</v>
      </c>
      <c r="AP41" s="104">
        <v>0</v>
      </c>
      <c r="AQ41" s="104">
        <v>46716</v>
      </c>
      <c r="AR41" s="104">
        <v>0</v>
      </c>
      <c r="AS41" s="103">
        <v>46716</v>
      </c>
      <c r="AT41" s="106">
        <v>46716</v>
      </c>
      <c r="AU41" s="100">
        <v>23769</v>
      </c>
      <c r="AV41" s="104">
        <v>0</v>
      </c>
      <c r="AW41" s="103">
        <v>23769</v>
      </c>
      <c r="AX41" s="100">
        <v>0</v>
      </c>
      <c r="AY41" s="104">
        <v>42353</v>
      </c>
      <c r="AZ41" s="104">
        <v>0</v>
      </c>
      <c r="BA41" s="104">
        <v>97304</v>
      </c>
      <c r="BB41" s="104">
        <v>143831</v>
      </c>
      <c r="BC41" s="104">
        <v>0</v>
      </c>
      <c r="BD41" s="103">
        <v>283488</v>
      </c>
      <c r="BE41" s="106">
        <v>307257</v>
      </c>
      <c r="BF41" s="100">
        <v>0</v>
      </c>
      <c r="BG41" s="104">
        <v>6836</v>
      </c>
      <c r="BH41" s="102">
        <v>6836</v>
      </c>
      <c r="BI41" s="101">
        <v>0</v>
      </c>
      <c r="BJ41" s="104">
        <v>0</v>
      </c>
      <c r="BK41" s="104">
        <v>20931</v>
      </c>
      <c r="BL41" s="104">
        <v>20931</v>
      </c>
      <c r="BM41" s="104">
        <v>10465</v>
      </c>
      <c r="BN41" s="104">
        <v>0</v>
      </c>
      <c r="BO41" s="103">
        <v>52327</v>
      </c>
      <c r="BP41" s="106">
        <v>59163</v>
      </c>
      <c r="BQ41" s="100">
        <v>0</v>
      </c>
      <c r="BR41" s="104">
        <v>0</v>
      </c>
      <c r="BS41" s="103">
        <v>0</v>
      </c>
      <c r="BT41" s="100">
        <v>0</v>
      </c>
      <c r="BU41" s="104">
        <v>39128</v>
      </c>
      <c r="BV41" s="104">
        <v>12744</v>
      </c>
      <c r="BW41" s="104">
        <v>54400</v>
      </c>
      <c r="BX41" s="104">
        <v>13040</v>
      </c>
      <c r="BY41" s="104">
        <v>19552</v>
      </c>
      <c r="BZ41" s="103">
        <v>138864</v>
      </c>
      <c r="CA41" s="106">
        <v>138864</v>
      </c>
      <c r="CB41" s="100">
        <v>19318</v>
      </c>
      <c r="CC41" s="104">
        <v>37296</v>
      </c>
      <c r="CD41" s="103">
        <v>56614</v>
      </c>
      <c r="CE41" s="100">
        <v>0</v>
      </c>
      <c r="CF41" s="104">
        <v>77813</v>
      </c>
      <c r="CG41" s="104">
        <v>91312</v>
      </c>
      <c r="CH41" s="104">
        <v>0</v>
      </c>
      <c r="CI41" s="104">
        <v>75528</v>
      </c>
      <c r="CJ41" s="104">
        <v>0</v>
      </c>
      <c r="CK41" s="103">
        <v>244653</v>
      </c>
      <c r="CL41" s="106">
        <v>301267</v>
      </c>
      <c r="CM41" s="100">
        <v>0</v>
      </c>
      <c r="CN41" s="104">
        <v>0</v>
      </c>
      <c r="CO41" s="103">
        <v>0</v>
      </c>
      <c r="CP41" s="101">
        <v>0</v>
      </c>
      <c r="CQ41" s="104">
        <v>77813</v>
      </c>
      <c r="CR41" s="104">
        <v>91312</v>
      </c>
      <c r="CS41" s="104">
        <v>0</v>
      </c>
      <c r="CT41" s="104">
        <v>0</v>
      </c>
      <c r="CU41" s="104">
        <v>0</v>
      </c>
      <c r="CV41" s="103">
        <v>169125</v>
      </c>
      <c r="CW41" s="106">
        <v>169125</v>
      </c>
      <c r="CX41" s="100">
        <v>19318</v>
      </c>
      <c r="CY41" s="104">
        <v>37296</v>
      </c>
      <c r="CZ41" s="103">
        <v>56614</v>
      </c>
      <c r="DA41" s="100">
        <v>0</v>
      </c>
      <c r="DB41" s="104">
        <v>0</v>
      </c>
      <c r="DC41" s="104">
        <v>0</v>
      </c>
      <c r="DD41" s="104">
        <v>0</v>
      </c>
      <c r="DE41" s="104">
        <v>75528</v>
      </c>
      <c r="DF41" s="104">
        <v>0</v>
      </c>
      <c r="DG41" s="103">
        <v>75528</v>
      </c>
      <c r="DH41" s="106">
        <v>132142</v>
      </c>
      <c r="DI41" s="100">
        <v>0</v>
      </c>
      <c r="DJ41" s="104">
        <v>0</v>
      </c>
      <c r="DK41" s="102">
        <v>0</v>
      </c>
      <c r="DL41" s="101">
        <v>0</v>
      </c>
      <c r="DM41" s="104">
        <v>0</v>
      </c>
      <c r="DN41" s="104">
        <v>22973</v>
      </c>
      <c r="DO41" s="104">
        <v>0</v>
      </c>
      <c r="DP41" s="104">
        <v>259268</v>
      </c>
      <c r="DQ41" s="104">
        <v>0</v>
      </c>
      <c r="DR41" s="103">
        <v>282241</v>
      </c>
      <c r="DS41" s="106">
        <v>282241</v>
      </c>
      <c r="DT41" s="100">
        <v>0</v>
      </c>
      <c r="DU41" s="104">
        <v>0</v>
      </c>
      <c r="DV41" s="103">
        <v>0</v>
      </c>
      <c r="DW41" s="100">
        <v>0</v>
      </c>
      <c r="DX41" s="104">
        <v>0</v>
      </c>
      <c r="DY41" s="104">
        <v>22973</v>
      </c>
      <c r="DZ41" s="104">
        <v>0</v>
      </c>
      <c r="EA41" s="104">
        <v>259268</v>
      </c>
      <c r="EB41" s="104">
        <v>0</v>
      </c>
      <c r="EC41" s="103">
        <v>282241</v>
      </c>
      <c r="ED41" s="106">
        <v>282241</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06">
        <v>0</v>
      </c>
      <c r="FE41" s="104">
        <v>0</v>
      </c>
      <c r="FF41" s="104">
        <v>0</v>
      </c>
      <c r="FG41" s="104">
        <v>0</v>
      </c>
      <c r="FH41" s="104">
        <v>0</v>
      </c>
      <c r="FI41" s="104">
        <v>0</v>
      </c>
      <c r="FJ41" s="103">
        <v>0</v>
      </c>
      <c r="FK41" s="106">
        <v>0</v>
      </c>
      <c r="FL41" s="100">
        <v>121600</v>
      </c>
      <c r="FM41" s="104">
        <v>0</v>
      </c>
      <c r="FN41" s="103">
        <v>121600</v>
      </c>
      <c r="FO41" s="100">
        <v>0</v>
      </c>
      <c r="FP41" s="104">
        <v>54480</v>
      </c>
      <c r="FQ41" s="104">
        <v>49840</v>
      </c>
      <c r="FR41" s="104">
        <v>37120</v>
      </c>
      <c r="FS41" s="104">
        <v>77496</v>
      </c>
      <c r="FT41" s="104">
        <v>0</v>
      </c>
      <c r="FU41" s="103">
        <v>218936</v>
      </c>
      <c r="FV41" s="106">
        <v>340536</v>
      </c>
      <c r="FW41" s="105">
        <v>4000</v>
      </c>
      <c r="FX41" s="104">
        <v>0</v>
      </c>
      <c r="FY41" s="102">
        <v>4000</v>
      </c>
      <c r="FZ41" s="101">
        <v>0</v>
      </c>
      <c r="GA41" s="104">
        <v>54480</v>
      </c>
      <c r="GB41" s="104">
        <v>49840</v>
      </c>
      <c r="GC41" s="104">
        <v>37120</v>
      </c>
      <c r="GD41" s="104">
        <v>77496</v>
      </c>
      <c r="GE41" s="104">
        <v>0</v>
      </c>
      <c r="GF41" s="103">
        <v>218936</v>
      </c>
      <c r="GG41" s="290">
        <v>222936</v>
      </c>
      <c r="GH41" s="105">
        <v>0</v>
      </c>
      <c r="GI41" s="104">
        <v>0</v>
      </c>
      <c r="GJ41" s="102">
        <v>0</v>
      </c>
      <c r="GK41" s="101">
        <v>0</v>
      </c>
      <c r="GL41" s="104">
        <v>0</v>
      </c>
      <c r="GM41" s="104">
        <v>0</v>
      </c>
      <c r="GN41" s="104">
        <v>0</v>
      </c>
      <c r="GO41" s="104">
        <v>0</v>
      </c>
      <c r="GP41" s="104">
        <v>0</v>
      </c>
      <c r="GQ41" s="103">
        <v>0</v>
      </c>
      <c r="GR41" s="106">
        <v>0</v>
      </c>
      <c r="GS41" s="100">
        <v>117600</v>
      </c>
      <c r="GT41" s="104">
        <v>0</v>
      </c>
      <c r="GU41" s="103">
        <v>117600</v>
      </c>
      <c r="GV41" s="100">
        <v>0</v>
      </c>
      <c r="GW41" s="104">
        <v>0</v>
      </c>
      <c r="GX41" s="104">
        <v>0</v>
      </c>
      <c r="GY41" s="104">
        <v>0</v>
      </c>
      <c r="GZ41" s="104">
        <v>0</v>
      </c>
      <c r="HA41" s="104">
        <v>0</v>
      </c>
      <c r="HB41" s="102">
        <v>0</v>
      </c>
      <c r="HC41" s="106">
        <v>117600</v>
      </c>
      <c r="HD41" s="100">
        <v>0</v>
      </c>
      <c r="HE41" s="104">
        <v>0</v>
      </c>
      <c r="HF41" s="102">
        <v>0</v>
      </c>
      <c r="HG41" s="101">
        <v>0</v>
      </c>
      <c r="HH41" s="104">
        <v>308351</v>
      </c>
      <c r="HI41" s="104">
        <v>136072</v>
      </c>
      <c r="HJ41" s="104">
        <v>0</v>
      </c>
      <c r="HK41" s="104">
        <v>0</v>
      </c>
      <c r="HL41" s="104">
        <v>0</v>
      </c>
      <c r="HM41" s="103">
        <v>444423</v>
      </c>
      <c r="HN41" s="99">
        <v>444423</v>
      </c>
      <c r="HO41" s="456">
        <v>0</v>
      </c>
      <c r="HP41" s="457">
        <v>0</v>
      </c>
      <c r="HQ41" s="458">
        <v>0</v>
      </c>
      <c r="HR41" s="459">
        <v>0</v>
      </c>
      <c r="HS41" s="457">
        <v>0</v>
      </c>
      <c r="HT41" s="457">
        <v>0</v>
      </c>
      <c r="HU41" s="457">
        <v>0</v>
      </c>
      <c r="HV41" s="457">
        <v>0</v>
      </c>
      <c r="HW41" s="457">
        <v>0</v>
      </c>
      <c r="HX41" s="460">
        <v>0</v>
      </c>
      <c r="HY41" s="461">
        <v>0</v>
      </c>
      <c r="HZ41" s="118">
        <v>0</v>
      </c>
      <c r="IA41" s="119">
        <v>0</v>
      </c>
      <c r="IB41" s="120">
        <v>0</v>
      </c>
      <c r="IC41" s="131">
        <v>0</v>
      </c>
      <c r="ID41" s="119">
        <v>71868</v>
      </c>
      <c r="IE41" s="132">
        <v>33481</v>
      </c>
      <c r="IF41" s="120">
        <v>0</v>
      </c>
      <c r="IG41" s="119">
        <v>286312</v>
      </c>
      <c r="IH41" s="120">
        <v>0</v>
      </c>
      <c r="II41" s="133">
        <v>391661</v>
      </c>
      <c r="IJ41" s="126">
        <v>391661</v>
      </c>
      <c r="IK41" s="215">
        <v>0</v>
      </c>
      <c r="IL41" s="219">
        <v>0</v>
      </c>
      <c r="IM41" s="220">
        <v>0</v>
      </c>
      <c r="IN41" s="470">
        <v>0</v>
      </c>
      <c r="IO41" s="109">
        <v>0</v>
      </c>
      <c r="IP41" s="109">
        <v>0</v>
      </c>
      <c r="IQ41" s="109">
        <v>0</v>
      </c>
      <c r="IR41" s="109">
        <v>0</v>
      </c>
      <c r="IS41" s="109">
        <v>0</v>
      </c>
      <c r="IT41" s="128">
        <v>0</v>
      </c>
      <c r="IU41" s="292">
        <v>0</v>
      </c>
      <c r="IV41" s="129">
        <v>0</v>
      </c>
      <c r="IW41" s="109">
        <v>0</v>
      </c>
      <c r="IX41" s="110">
        <v>0</v>
      </c>
      <c r="IY41" s="470">
        <v>0</v>
      </c>
      <c r="IZ41" s="109">
        <v>0</v>
      </c>
      <c r="JA41" s="109">
        <v>0</v>
      </c>
      <c r="JB41" s="109">
        <v>0</v>
      </c>
      <c r="JC41" s="109">
        <v>0</v>
      </c>
      <c r="JD41" s="109">
        <v>0</v>
      </c>
      <c r="JE41" s="110">
        <v>0</v>
      </c>
      <c r="JF41" s="111">
        <v>0</v>
      </c>
      <c r="JG41" s="129">
        <v>0</v>
      </c>
      <c r="JH41" s="109">
        <v>0</v>
      </c>
      <c r="JI41" s="128">
        <v>0</v>
      </c>
      <c r="JJ41" s="108">
        <v>0</v>
      </c>
      <c r="JK41" s="109">
        <v>71868</v>
      </c>
      <c r="JL41" s="109">
        <v>33481</v>
      </c>
      <c r="JM41" s="109">
        <v>0</v>
      </c>
      <c r="JN41" s="109">
        <v>26651</v>
      </c>
      <c r="JO41" s="109">
        <v>0</v>
      </c>
      <c r="JP41" s="110">
        <v>132000</v>
      </c>
      <c r="JQ41" s="292">
        <v>132000</v>
      </c>
      <c r="JR41" s="129">
        <v>0</v>
      </c>
      <c r="JS41" s="109">
        <v>0</v>
      </c>
      <c r="JT41" s="128">
        <v>0</v>
      </c>
      <c r="JU41" s="108">
        <v>0</v>
      </c>
      <c r="JV41" s="109">
        <v>0</v>
      </c>
      <c r="JW41" s="109">
        <v>0</v>
      </c>
      <c r="JX41" s="109">
        <v>0</v>
      </c>
      <c r="JY41" s="109">
        <v>0</v>
      </c>
      <c r="JZ41" s="109">
        <v>0</v>
      </c>
      <c r="KA41" s="110">
        <v>0</v>
      </c>
      <c r="KB41" s="292">
        <v>0</v>
      </c>
      <c r="KC41" s="217">
        <v>0</v>
      </c>
      <c r="KD41" s="213">
        <v>0</v>
      </c>
      <c r="KE41" s="110">
        <v>0</v>
      </c>
      <c r="KF41" s="108">
        <v>0</v>
      </c>
      <c r="KG41" s="109">
        <v>0</v>
      </c>
      <c r="KH41" s="109">
        <v>0</v>
      </c>
      <c r="KI41" s="109">
        <v>0</v>
      </c>
      <c r="KJ41" s="109">
        <v>0</v>
      </c>
      <c r="KK41" s="109">
        <v>0</v>
      </c>
      <c r="KL41" s="110">
        <v>0</v>
      </c>
      <c r="KM41" s="130">
        <v>0</v>
      </c>
      <c r="KN41" s="215">
        <v>0</v>
      </c>
      <c r="KO41" s="219">
        <v>0</v>
      </c>
      <c r="KP41" s="220">
        <v>0</v>
      </c>
      <c r="KQ41" s="470">
        <v>0</v>
      </c>
      <c r="KR41" s="109">
        <v>0</v>
      </c>
      <c r="KS41" s="109">
        <v>0</v>
      </c>
      <c r="KT41" s="109">
        <v>0</v>
      </c>
      <c r="KU41" s="109">
        <v>259661</v>
      </c>
      <c r="KV41" s="109">
        <v>0</v>
      </c>
      <c r="KW41" s="110">
        <v>259661</v>
      </c>
      <c r="KX41" s="292">
        <v>259661</v>
      </c>
      <c r="KY41" s="129">
        <v>0</v>
      </c>
      <c r="KZ41" s="109">
        <v>0</v>
      </c>
      <c r="LA41" s="110">
        <v>0</v>
      </c>
      <c r="LB41" s="470">
        <v>0</v>
      </c>
      <c r="LC41" s="109">
        <v>0</v>
      </c>
      <c r="LD41" s="109">
        <v>0</v>
      </c>
      <c r="LE41" s="109">
        <v>0</v>
      </c>
      <c r="LF41" s="109">
        <v>0</v>
      </c>
      <c r="LG41" s="109">
        <v>0</v>
      </c>
      <c r="LH41" s="110">
        <v>0</v>
      </c>
      <c r="LI41" s="111">
        <v>0</v>
      </c>
      <c r="LJ41" s="129">
        <v>0</v>
      </c>
      <c r="LK41" s="109">
        <v>0</v>
      </c>
      <c r="LL41" s="110">
        <v>0</v>
      </c>
      <c r="LM41" s="470">
        <v>0</v>
      </c>
      <c r="LN41" s="109">
        <v>0</v>
      </c>
      <c r="LO41" s="109">
        <v>0</v>
      </c>
      <c r="LP41" s="109">
        <v>0</v>
      </c>
      <c r="LQ41" s="109">
        <v>0</v>
      </c>
      <c r="LR41" s="109">
        <v>0</v>
      </c>
      <c r="LS41" s="110">
        <v>0</v>
      </c>
      <c r="LT41" s="292">
        <v>0</v>
      </c>
      <c r="LU41" s="129">
        <v>0</v>
      </c>
      <c r="LV41" s="109">
        <v>0</v>
      </c>
      <c r="LW41" s="110">
        <v>0</v>
      </c>
      <c r="LX41" s="470">
        <v>0</v>
      </c>
      <c r="LY41" s="109">
        <v>0</v>
      </c>
      <c r="LZ41" s="109">
        <v>0</v>
      </c>
      <c r="MA41" s="109">
        <v>0</v>
      </c>
      <c r="MB41" s="109">
        <v>0</v>
      </c>
      <c r="MC41" s="109">
        <v>0</v>
      </c>
      <c r="MD41" s="110">
        <v>0</v>
      </c>
      <c r="ME41" s="111">
        <v>0</v>
      </c>
      <c r="MF41" s="129">
        <v>0</v>
      </c>
      <c r="MG41" s="109">
        <v>0</v>
      </c>
      <c r="MH41" s="110">
        <v>0</v>
      </c>
      <c r="MI41" s="470">
        <v>0</v>
      </c>
      <c r="MJ41" s="109">
        <v>0</v>
      </c>
      <c r="MK41" s="109">
        <v>0</v>
      </c>
      <c r="ML41" s="109">
        <v>0</v>
      </c>
      <c r="MM41" s="109">
        <v>537183</v>
      </c>
      <c r="MN41" s="109">
        <v>618038</v>
      </c>
      <c r="MO41" s="110">
        <v>1155221</v>
      </c>
      <c r="MP41" s="130">
        <v>1155221</v>
      </c>
      <c r="MQ41" s="129">
        <v>0</v>
      </c>
      <c r="MR41" s="109">
        <v>0</v>
      </c>
      <c r="MS41" s="110">
        <v>0</v>
      </c>
      <c r="MT41" s="470">
        <v>0</v>
      </c>
      <c r="MU41" s="109">
        <v>0</v>
      </c>
      <c r="MV41" s="109">
        <v>0</v>
      </c>
      <c r="MW41" s="109">
        <v>0</v>
      </c>
      <c r="MX41" s="109">
        <v>257074</v>
      </c>
      <c r="MY41" s="109">
        <v>267504</v>
      </c>
      <c r="MZ41" s="110">
        <v>524578</v>
      </c>
      <c r="NA41" s="130">
        <v>524578</v>
      </c>
      <c r="NB41" s="129">
        <v>0</v>
      </c>
      <c r="NC41" s="109">
        <v>0</v>
      </c>
      <c r="ND41" s="110">
        <v>0</v>
      </c>
      <c r="NE41" s="470">
        <v>0</v>
      </c>
      <c r="NF41" s="109">
        <v>0</v>
      </c>
      <c r="NG41" s="109">
        <v>0</v>
      </c>
      <c r="NH41" s="109">
        <v>0</v>
      </c>
      <c r="NI41" s="109">
        <v>280109</v>
      </c>
      <c r="NJ41" s="109">
        <v>350534</v>
      </c>
      <c r="NK41" s="110">
        <v>630643</v>
      </c>
      <c r="NL41" s="292">
        <v>630643</v>
      </c>
      <c r="NM41" s="129">
        <v>0</v>
      </c>
      <c r="NN41" s="109">
        <v>0</v>
      </c>
      <c r="NO41" s="110">
        <v>0</v>
      </c>
      <c r="NP41" s="470">
        <v>0</v>
      </c>
      <c r="NQ41" s="109">
        <v>0</v>
      </c>
      <c r="NR41" s="109">
        <v>0</v>
      </c>
      <c r="NS41" s="109">
        <v>0</v>
      </c>
      <c r="NT41" s="109">
        <v>0</v>
      </c>
      <c r="NU41" s="109">
        <v>0</v>
      </c>
      <c r="NV41" s="110">
        <v>0</v>
      </c>
      <c r="NW41" s="111">
        <v>0</v>
      </c>
      <c r="NX41" s="129">
        <v>0</v>
      </c>
      <c r="NY41" s="109">
        <v>0</v>
      </c>
      <c r="NZ41" s="110">
        <v>0</v>
      </c>
      <c r="OA41" s="470">
        <v>0</v>
      </c>
      <c r="OB41" s="109">
        <v>0</v>
      </c>
      <c r="OC41" s="109">
        <v>0</v>
      </c>
      <c r="OD41" s="109">
        <v>0</v>
      </c>
      <c r="OE41" s="109">
        <v>0</v>
      </c>
      <c r="OF41" s="109">
        <v>0</v>
      </c>
      <c r="OG41" s="110">
        <v>0</v>
      </c>
      <c r="OH41" s="111">
        <v>0</v>
      </c>
      <c r="OI41" s="129">
        <v>164687</v>
      </c>
      <c r="OJ41" s="109">
        <v>44132</v>
      </c>
      <c r="OK41" s="128">
        <v>208819</v>
      </c>
      <c r="OL41" s="108">
        <v>0</v>
      </c>
      <c r="OM41" s="109">
        <v>641549</v>
      </c>
      <c r="ON41" s="109">
        <v>367353</v>
      </c>
      <c r="OO41" s="109">
        <v>246783</v>
      </c>
      <c r="OP41" s="109">
        <v>1449839</v>
      </c>
      <c r="OQ41" s="109">
        <v>988738</v>
      </c>
      <c r="OR41" s="110">
        <v>3694262</v>
      </c>
      <c r="OS41" s="130">
        <v>3903081</v>
      </c>
    </row>
    <row r="42" spans="2:409" ht="21" customHeight="1" thickBot="1" x14ac:dyDescent="0.25">
      <c r="B42" s="438" t="s">
        <v>37</v>
      </c>
      <c r="C42" s="107">
        <v>0</v>
      </c>
      <c r="D42" s="161">
        <v>0</v>
      </c>
      <c r="E42" s="162">
        <v>0</v>
      </c>
      <c r="F42" s="163">
        <v>0</v>
      </c>
      <c r="G42" s="161">
        <v>21717</v>
      </c>
      <c r="H42" s="161">
        <v>98251</v>
      </c>
      <c r="I42" s="161">
        <v>169341</v>
      </c>
      <c r="J42" s="161">
        <v>0</v>
      </c>
      <c r="K42" s="161">
        <v>0</v>
      </c>
      <c r="L42" s="163">
        <v>289309</v>
      </c>
      <c r="M42" s="164">
        <v>289309</v>
      </c>
      <c r="N42" s="107">
        <v>0</v>
      </c>
      <c r="O42" s="161">
        <v>0</v>
      </c>
      <c r="P42" s="162">
        <v>0</v>
      </c>
      <c r="Q42" s="107">
        <v>0</v>
      </c>
      <c r="R42" s="161">
        <v>0</v>
      </c>
      <c r="S42" s="161">
        <v>0</v>
      </c>
      <c r="T42" s="161">
        <v>0</v>
      </c>
      <c r="U42" s="161">
        <v>0</v>
      </c>
      <c r="V42" s="161">
        <v>0</v>
      </c>
      <c r="W42" s="162">
        <v>0</v>
      </c>
      <c r="X42" s="164">
        <v>0</v>
      </c>
      <c r="Y42" s="107">
        <v>0</v>
      </c>
      <c r="Z42" s="161">
        <v>0</v>
      </c>
      <c r="AA42" s="162">
        <v>0</v>
      </c>
      <c r="AB42" s="107">
        <v>0</v>
      </c>
      <c r="AC42" s="161">
        <v>0</v>
      </c>
      <c r="AD42" s="161">
        <v>0</v>
      </c>
      <c r="AE42" s="161">
        <v>0</v>
      </c>
      <c r="AF42" s="161">
        <v>0</v>
      </c>
      <c r="AG42" s="161">
        <v>0</v>
      </c>
      <c r="AH42" s="162">
        <v>0</v>
      </c>
      <c r="AI42" s="164">
        <v>0</v>
      </c>
      <c r="AJ42" s="107">
        <v>0</v>
      </c>
      <c r="AK42" s="161">
        <v>0</v>
      </c>
      <c r="AL42" s="162">
        <v>0</v>
      </c>
      <c r="AM42" s="107">
        <v>0</v>
      </c>
      <c r="AN42" s="161">
        <v>0</v>
      </c>
      <c r="AO42" s="161">
        <v>0</v>
      </c>
      <c r="AP42" s="161">
        <v>0</v>
      </c>
      <c r="AQ42" s="161">
        <v>0</v>
      </c>
      <c r="AR42" s="161">
        <v>0</v>
      </c>
      <c r="AS42" s="162">
        <v>0</v>
      </c>
      <c r="AT42" s="164">
        <v>0</v>
      </c>
      <c r="AU42" s="107">
        <v>0</v>
      </c>
      <c r="AV42" s="161">
        <v>0</v>
      </c>
      <c r="AW42" s="162">
        <v>0</v>
      </c>
      <c r="AX42" s="107">
        <v>0</v>
      </c>
      <c r="AY42" s="161">
        <v>0</v>
      </c>
      <c r="AZ42" s="161">
        <v>0</v>
      </c>
      <c r="BA42" s="161">
        <v>0</v>
      </c>
      <c r="BB42" s="161">
        <v>0</v>
      </c>
      <c r="BC42" s="161">
        <v>0</v>
      </c>
      <c r="BD42" s="162">
        <v>0</v>
      </c>
      <c r="BE42" s="164">
        <v>0</v>
      </c>
      <c r="BF42" s="107">
        <v>0</v>
      </c>
      <c r="BG42" s="161">
        <v>0</v>
      </c>
      <c r="BH42" s="166">
        <v>0</v>
      </c>
      <c r="BI42" s="165">
        <v>0</v>
      </c>
      <c r="BJ42" s="161">
        <v>0</v>
      </c>
      <c r="BK42" s="161">
        <v>0</v>
      </c>
      <c r="BL42" s="161">
        <v>0</v>
      </c>
      <c r="BM42" s="161">
        <v>0</v>
      </c>
      <c r="BN42" s="161">
        <v>0</v>
      </c>
      <c r="BO42" s="162">
        <v>0</v>
      </c>
      <c r="BP42" s="164">
        <v>0</v>
      </c>
      <c r="BQ42" s="107">
        <v>0</v>
      </c>
      <c r="BR42" s="161">
        <v>0</v>
      </c>
      <c r="BS42" s="162">
        <v>0</v>
      </c>
      <c r="BT42" s="107">
        <v>0</v>
      </c>
      <c r="BU42" s="161">
        <v>0</v>
      </c>
      <c r="BV42" s="161">
        <v>0</v>
      </c>
      <c r="BW42" s="161">
        <v>0</v>
      </c>
      <c r="BX42" s="161">
        <v>0</v>
      </c>
      <c r="BY42" s="161">
        <v>0</v>
      </c>
      <c r="BZ42" s="162">
        <v>0</v>
      </c>
      <c r="CA42" s="164">
        <v>0</v>
      </c>
      <c r="CB42" s="107">
        <v>0</v>
      </c>
      <c r="CC42" s="161">
        <v>0</v>
      </c>
      <c r="CD42" s="162">
        <v>0</v>
      </c>
      <c r="CE42" s="107">
        <v>0</v>
      </c>
      <c r="CF42" s="161">
        <v>20517</v>
      </c>
      <c r="CG42" s="161">
        <v>79243</v>
      </c>
      <c r="CH42" s="161">
        <v>86541</v>
      </c>
      <c r="CI42" s="161">
        <v>0</v>
      </c>
      <c r="CJ42" s="161">
        <v>0</v>
      </c>
      <c r="CK42" s="162">
        <v>186301</v>
      </c>
      <c r="CL42" s="164">
        <v>186301</v>
      </c>
      <c r="CM42" s="107">
        <v>0</v>
      </c>
      <c r="CN42" s="161">
        <v>0</v>
      </c>
      <c r="CO42" s="162">
        <v>0</v>
      </c>
      <c r="CP42" s="165">
        <v>0</v>
      </c>
      <c r="CQ42" s="161">
        <v>0</v>
      </c>
      <c r="CR42" s="161">
        <v>79243</v>
      </c>
      <c r="CS42" s="161">
        <v>0</v>
      </c>
      <c r="CT42" s="161">
        <v>0</v>
      </c>
      <c r="CU42" s="161">
        <v>0</v>
      </c>
      <c r="CV42" s="162">
        <v>79243</v>
      </c>
      <c r="CW42" s="164">
        <v>79243</v>
      </c>
      <c r="CX42" s="107">
        <v>0</v>
      </c>
      <c r="CY42" s="161">
        <v>0</v>
      </c>
      <c r="CZ42" s="162">
        <v>0</v>
      </c>
      <c r="DA42" s="107">
        <v>0</v>
      </c>
      <c r="DB42" s="161">
        <v>20517</v>
      </c>
      <c r="DC42" s="161">
        <v>0</v>
      </c>
      <c r="DD42" s="161">
        <v>86541</v>
      </c>
      <c r="DE42" s="161">
        <v>0</v>
      </c>
      <c r="DF42" s="161">
        <v>0</v>
      </c>
      <c r="DG42" s="162">
        <v>107058</v>
      </c>
      <c r="DH42" s="164">
        <v>107058</v>
      </c>
      <c r="DI42" s="107">
        <v>0</v>
      </c>
      <c r="DJ42" s="161">
        <v>0</v>
      </c>
      <c r="DK42" s="166">
        <v>0</v>
      </c>
      <c r="DL42" s="165">
        <v>0</v>
      </c>
      <c r="DM42" s="161">
        <v>0</v>
      </c>
      <c r="DN42" s="161">
        <v>0</v>
      </c>
      <c r="DO42" s="161">
        <v>0</v>
      </c>
      <c r="DP42" s="161">
        <v>0</v>
      </c>
      <c r="DQ42" s="161">
        <v>0</v>
      </c>
      <c r="DR42" s="162">
        <v>0</v>
      </c>
      <c r="DS42" s="164">
        <v>0</v>
      </c>
      <c r="DT42" s="107">
        <v>0</v>
      </c>
      <c r="DU42" s="161">
        <v>0</v>
      </c>
      <c r="DV42" s="162">
        <v>0</v>
      </c>
      <c r="DW42" s="107">
        <v>0</v>
      </c>
      <c r="DX42" s="161">
        <v>0</v>
      </c>
      <c r="DY42" s="161">
        <v>0</v>
      </c>
      <c r="DZ42" s="161">
        <v>0</v>
      </c>
      <c r="EA42" s="161">
        <v>0</v>
      </c>
      <c r="EB42" s="161">
        <v>0</v>
      </c>
      <c r="EC42" s="162">
        <v>0</v>
      </c>
      <c r="ED42" s="164">
        <v>0</v>
      </c>
      <c r="EE42" s="107">
        <v>0</v>
      </c>
      <c r="EF42" s="166">
        <v>0</v>
      </c>
      <c r="EG42" s="162">
        <v>0</v>
      </c>
      <c r="EH42" s="107">
        <v>0</v>
      </c>
      <c r="EI42" s="161">
        <v>0</v>
      </c>
      <c r="EJ42" s="161">
        <v>0</v>
      </c>
      <c r="EK42" s="161">
        <v>0</v>
      </c>
      <c r="EL42" s="161">
        <v>0</v>
      </c>
      <c r="EM42" s="161">
        <v>0</v>
      </c>
      <c r="EN42" s="166">
        <v>0</v>
      </c>
      <c r="EO42" s="164">
        <v>0</v>
      </c>
      <c r="EP42" s="107">
        <v>0</v>
      </c>
      <c r="EQ42" s="161">
        <v>0</v>
      </c>
      <c r="ER42" s="166">
        <v>0</v>
      </c>
      <c r="ES42" s="165">
        <v>0</v>
      </c>
      <c r="ET42" s="161">
        <v>0</v>
      </c>
      <c r="EU42" s="161">
        <v>0</v>
      </c>
      <c r="EV42" s="161">
        <v>0</v>
      </c>
      <c r="EW42" s="161">
        <v>0</v>
      </c>
      <c r="EX42" s="161">
        <v>0</v>
      </c>
      <c r="EY42" s="162">
        <v>0</v>
      </c>
      <c r="EZ42" s="164">
        <v>0</v>
      </c>
      <c r="FA42" s="107">
        <v>0</v>
      </c>
      <c r="FB42" s="161">
        <v>0</v>
      </c>
      <c r="FC42" s="166">
        <v>0</v>
      </c>
      <c r="FD42" s="307">
        <v>0</v>
      </c>
      <c r="FE42" s="161">
        <v>0</v>
      </c>
      <c r="FF42" s="161">
        <v>0</v>
      </c>
      <c r="FG42" s="161">
        <v>0</v>
      </c>
      <c r="FH42" s="161">
        <v>0</v>
      </c>
      <c r="FI42" s="161">
        <v>0</v>
      </c>
      <c r="FJ42" s="162">
        <v>0</v>
      </c>
      <c r="FK42" s="164">
        <v>0</v>
      </c>
      <c r="FL42" s="107">
        <v>0</v>
      </c>
      <c r="FM42" s="161">
        <v>0</v>
      </c>
      <c r="FN42" s="162">
        <v>0</v>
      </c>
      <c r="FO42" s="107">
        <v>0</v>
      </c>
      <c r="FP42" s="161">
        <v>1200</v>
      </c>
      <c r="FQ42" s="161">
        <v>19008</v>
      </c>
      <c r="FR42" s="161">
        <v>82800</v>
      </c>
      <c r="FS42" s="161">
        <v>0</v>
      </c>
      <c r="FT42" s="161">
        <v>0</v>
      </c>
      <c r="FU42" s="162">
        <v>103008</v>
      </c>
      <c r="FV42" s="164">
        <v>103008</v>
      </c>
      <c r="FW42" s="167">
        <v>0</v>
      </c>
      <c r="FX42" s="161">
        <v>0</v>
      </c>
      <c r="FY42" s="166">
        <v>0</v>
      </c>
      <c r="FZ42" s="165">
        <v>0</v>
      </c>
      <c r="GA42" s="161">
        <v>1200</v>
      </c>
      <c r="GB42" s="161">
        <v>19008</v>
      </c>
      <c r="GC42" s="161">
        <v>82800</v>
      </c>
      <c r="GD42" s="161">
        <v>0</v>
      </c>
      <c r="GE42" s="161">
        <v>0</v>
      </c>
      <c r="GF42" s="162">
        <v>103008</v>
      </c>
      <c r="GG42" s="291">
        <v>103008</v>
      </c>
      <c r="GH42" s="167">
        <v>0</v>
      </c>
      <c r="GI42" s="161">
        <v>0</v>
      </c>
      <c r="GJ42" s="166">
        <v>0</v>
      </c>
      <c r="GK42" s="165">
        <v>0</v>
      </c>
      <c r="GL42" s="161">
        <v>0</v>
      </c>
      <c r="GM42" s="161">
        <v>0</v>
      </c>
      <c r="GN42" s="161">
        <v>0</v>
      </c>
      <c r="GO42" s="161">
        <v>0</v>
      </c>
      <c r="GP42" s="161">
        <v>0</v>
      </c>
      <c r="GQ42" s="162">
        <v>0</v>
      </c>
      <c r="GR42" s="164">
        <v>0</v>
      </c>
      <c r="GS42" s="107">
        <v>0</v>
      </c>
      <c r="GT42" s="161">
        <v>0</v>
      </c>
      <c r="GU42" s="162">
        <v>0</v>
      </c>
      <c r="GV42" s="107">
        <v>0</v>
      </c>
      <c r="GW42" s="161">
        <v>0</v>
      </c>
      <c r="GX42" s="161">
        <v>0</v>
      </c>
      <c r="GY42" s="161">
        <v>0</v>
      </c>
      <c r="GZ42" s="161">
        <v>0</v>
      </c>
      <c r="HA42" s="161">
        <v>0</v>
      </c>
      <c r="HB42" s="166">
        <v>0</v>
      </c>
      <c r="HC42" s="164">
        <v>0</v>
      </c>
      <c r="HD42" s="107">
        <v>0</v>
      </c>
      <c r="HE42" s="161">
        <v>0</v>
      </c>
      <c r="HF42" s="166">
        <v>0</v>
      </c>
      <c r="HG42" s="165">
        <v>0</v>
      </c>
      <c r="HH42" s="161">
        <v>0</v>
      </c>
      <c r="HI42" s="161">
        <v>0</v>
      </c>
      <c r="HJ42" s="161">
        <v>0</v>
      </c>
      <c r="HK42" s="161">
        <v>0</v>
      </c>
      <c r="HL42" s="161">
        <v>0</v>
      </c>
      <c r="HM42" s="162">
        <v>0</v>
      </c>
      <c r="HN42" s="163">
        <v>0</v>
      </c>
      <c r="HO42" s="462">
        <v>0</v>
      </c>
      <c r="HP42" s="463">
        <v>0</v>
      </c>
      <c r="HQ42" s="464">
        <v>0</v>
      </c>
      <c r="HR42" s="465">
        <v>0</v>
      </c>
      <c r="HS42" s="463">
        <v>0</v>
      </c>
      <c r="HT42" s="463">
        <v>0</v>
      </c>
      <c r="HU42" s="463">
        <v>0</v>
      </c>
      <c r="HV42" s="463">
        <v>0</v>
      </c>
      <c r="HW42" s="463">
        <v>0</v>
      </c>
      <c r="HX42" s="466">
        <v>0</v>
      </c>
      <c r="HY42" s="467">
        <v>0</v>
      </c>
      <c r="HZ42" s="136">
        <v>0</v>
      </c>
      <c r="IA42" s="137">
        <v>0</v>
      </c>
      <c r="IB42" s="138">
        <v>0</v>
      </c>
      <c r="IC42" s="139">
        <v>0</v>
      </c>
      <c r="ID42" s="140">
        <v>0</v>
      </c>
      <c r="IE42" s="141">
        <v>0</v>
      </c>
      <c r="IF42" s="142">
        <v>0</v>
      </c>
      <c r="IG42" s="140">
        <v>0</v>
      </c>
      <c r="IH42" s="142">
        <v>0</v>
      </c>
      <c r="II42" s="143">
        <v>0</v>
      </c>
      <c r="IJ42" s="144">
        <v>0</v>
      </c>
      <c r="IK42" s="216">
        <v>0</v>
      </c>
      <c r="IL42" s="221">
        <v>0</v>
      </c>
      <c r="IM42" s="222">
        <v>0</v>
      </c>
      <c r="IN42" s="471">
        <v>0</v>
      </c>
      <c r="IO42" s="146">
        <v>0</v>
      </c>
      <c r="IP42" s="146">
        <v>0</v>
      </c>
      <c r="IQ42" s="146">
        <v>0</v>
      </c>
      <c r="IR42" s="146">
        <v>0</v>
      </c>
      <c r="IS42" s="146">
        <v>0</v>
      </c>
      <c r="IT42" s="147">
        <v>0</v>
      </c>
      <c r="IU42" s="293">
        <v>0</v>
      </c>
      <c r="IV42" s="148">
        <v>0</v>
      </c>
      <c r="IW42" s="146">
        <v>0</v>
      </c>
      <c r="IX42" s="150">
        <v>0</v>
      </c>
      <c r="IY42" s="471">
        <v>0</v>
      </c>
      <c r="IZ42" s="146">
        <v>0</v>
      </c>
      <c r="JA42" s="146">
        <v>0</v>
      </c>
      <c r="JB42" s="146">
        <v>0</v>
      </c>
      <c r="JC42" s="146">
        <v>0</v>
      </c>
      <c r="JD42" s="146">
        <v>0</v>
      </c>
      <c r="JE42" s="150">
        <v>0</v>
      </c>
      <c r="JF42" s="151">
        <v>0</v>
      </c>
      <c r="JG42" s="148">
        <v>0</v>
      </c>
      <c r="JH42" s="146">
        <v>0</v>
      </c>
      <c r="JI42" s="147">
        <v>0</v>
      </c>
      <c r="JJ42" s="149">
        <v>0</v>
      </c>
      <c r="JK42" s="146">
        <v>0</v>
      </c>
      <c r="JL42" s="146">
        <v>0</v>
      </c>
      <c r="JM42" s="146">
        <v>0</v>
      </c>
      <c r="JN42" s="146">
        <v>0</v>
      </c>
      <c r="JO42" s="146">
        <v>0</v>
      </c>
      <c r="JP42" s="150">
        <v>0</v>
      </c>
      <c r="JQ42" s="293">
        <v>0</v>
      </c>
      <c r="JR42" s="148">
        <v>0</v>
      </c>
      <c r="JS42" s="146">
        <v>0</v>
      </c>
      <c r="JT42" s="147">
        <v>0</v>
      </c>
      <c r="JU42" s="149">
        <v>0</v>
      </c>
      <c r="JV42" s="146">
        <v>0</v>
      </c>
      <c r="JW42" s="146">
        <v>0</v>
      </c>
      <c r="JX42" s="146">
        <v>0</v>
      </c>
      <c r="JY42" s="146">
        <v>0</v>
      </c>
      <c r="JZ42" s="146">
        <v>0</v>
      </c>
      <c r="KA42" s="150">
        <v>0</v>
      </c>
      <c r="KB42" s="293">
        <v>0</v>
      </c>
      <c r="KC42" s="218">
        <v>0</v>
      </c>
      <c r="KD42" s="214">
        <v>0</v>
      </c>
      <c r="KE42" s="150">
        <v>0</v>
      </c>
      <c r="KF42" s="149">
        <v>0</v>
      </c>
      <c r="KG42" s="146">
        <v>0</v>
      </c>
      <c r="KH42" s="146">
        <v>0</v>
      </c>
      <c r="KI42" s="146">
        <v>0</v>
      </c>
      <c r="KJ42" s="146">
        <v>0</v>
      </c>
      <c r="KK42" s="146">
        <v>0</v>
      </c>
      <c r="KL42" s="150">
        <v>0</v>
      </c>
      <c r="KM42" s="152">
        <v>0</v>
      </c>
      <c r="KN42" s="216">
        <v>0</v>
      </c>
      <c r="KO42" s="221">
        <v>0</v>
      </c>
      <c r="KP42" s="222">
        <v>0</v>
      </c>
      <c r="KQ42" s="471">
        <v>0</v>
      </c>
      <c r="KR42" s="146">
        <v>0</v>
      </c>
      <c r="KS42" s="146">
        <v>0</v>
      </c>
      <c r="KT42" s="146">
        <v>0</v>
      </c>
      <c r="KU42" s="146">
        <v>0</v>
      </c>
      <c r="KV42" s="146">
        <v>0</v>
      </c>
      <c r="KW42" s="150">
        <v>0</v>
      </c>
      <c r="KX42" s="293">
        <v>0</v>
      </c>
      <c r="KY42" s="148">
        <v>0</v>
      </c>
      <c r="KZ42" s="146">
        <v>0</v>
      </c>
      <c r="LA42" s="150">
        <v>0</v>
      </c>
      <c r="LB42" s="471">
        <v>0</v>
      </c>
      <c r="LC42" s="146">
        <v>0</v>
      </c>
      <c r="LD42" s="146">
        <v>0</v>
      </c>
      <c r="LE42" s="146">
        <v>0</v>
      </c>
      <c r="LF42" s="146">
        <v>0</v>
      </c>
      <c r="LG42" s="146">
        <v>0</v>
      </c>
      <c r="LH42" s="150">
        <v>0</v>
      </c>
      <c r="LI42" s="151">
        <v>0</v>
      </c>
      <c r="LJ42" s="148">
        <v>0</v>
      </c>
      <c r="LK42" s="146">
        <v>0</v>
      </c>
      <c r="LL42" s="150">
        <v>0</v>
      </c>
      <c r="LM42" s="471">
        <v>0</v>
      </c>
      <c r="LN42" s="146">
        <v>0</v>
      </c>
      <c r="LO42" s="146">
        <v>0</v>
      </c>
      <c r="LP42" s="146">
        <v>0</v>
      </c>
      <c r="LQ42" s="146">
        <v>0</v>
      </c>
      <c r="LR42" s="146">
        <v>0</v>
      </c>
      <c r="LS42" s="150">
        <v>0</v>
      </c>
      <c r="LT42" s="293">
        <v>0</v>
      </c>
      <c r="LU42" s="148">
        <v>0</v>
      </c>
      <c r="LV42" s="146">
        <v>0</v>
      </c>
      <c r="LW42" s="150">
        <v>0</v>
      </c>
      <c r="LX42" s="471">
        <v>0</v>
      </c>
      <c r="LY42" s="146">
        <v>0</v>
      </c>
      <c r="LZ42" s="146">
        <v>0</v>
      </c>
      <c r="MA42" s="146">
        <v>0</v>
      </c>
      <c r="MB42" s="146">
        <v>0</v>
      </c>
      <c r="MC42" s="146">
        <v>0</v>
      </c>
      <c r="MD42" s="150">
        <v>0</v>
      </c>
      <c r="ME42" s="151">
        <v>0</v>
      </c>
      <c r="MF42" s="148">
        <v>0</v>
      </c>
      <c r="MG42" s="146">
        <v>0</v>
      </c>
      <c r="MH42" s="150">
        <v>0</v>
      </c>
      <c r="MI42" s="471">
        <v>0</v>
      </c>
      <c r="MJ42" s="146">
        <v>0</v>
      </c>
      <c r="MK42" s="146">
        <v>0</v>
      </c>
      <c r="ML42" s="146">
        <v>229442</v>
      </c>
      <c r="MM42" s="146">
        <v>0</v>
      </c>
      <c r="MN42" s="146">
        <v>0</v>
      </c>
      <c r="MO42" s="150">
        <v>229442</v>
      </c>
      <c r="MP42" s="152">
        <v>229442</v>
      </c>
      <c r="MQ42" s="148">
        <v>0</v>
      </c>
      <c r="MR42" s="146">
        <v>0</v>
      </c>
      <c r="MS42" s="150">
        <v>0</v>
      </c>
      <c r="MT42" s="471">
        <v>0</v>
      </c>
      <c r="MU42" s="146">
        <v>0</v>
      </c>
      <c r="MV42" s="146">
        <v>0</v>
      </c>
      <c r="MW42" s="146">
        <v>229442</v>
      </c>
      <c r="MX42" s="146">
        <v>0</v>
      </c>
      <c r="MY42" s="146">
        <v>0</v>
      </c>
      <c r="MZ42" s="150">
        <v>229442</v>
      </c>
      <c r="NA42" s="152">
        <v>229442</v>
      </c>
      <c r="NB42" s="148">
        <v>0</v>
      </c>
      <c r="NC42" s="146">
        <v>0</v>
      </c>
      <c r="ND42" s="150">
        <v>0</v>
      </c>
      <c r="NE42" s="471">
        <v>0</v>
      </c>
      <c r="NF42" s="146">
        <v>0</v>
      </c>
      <c r="NG42" s="146">
        <v>0</v>
      </c>
      <c r="NH42" s="146">
        <v>0</v>
      </c>
      <c r="NI42" s="146">
        <v>0</v>
      </c>
      <c r="NJ42" s="146">
        <v>0</v>
      </c>
      <c r="NK42" s="150">
        <v>0</v>
      </c>
      <c r="NL42" s="293">
        <v>0</v>
      </c>
      <c r="NM42" s="148">
        <v>0</v>
      </c>
      <c r="NN42" s="146">
        <v>0</v>
      </c>
      <c r="NO42" s="150">
        <v>0</v>
      </c>
      <c r="NP42" s="471">
        <v>0</v>
      </c>
      <c r="NQ42" s="146">
        <v>0</v>
      </c>
      <c r="NR42" s="146">
        <v>0</v>
      </c>
      <c r="NS42" s="146">
        <v>0</v>
      </c>
      <c r="NT42" s="146">
        <v>0</v>
      </c>
      <c r="NU42" s="146">
        <v>0</v>
      </c>
      <c r="NV42" s="150">
        <v>0</v>
      </c>
      <c r="NW42" s="151">
        <v>0</v>
      </c>
      <c r="NX42" s="148">
        <v>0</v>
      </c>
      <c r="NY42" s="146">
        <v>0</v>
      </c>
      <c r="NZ42" s="150">
        <v>0</v>
      </c>
      <c r="OA42" s="471">
        <v>0</v>
      </c>
      <c r="OB42" s="146">
        <v>0</v>
      </c>
      <c r="OC42" s="146">
        <v>0</v>
      </c>
      <c r="OD42" s="146">
        <v>0</v>
      </c>
      <c r="OE42" s="146">
        <v>0</v>
      </c>
      <c r="OF42" s="146">
        <v>0</v>
      </c>
      <c r="OG42" s="150">
        <v>0</v>
      </c>
      <c r="OH42" s="151">
        <v>0</v>
      </c>
      <c r="OI42" s="148">
        <v>0</v>
      </c>
      <c r="OJ42" s="146">
        <v>0</v>
      </c>
      <c r="OK42" s="147">
        <v>0</v>
      </c>
      <c r="OL42" s="149">
        <v>0</v>
      </c>
      <c r="OM42" s="146">
        <v>21717</v>
      </c>
      <c r="ON42" s="146">
        <v>98251</v>
      </c>
      <c r="OO42" s="146">
        <v>398783</v>
      </c>
      <c r="OP42" s="146">
        <v>0</v>
      </c>
      <c r="OQ42" s="146">
        <v>0</v>
      </c>
      <c r="OR42" s="150">
        <v>518751</v>
      </c>
      <c r="OS42" s="152">
        <v>518751</v>
      </c>
    </row>
    <row r="43" spans="2:409" x14ac:dyDescent="0.2">
      <c r="B43" s="39"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777343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8.21875"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296" customWidth="1"/>
    <col min="83" max="83" width="7.6640625" style="296" customWidth="1"/>
    <col min="84" max="84" width="9.88671875" style="296" customWidth="1"/>
    <col min="85" max="85" width="10" style="296" customWidth="1"/>
    <col min="86" max="86" width="9.77734375" style="296" customWidth="1"/>
    <col min="87" max="87" width="9.21875" style="296" customWidth="1"/>
    <col min="88" max="88" width="8.77734375" style="296" customWidth="1"/>
    <col min="89" max="89" width="9.88671875" style="296" customWidth="1"/>
    <col min="90" max="90" width="9.77734375" style="296"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296" customWidth="1"/>
    <col min="116" max="116" width="7.21875" style="296" customWidth="1"/>
    <col min="117" max="121" width="8.21875" style="296" customWidth="1"/>
    <col min="122" max="122" width="10.109375" style="296" customWidth="1"/>
    <col min="123" max="123" width="9.77734375" style="296"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296" customWidth="1"/>
    <col min="171" max="171" width="6.6640625" style="296" customWidth="1"/>
    <col min="172" max="176" width="8.21875" style="296" customWidth="1"/>
    <col min="177" max="177" width="10.109375" style="296" customWidth="1"/>
    <col min="178" max="178" width="9.88671875" style="296"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2:409" ht="24" customHeight="1" x14ac:dyDescent="0.2">
      <c r="B1" s="15" t="s">
        <v>134</v>
      </c>
      <c r="E1" s="433">
        <f>第１表!F2</f>
        <v>6</v>
      </c>
      <c r="F1" s="229">
        <f>第１表!G2</f>
        <v>3</v>
      </c>
      <c r="G1" s="696">
        <f>IF(F1&lt;3,F1-2+12,F1-2)</f>
        <v>1</v>
      </c>
      <c r="H1" s="696"/>
      <c r="IB1" s="323"/>
      <c r="IC1" s="235"/>
      <c r="ID1" s="612"/>
      <c r="IE1" s="612"/>
    </row>
    <row r="2" spans="2:409" ht="24" customHeight="1" x14ac:dyDescent="0.2">
      <c r="B2" s="15" t="s">
        <v>145</v>
      </c>
      <c r="E2" s="232"/>
      <c r="F2" s="233"/>
      <c r="G2" s="312"/>
      <c r="H2" s="312"/>
      <c r="IB2" s="234"/>
      <c r="IC2" s="235"/>
      <c r="ID2" s="326"/>
      <c r="IE2" s="326"/>
    </row>
    <row r="3" spans="2:409" ht="24" customHeight="1" thickBot="1" x14ac:dyDescent="0.25">
      <c r="B3" s="15" t="s">
        <v>154</v>
      </c>
    </row>
    <row r="4" spans="2:409" ht="21" customHeight="1" thickBot="1" x14ac:dyDescent="0.25">
      <c r="B4" s="649" t="s">
        <v>42</v>
      </c>
      <c r="C4" s="652" t="s">
        <v>63</v>
      </c>
      <c r="D4" s="652"/>
      <c r="E4" s="652"/>
      <c r="F4" s="652"/>
      <c r="G4" s="652"/>
      <c r="H4" s="652"/>
      <c r="I4" s="652"/>
      <c r="J4" s="652"/>
      <c r="K4" s="652"/>
      <c r="L4" s="652"/>
      <c r="M4" s="652"/>
      <c r="N4" s="655"/>
      <c r="O4" s="655"/>
      <c r="P4" s="655"/>
      <c r="Q4" s="655"/>
      <c r="R4" s="655"/>
      <c r="S4" s="655"/>
      <c r="T4" s="655"/>
      <c r="U4" s="655"/>
      <c r="V4" s="655"/>
      <c r="W4" s="655"/>
      <c r="X4" s="655"/>
      <c r="Y4" s="655"/>
      <c r="Z4" s="655"/>
      <c r="AA4" s="655"/>
      <c r="AB4" s="655"/>
      <c r="AC4" s="655"/>
      <c r="AD4" s="655"/>
      <c r="AE4" s="655"/>
      <c r="AF4" s="655"/>
      <c r="AG4" s="655"/>
      <c r="AH4" s="655"/>
      <c r="AI4" s="655"/>
      <c r="AJ4" s="655"/>
      <c r="AK4" s="655"/>
      <c r="AL4" s="655"/>
      <c r="AM4" s="655"/>
      <c r="AN4" s="655"/>
      <c r="AO4" s="655"/>
      <c r="AP4" s="655"/>
      <c r="AQ4" s="655"/>
      <c r="AR4" s="655"/>
      <c r="AS4" s="655"/>
      <c r="AT4" s="655"/>
      <c r="AU4" s="655"/>
      <c r="AV4" s="655"/>
      <c r="AW4" s="655"/>
      <c r="AX4" s="655"/>
      <c r="AY4" s="655"/>
      <c r="AZ4" s="655"/>
      <c r="BA4" s="655"/>
      <c r="BB4" s="655"/>
      <c r="BC4" s="655"/>
      <c r="BD4" s="655"/>
      <c r="BE4" s="655"/>
      <c r="BF4" s="655"/>
      <c r="BG4" s="655"/>
      <c r="BH4" s="655"/>
      <c r="BI4" s="655"/>
      <c r="BJ4" s="655"/>
      <c r="BK4" s="655"/>
      <c r="BL4" s="655"/>
      <c r="BM4" s="655"/>
      <c r="BN4" s="655"/>
      <c r="BO4" s="655"/>
      <c r="BP4" s="655"/>
      <c r="BQ4" s="655"/>
      <c r="BR4" s="655"/>
      <c r="BS4" s="655"/>
      <c r="BT4" s="655"/>
      <c r="BU4" s="655"/>
      <c r="BV4" s="655"/>
      <c r="BW4" s="655"/>
      <c r="BX4" s="655"/>
      <c r="BY4" s="655"/>
      <c r="BZ4" s="655"/>
      <c r="CA4" s="655"/>
      <c r="CB4" s="655"/>
      <c r="CC4" s="655"/>
      <c r="CD4" s="655"/>
      <c r="CE4" s="655"/>
      <c r="CF4" s="655"/>
      <c r="CG4" s="655"/>
      <c r="CH4" s="655"/>
      <c r="CI4" s="655"/>
      <c r="CJ4" s="655"/>
      <c r="CK4" s="655"/>
      <c r="CL4" s="655"/>
      <c r="CM4" s="655"/>
      <c r="CN4" s="655"/>
      <c r="CO4" s="655"/>
      <c r="CP4" s="655"/>
      <c r="CQ4" s="655"/>
      <c r="CR4" s="655"/>
      <c r="CS4" s="655"/>
      <c r="CT4" s="655"/>
      <c r="CU4" s="655"/>
      <c r="CV4" s="655"/>
      <c r="CW4" s="655"/>
      <c r="CX4" s="655"/>
      <c r="CY4" s="655"/>
      <c r="CZ4" s="655"/>
      <c r="DA4" s="655"/>
      <c r="DB4" s="655"/>
      <c r="DC4" s="655"/>
      <c r="DD4" s="655"/>
      <c r="DE4" s="655"/>
      <c r="DF4" s="655"/>
      <c r="DG4" s="655"/>
      <c r="DH4" s="655"/>
      <c r="DI4" s="655"/>
      <c r="DJ4" s="655"/>
      <c r="DK4" s="655"/>
      <c r="DL4" s="655"/>
      <c r="DM4" s="655"/>
      <c r="DN4" s="655"/>
      <c r="DO4" s="655"/>
      <c r="DP4" s="655"/>
      <c r="DQ4" s="655"/>
      <c r="DR4" s="655"/>
      <c r="DS4" s="655"/>
      <c r="DT4" s="655"/>
      <c r="DU4" s="655"/>
      <c r="DV4" s="655"/>
      <c r="DW4" s="655"/>
      <c r="DX4" s="655"/>
      <c r="DY4" s="655"/>
      <c r="DZ4" s="655"/>
      <c r="EA4" s="655"/>
      <c r="EB4" s="655"/>
      <c r="EC4" s="655"/>
      <c r="ED4" s="655"/>
      <c r="EE4" s="655"/>
      <c r="EF4" s="655"/>
      <c r="EG4" s="655"/>
      <c r="EH4" s="655"/>
      <c r="EI4" s="655"/>
      <c r="EJ4" s="655"/>
      <c r="EK4" s="655"/>
      <c r="EL4" s="655"/>
      <c r="EM4" s="655"/>
      <c r="EN4" s="655"/>
      <c r="EO4" s="655"/>
      <c r="EP4" s="655"/>
      <c r="EQ4" s="655"/>
      <c r="ER4" s="655"/>
      <c r="ES4" s="655"/>
      <c r="ET4" s="655"/>
      <c r="EU4" s="655"/>
      <c r="EV4" s="655"/>
      <c r="EW4" s="655"/>
      <c r="EX4" s="655"/>
      <c r="EY4" s="655"/>
      <c r="EZ4" s="655"/>
      <c r="FA4" s="655"/>
      <c r="FB4" s="655"/>
      <c r="FC4" s="655"/>
      <c r="FD4" s="655"/>
      <c r="FE4" s="655"/>
      <c r="FF4" s="655"/>
      <c r="FG4" s="655"/>
      <c r="FH4" s="655"/>
      <c r="FI4" s="655"/>
      <c r="FJ4" s="655"/>
      <c r="FK4" s="655"/>
      <c r="FL4" s="655"/>
      <c r="FM4" s="655"/>
      <c r="FN4" s="655"/>
      <c r="FO4" s="655"/>
      <c r="FP4" s="655"/>
      <c r="FQ4" s="655"/>
      <c r="FR4" s="655"/>
      <c r="FS4" s="655"/>
      <c r="FT4" s="655"/>
      <c r="FU4" s="655"/>
      <c r="FV4" s="655"/>
      <c r="FW4" s="655"/>
      <c r="FX4" s="655"/>
      <c r="FY4" s="655"/>
      <c r="FZ4" s="655"/>
      <c r="GA4" s="655"/>
      <c r="GB4" s="655"/>
      <c r="GC4" s="655"/>
      <c r="GD4" s="655"/>
      <c r="GE4" s="655"/>
      <c r="GF4" s="655"/>
      <c r="GG4" s="655"/>
      <c r="GH4" s="655"/>
      <c r="GI4" s="655"/>
      <c r="GJ4" s="655"/>
      <c r="GK4" s="655"/>
      <c r="GL4" s="655"/>
      <c r="GM4" s="655"/>
      <c r="GN4" s="655"/>
      <c r="GO4" s="655"/>
      <c r="GP4" s="655"/>
      <c r="GQ4" s="655"/>
      <c r="GR4" s="655"/>
      <c r="GS4" s="655"/>
      <c r="GT4" s="655"/>
      <c r="GU4" s="655"/>
      <c r="GV4" s="655"/>
      <c r="GW4" s="655"/>
      <c r="GX4" s="655"/>
      <c r="GY4" s="655"/>
      <c r="GZ4" s="655"/>
      <c r="HA4" s="655"/>
      <c r="HB4" s="655"/>
      <c r="HC4" s="655"/>
      <c r="HD4" s="655"/>
      <c r="HE4" s="655"/>
      <c r="HF4" s="655"/>
      <c r="HG4" s="655"/>
      <c r="HH4" s="655"/>
      <c r="HI4" s="655"/>
      <c r="HJ4" s="655"/>
      <c r="HK4" s="655"/>
      <c r="HL4" s="655"/>
      <c r="HM4" s="655"/>
      <c r="HN4" s="655"/>
      <c r="HO4" s="655"/>
      <c r="HP4" s="655"/>
      <c r="HQ4" s="655"/>
      <c r="HR4" s="655"/>
      <c r="HS4" s="655"/>
      <c r="HT4" s="655"/>
      <c r="HU4" s="655"/>
      <c r="HV4" s="655"/>
      <c r="HW4" s="655"/>
      <c r="HX4" s="655"/>
      <c r="HY4" s="656"/>
      <c r="HZ4" s="609" t="s">
        <v>85</v>
      </c>
      <c r="IA4" s="610"/>
      <c r="IB4" s="610"/>
      <c r="IC4" s="610"/>
      <c r="ID4" s="610"/>
      <c r="IE4" s="610"/>
      <c r="IF4" s="610"/>
      <c r="IG4" s="610"/>
      <c r="IH4" s="610"/>
      <c r="II4" s="610"/>
      <c r="IJ4" s="610"/>
      <c r="IK4" s="610"/>
      <c r="IL4" s="610"/>
      <c r="IM4" s="610"/>
      <c r="IN4" s="610"/>
      <c r="IO4" s="610"/>
      <c r="IP4" s="610"/>
      <c r="IQ4" s="610"/>
      <c r="IR4" s="610"/>
      <c r="IS4" s="610"/>
      <c r="IT4" s="610"/>
      <c r="IU4" s="610"/>
      <c r="IV4" s="610"/>
      <c r="IW4" s="610"/>
      <c r="IX4" s="610"/>
      <c r="IY4" s="610"/>
      <c r="IZ4" s="610"/>
      <c r="JA4" s="610"/>
      <c r="JB4" s="610"/>
      <c r="JC4" s="610"/>
      <c r="JD4" s="610"/>
      <c r="JE4" s="610"/>
      <c r="JF4" s="610"/>
      <c r="JG4" s="610"/>
      <c r="JH4" s="610"/>
      <c r="JI4" s="610"/>
      <c r="JJ4" s="610"/>
      <c r="JK4" s="610"/>
      <c r="JL4" s="610"/>
      <c r="JM4" s="610"/>
      <c r="JN4" s="610"/>
      <c r="JO4" s="610"/>
      <c r="JP4" s="610"/>
      <c r="JQ4" s="610"/>
      <c r="JR4" s="610"/>
      <c r="JS4" s="610"/>
      <c r="JT4" s="610"/>
      <c r="JU4" s="610"/>
      <c r="JV4" s="610"/>
      <c r="JW4" s="610"/>
      <c r="JX4" s="610"/>
      <c r="JY4" s="610"/>
      <c r="JZ4" s="610"/>
      <c r="KA4" s="610"/>
      <c r="KB4" s="610"/>
      <c r="KC4" s="610"/>
      <c r="KD4" s="610"/>
      <c r="KE4" s="610"/>
      <c r="KF4" s="610"/>
      <c r="KG4" s="610"/>
      <c r="KH4" s="610"/>
      <c r="KI4" s="610"/>
      <c r="KJ4" s="610"/>
      <c r="KK4" s="610"/>
      <c r="KL4" s="610"/>
      <c r="KM4" s="610"/>
      <c r="KN4" s="610"/>
      <c r="KO4" s="610"/>
      <c r="KP4" s="610"/>
      <c r="KQ4" s="610"/>
      <c r="KR4" s="610"/>
      <c r="KS4" s="610"/>
      <c r="KT4" s="610"/>
      <c r="KU4" s="610"/>
      <c r="KV4" s="610"/>
      <c r="KW4" s="610"/>
      <c r="KX4" s="610"/>
      <c r="KY4" s="610"/>
      <c r="KZ4" s="610"/>
      <c r="LA4" s="610"/>
      <c r="LB4" s="610"/>
      <c r="LC4" s="610"/>
      <c r="LD4" s="610"/>
      <c r="LE4" s="610"/>
      <c r="LF4" s="610"/>
      <c r="LG4" s="610"/>
      <c r="LH4" s="610"/>
      <c r="LI4" s="610"/>
      <c r="LJ4" s="610"/>
      <c r="LK4" s="610"/>
      <c r="LL4" s="610"/>
      <c r="LM4" s="610"/>
      <c r="LN4" s="610"/>
      <c r="LO4" s="610"/>
      <c r="LP4" s="610"/>
      <c r="LQ4" s="610"/>
      <c r="LR4" s="610"/>
      <c r="LS4" s="610"/>
      <c r="LT4" s="610"/>
      <c r="LU4" s="610"/>
      <c r="LV4" s="610"/>
      <c r="LW4" s="610"/>
      <c r="LX4" s="610"/>
      <c r="LY4" s="610"/>
      <c r="LZ4" s="610"/>
      <c r="MA4" s="610"/>
      <c r="MB4" s="610"/>
      <c r="MC4" s="610"/>
      <c r="MD4" s="610"/>
      <c r="ME4" s="611"/>
      <c r="MF4" s="609" t="s">
        <v>86</v>
      </c>
      <c r="MG4" s="610"/>
      <c r="MH4" s="610"/>
      <c r="MI4" s="610"/>
      <c r="MJ4" s="610"/>
      <c r="MK4" s="610"/>
      <c r="ML4" s="610"/>
      <c r="MM4" s="610"/>
      <c r="MN4" s="610"/>
      <c r="MO4" s="610"/>
      <c r="MP4" s="610"/>
      <c r="MQ4" s="610"/>
      <c r="MR4" s="610"/>
      <c r="MS4" s="610"/>
      <c r="MT4" s="610"/>
      <c r="MU4" s="610"/>
      <c r="MV4" s="610"/>
      <c r="MW4" s="610"/>
      <c r="MX4" s="610"/>
      <c r="MY4" s="610"/>
      <c r="MZ4" s="610"/>
      <c r="NA4" s="610"/>
      <c r="NB4" s="610"/>
      <c r="NC4" s="610"/>
      <c r="ND4" s="610"/>
      <c r="NE4" s="610"/>
      <c r="NF4" s="610"/>
      <c r="NG4" s="610"/>
      <c r="NH4" s="610"/>
      <c r="NI4" s="610"/>
      <c r="NJ4" s="610"/>
      <c r="NK4" s="610"/>
      <c r="NL4" s="610"/>
      <c r="NM4" s="610"/>
      <c r="NN4" s="610"/>
      <c r="NO4" s="610"/>
      <c r="NP4" s="610"/>
      <c r="NQ4" s="610"/>
      <c r="NR4" s="610"/>
      <c r="NS4" s="610"/>
      <c r="NT4" s="610"/>
      <c r="NU4" s="610"/>
      <c r="NV4" s="610"/>
      <c r="NW4" s="610"/>
      <c r="NX4" s="610"/>
      <c r="NY4" s="610"/>
      <c r="NZ4" s="610"/>
      <c r="OA4" s="610"/>
      <c r="OB4" s="610"/>
      <c r="OC4" s="610"/>
      <c r="OD4" s="610"/>
      <c r="OE4" s="610"/>
      <c r="OF4" s="610"/>
      <c r="OG4" s="610"/>
      <c r="OH4" s="611"/>
      <c r="OI4" s="564" t="s">
        <v>60</v>
      </c>
      <c r="OJ4" s="474"/>
      <c r="OK4" s="474"/>
      <c r="OL4" s="474"/>
      <c r="OM4" s="474"/>
      <c r="ON4" s="474"/>
      <c r="OO4" s="474"/>
      <c r="OP4" s="474"/>
      <c r="OQ4" s="474"/>
      <c r="OR4" s="474"/>
      <c r="OS4" s="475"/>
    </row>
    <row r="5" spans="2:409" ht="21" customHeight="1" thickBot="1" x14ac:dyDescent="0.25">
      <c r="B5" s="650"/>
      <c r="C5" s="653"/>
      <c r="D5" s="653"/>
      <c r="E5" s="653"/>
      <c r="F5" s="653"/>
      <c r="G5" s="653"/>
      <c r="H5" s="653"/>
      <c r="I5" s="653"/>
      <c r="J5" s="653"/>
      <c r="K5" s="653"/>
      <c r="L5" s="653"/>
      <c r="M5" s="653"/>
      <c r="N5" s="657" t="s">
        <v>64</v>
      </c>
      <c r="O5" s="658"/>
      <c r="P5" s="658"/>
      <c r="Q5" s="658"/>
      <c r="R5" s="658"/>
      <c r="S5" s="658"/>
      <c r="T5" s="658"/>
      <c r="U5" s="658"/>
      <c r="V5" s="658"/>
      <c r="W5" s="658"/>
      <c r="X5" s="658"/>
      <c r="Y5" s="658"/>
      <c r="Z5" s="658"/>
      <c r="AA5" s="658"/>
      <c r="AB5" s="658"/>
      <c r="AC5" s="658"/>
      <c r="AD5" s="658"/>
      <c r="AE5" s="658"/>
      <c r="AF5" s="658"/>
      <c r="AG5" s="658"/>
      <c r="AH5" s="658"/>
      <c r="AI5" s="658"/>
      <c r="AJ5" s="658"/>
      <c r="AK5" s="658"/>
      <c r="AL5" s="658"/>
      <c r="AM5" s="658"/>
      <c r="AN5" s="658"/>
      <c r="AO5" s="658"/>
      <c r="AP5" s="658"/>
      <c r="AQ5" s="658"/>
      <c r="AR5" s="658"/>
      <c r="AS5" s="658"/>
      <c r="AT5" s="658"/>
      <c r="AU5" s="658"/>
      <c r="AV5" s="658"/>
      <c r="AW5" s="658"/>
      <c r="AX5" s="658"/>
      <c r="AY5" s="658"/>
      <c r="AZ5" s="658"/>
      <c r="BA5" s="658"/>
      <c r="BB5" s="658"/>
      <c r="BC5" s="658"/>
      <c r="BD5" s="658"/>
      <c r="BE5" s="658"/>
      <c r="BF5" s="658"/>
      <c r="BG5" s="658"/>
      <c r="BH5" s="658"/>
      <c r="BI5" s="658"/>
      <c r="BJ5" s="658"/>
      <c r="BK5" s="658"/>
      <c r="BL5" s="658"/>
      <c r="BM5" s="658"/>
      <c r="BN5" s="658"/>
      <c r="BO5" s="658"/>
      <c r="BP5" s="658"/>
      <c r="BQ5" s="658"/>
      <c r="BR5" s="658"/>
      <c r="BS5" s="658"/>
      <c r="BT5" s="658"/>
      <c r="BU5" s="658"/>
      <c r="BV5" s="658"/>
      <c r="BW5" s="658"/>
      <c r="BX5" s="658"/>
      <c r="BY5" s="658"/>
      <c r="BZ5" s="658"/>
      <c r="CA5" s="659"/>
      <c r="CB5" s="657" t="s">
        <v>65</v>
      </c>
      <c r="CC5" s="658"/>
      <c r="CD5" s="658"/>
      <c r="CE5" s="658"/>
      <c r="CF5" s="658"/>
      <c r="CG5" s="658"/>
      <c r="CH5" s="658"/>
      <c r="CI5" s="658"/>
      <c r="CJ5" s="658"/>
      <c r="CK5" s="658"/>
      <c r="CL5" s="658"/>
      <c r="CM5" s="658"/>
      <c r="CN5" s="658"/>
      <c r="CO5" s="658"/>
      <c r="CP5" s="658"/>
      <c r="CQ5" s="658"/>
      <c r="CR5" s="658"/>
      <c r="CS5" s="658"/>
      <c r="CT5" s="658"/>
      <c r="CU5" s="658"/>
      <c r="CV5" s="658"/>
      <c r="CW5" s="658"/>
      <c r="CX5" s="658"/>
      <c r="CY5" s="658"/>
      <c r="CZ5" s="658"/>
      <c r="DA5" s="658"/>
      <c r="DB5" s="658"/>
      <c r="DC5" s="658"/>
      <c r="DD5" s="658"/>
      <c r="DE5" s="658"/>
      <c r="DF5" s="658"/>
      <c r="DG5" s="658"/>
      <c r="DH5" s="659"/>
      <c r="DI5" s="478" t="s">
        <v>66</v>
      </c>
      <c r="DJ5" s="479"/>
      <c r="DK5" s="479"/>
      <c r="DL5" s="479"/>
      <c r="DM5" s="479"/>
      <c r="DN5" s="479"/>
      <c r="DO5" s="479"/>
      <c r="DP5" s="479"/>
      <c r="DQ5" s="479"/>
      <c r="DR5" s="479"/>
      <c r="DS5" s="479"/>
      <c r="DT5" s="479"/>
      <c r="DU5" s="479"/>
      <c r="DV5" s="479"/>
      <c r="DW5" s="479"/>
      <c r="DX5" s="479"/>
      <c r="DY5" s="479"/>
      <c r="DZ5" s="479"/>
      <c r="EA5" s="479"/>
      <c r="EB5" s="479"/>
      <c r="EC5" s="479"/>
      <c r="ED5" s="479"/>
      <c r="EE5" s="479"/>
      <c r="EF5" s="479"/>
      <c r="EG5" s="479"/>
      <c r="EH5" s="479"/>
      <c r="EI5" s="479"/>
      <c r="EJ5" s="479"/>
      <c r="EK5" s="479"/>
      <c r="EL5" s="479"/>
      <c r="EM5" s="479"/>
      <c r="EN5" s="479"/>
      <c r="EO5" s="479"/>
      <c r="EP5" s="479"/>
      <c r="EQ5" s="479"/>
      <c r="ER5" s="479"/>
      <c r="ES5" s="479"/>
      <c r="ET5" s="479"/>
      <c r="EU5" s="479"/>
      <c r="EV5" s="479"/>
      <c r="EW5" s="479"/>
      <c r="EX5" s="479"/>
      <c r="EY5" s="479"/>
      <c r="EZ5" s="479"/>
      <c r="FA5" s="479"/>
      <c r="FB5" s="479"/>
      <c r="FC5" s="479"/>
      <c r="FD5" s="479"/>
      <c r="FE5" s="479"/>
      <c r="FF5" s="479"/>
      <c r="FG5" s="479"/>
      <c r="FH5" s="479"/>
      <c r="FI5" s="479"/>
      <c r="FJ5" s="479"/>
      <c r="FK5" s="480"/>
      <c r="FL5" s="657" t="s">
        <v>67</v>
      </c>
      <c r="FM5" s="658"/>
      <c r="FN5" s="658"/>
      <c r="FO5" s="658"/>
      <c r="FP5" s="658"/>
      <c r="FQ5" s="658"/>
      <c r="FR5" s="658"/>
      <c r="FS5" s="658"/>
      <c r="FT5" s="658"/>
      <c r="FU5" s="658"/>
      <c r="FV5" s="658"/>
      <c r="FW5" s="658"/>
      <c r="FX5" s="658"/>
      <c r="FY5" s="658"/>
      <c r="FZ5" s="658"/>
      <c r="GA5" s="658"/>
      <c r="GB5" s="658"/>
      <c r="GC5" s="658"/>
      <c r="GD5" s="658"/>
      <c r="GE5" s="658"/>
      <c r="GF5" s="658"/>
      <c r="GG5" s="658"/>
      <c r="GH5" s="658"/>
      <c r="GI5" s="658"/>
      <c r="GJ5" s="658"/>
      <c r="GK5" s="658"/>
      <c r="GL5" s="658"/>
      <c r="GM5" s="658"/>
      <c r="GN5" s="658"/>
      <c r="GO5" s="658"/>
      <c r="GP5" s="658"/>
      <c r="GQ5" s="658"/>
      <c r="GR5" s="658"/>
      <c r="GS5" s="658"/>
      <c r="GT5" s="658"/>
      <c r="GU5" s="658"/>
      <c r="GV5" s="658"/>
      <c r="GW5" s="658"/>
      <c r="GX5" s="658"/>
      <c r="GY5" s="658"/>
      <c r="GZ5" s="658"/>
      <c r="HA5" s="658"/>
      <c r="HB5" s="658"/>
      <c r="HC5" s="659"/>
      <c r="HD5" s="660" t="s">
        <v>68</v>
      </c>
      <c r="HE5" s="661"/>
      <c r="HF5" s="661"/>
      <c r="HG5" s="661"/>
      <c r="HH5" s="661"/>
      <c r="HI5" s="661"/>
      <c r="HJ5" s="661"/>
      <c r="HK5" s="661"/>
      <c r="HL5" s="661"/>
      <c r="HM5" s="661"/>
      <c r="HN5" s="662"/>
      <c r="HO5" s="660" t="s">
        <v>69</v>
      </c>
      <c r="HP5" s="661"/>
      <c r="HQ5" s="661"/>
      <c r="HR5" s="661"/>
      <c r="HS5" s="661"/>
      <c r="HT5" s="661"/>
      <c r="HU5" s="661"/>
      <c r="HV5" s="661"/>
      <c r="HW5" s="661"/>
      <c r="HX5" s="661"/>
      <c r="HY5" s="662"/>
      <c r="HZ5" s="588"/>
      <c r="IA5" s="589"/>
      <c r="IB5" s="589"/>
      <c r="IC5" s="589"/>
      <c r="ID5" s="589"/>
      <c r="IE5" s="589"/>
      <c r="IF5" s="589"/>
      <c r="IG5" s="589"/>
      <c r="IH5" s="589"/>
      <c r="II5" s="589"/>
      <c r="IJ5" s="590"/>
      <c r="IK5" s="564" t="s">
        <v>94</v>
      </c>
      <c r="IL5" s="474"/>
      <c r="IM5" s="474"/>
      <c r="IN5" s="474"/>
      <c r="IO5" s="474"/>
      <c r="IP5" s="474"/>
      <c r="IQ5" s="474"/>
      <c r="IR5" s="474"/>
      <c r="IS5" s="474"/>
      <c r="IT5" s="474"/>
      <c r="IU5" s="475"/>
      <c r="IV5" s="564" t="s">
        <v>88</v>
      </c>
      <c r="IW5" s="474"/>
      <c r="IX5" s="474"/>
      <c r="IY5" s="474"/>
      <c r="IZ5" s="474"/>
      <c r="JA5" s="474"/>
      <c r="JB5" s="474"/>
      <c r="JC5" s="474"/>
      <c r="JD5" s="474"/>
      <c r="JE5" s="474"/>
      <c r="JF5" s="475"/>
      <c r="JG5" s="594" t="s">
        <v>142</v>
      </c>
      <c r="JH5" s="595"/>
      <c r="JI5" s="595"/>
      <c r="JJ5" s="595"/>
      <c r="JK5" s="595"/>
      <c r="JL5" s="595"/>
      <c r="JM5" s="595"/>
      <c r="JN5" s="595"/>
      <c r="JO5" s="595"/>
      <c r="JP5" s="595"/>
      <c r="JQ5" s="596"/>
      <c r="JR5" s="564" t="s">
        <v>90</v>
      </c>
      <c r="JS5" s="474"/>
      <c r="JT5" s="474"/>
      <c r="JU5" s="474"/>
      <c r="JV5" s="474"/>
      <c r="JW5" s="474"/>
      <c r="JX5" s="474"/>
      <c r="JY5" s="474"/>
      <c r="JZ5" s="474"/>
      <c r="KA5" s="474"/>
      <c r="KB5" s="475"/>
      <c r="KC5" s="564" t="s">
        <v>89</v>
      </c>
      <c r="KD5" s="474"/>
      <c r="KE5" s="474"/>
      <c r="KF5" s="474"/>
      <c r="KG5" s="474"/>
      <c r="KH5" s="474"/>
      <c r="KI5" s="474"/>
      <c r="KJ5" s="474"/>
      <c r="KK5" s="474"/>
      <c r="KL5" s="474"/>
      <c r="KM5" s="475"/>
      <c r="KN5" s="564" t="s">
        <v>91</v>
      </c>
      <c r="KO5" s="474"/>
      <c r="KP5" s="474"/>
      <c r="KQ5" s="474"/>
      <c r="KR5" s="474"/>
      <c r="KS5" s="474"/>
      <c r="KT5" s="474"/>
      <c r="KU5" s="474"/>
      <c r="KV5" s="474"/>
      <c r="KW5" s="474"/>
      <c r="KX5" s="475"/>
      <c r="KY5" s="564" t="s">
        <v>92</v>
      </c>
      <c r="KZ5" s="474"/>
      <c r="LA5" s="474"/>
      <c r="LB5" s="474"/>
      <c r="LC5" s="474"/>
      <c r="LD5" s="474"/>
      <c r="LE5" s="474"/>
      <c r="LF5" s="474"/>
      <c r="LG5" s="474"/>
      <c r="LH5" s="474"/>
      <c r="LI5" s="475"/>
      <c r="LJ5" s="600" t="s">
        <v>93</v>
      </c>
      <c r="LK5" s="601"/>
      <c r="LL5" s="601"/>
      <c r="LM5" s="601"/>
      <c r="LN5" s="601"/>
      <c r="LO5" s="601"/>
      <c r="LP5" s="601"/>
      <c r="LQ5" s="601"/>
      <c r="LR5" s="601"/>
      <c r="LS5" s="601"/>
      <c r="LT5" s="602"/>
      <c r="LU5" s="603" t="s">
        <v>143</v>
      </c>
      <c r="LV5" s="604"/>
      <c r="LW5" s="604"/>
      <c r="LX5" s="604"/>
      <c r="LY5" s="604"/>
      <c r="LZ5" s="604"/>
      <c r="MA5" s="604"/>
      <c r="MB5" s="604"/>
      <c r="MC5" s="604"/>
      <c r="MD5" s="604"/>
      <c r="ME5" s="605"/>
      <c r="MF5" s="588"/>
      <c r="MG5" s="589"/>
      <c r="MH5" s="589"/>
      <c r="MI5" s="589"/>
      <c r="MJ5" s="589"/>
      <c r="MK5" s="589"/>
      <c r="ML5" s="589"/>
      <c r="MM5" s="589"/>
      <c r="MN5" s="589"/>
      <c r="MO5" s="589"/>
      <c r="MP5" s="590"/>
      <c r="MQ5" s="564" t="s">
        <v>57</v>
      </c>
      <c r="MR5" s="474"/>
      <c r="MS5" s="474"/>
      <c r="MT5" s="474"/>
      <c r="MU5" s="474"/>
      <c r="MV5" s="474"/>
      <c r="MW5" s="474"/>
      <c r="MX5" s="474"/>
      <c r="MY5" s="474"/>
      <c r="MZ5" s="474"/>
      <c r="NA5" s="475"/>
      <c r="NB5" s="564" t="s">
        <v>58</v>
      </c>
      <c r="NC5" s="474"/>
      <c r="ND5" s="474"/>
      <c r="NE5" s="474"/>
      <c r="NF5" s="474"/>
      <c r="NG5" s="474"/>
      <c r="NH5" s="474"/>
      <c r="NI5" s="474"/>
      <c r="NJ5" s="474"/>
      <c r="NK5" s="474"/>
      <c r="NL5" s="475"/>
      <c r="NM5" s="564" t="s">
        <v>59</v>
      </c>
      <c r="NN5" s="474"/>
      <c r="NO5" s="474"/>
      <c r="NP5" s="474"/>
      <c r="NQ5" s="474"/>
      <c r="NR5" s="474"/>
      <c r="NS5" s="474"/>
      <c r="NT5" s="474"/>
      <c r="NU5" s="474"/>
      <c r="NV5" s="474"/>
      <c r="NW5" s="475"/>
      <c r="NX5" s="613" t="s">
        <v>149</v>
      </c>
      <c r="NY5" s="614"/>
      <c r="NZ5" s="614"/>
      <c r="OA5" s="614"/>
      <c r="OB5" s="614"/>
      <c r="OC5" s="614"/>
      <c r="OD5" s="614"/>
      <c r="OE5" s="614"/>
      <c r="OF5" s="614"/>
      <c r="OG5" s="614"/>
      <c r="OH5" s="615"/>
      <c r="OI5" s="585"/>
      <c r="OJ5" s="586"/>
      <c r="OK5" s="586"/>
      <c r="OL5" s="586"/>
      <c r="OM5" s="586"/>
      <c r="ON5" s="586"/>
      <c r="OO5" s="586"/>
      <c r="OP5" s="586"/>
      <c r="OQ5" s="586"/>
      <c r="OR5" s="586"/>
      <c r="OS5" s="587"/>
    </row>
    <row r="6" spans="2:409" ht="21" customHeight="1" thickBot="1" x14ac:dyDescent="0.25">
      <c r="B6" s="650"/>
      <c r="C6" s="654"/>
      <c r="D6" s="654"/>
      <c r="E6" s="654"/>
      <c r="F6" s="654"/>
      <c r="G6" s="654"/>
      <c r="H6" s="654"/>
      <c r="I6" s="654"/>
      <c r="J6" s="654"/>
      <c r="K6" s="654"/>
      <c r="L6" s="654"/>
      <c r="M6" s="654"/>
      <c r="N6" s="487"/>
      <c r="O6" s="488"/>
      <c r="P6" s="488"/>
      <c r="Q6" s="488"/>
      <c r="R6" s="488"/>
      <c r="S6" s="488"/>
      <c r="T6" s="488"/>
      <c r="U6" s="488"/>
      <c r="V6" s="488"/>
      <c r="W6" s="488"/>
      <c r="X6" s="489"/>
      <c r="Y6" s="669" t="s">
        <v>70</v>
      </c>
      <c r="Z6" s="491"/>
      <c r="AA6" s="491"/>
      <c r="AB6" s="491"/>
      <c r="AC6" s="491"/>
      <c r="AD6" s="491"/>
      <c r="AE6" s="491"/>
      <c r="AF6" s="491"/>
      <c r="AG6" s="491"/>
      <c r="AH6" s="491"/>
      <c r="AI6" s="492"/>
      <c r="AJ6" s="666" t="s">
        <v>71</v>
      </c>
      <c r="AK6" s="667"/>
      <c r="AL6" s="667"/>
      <c r="AM6" s="667"/>
      <c r="AN6" s="667"/>
      <c r="AO6" s="667"/>
      <c r="AP6" s="667"/>
      <c r="AQ6" s="667"/>
      <c r="AR6" s="667"/>
      <c r="AS6" s="667"/>
      <c r="AT6" s="668"/>
      <c r="AU6" s="666" t="s">
        <v>72</v>
      </c>
      <c r="AV6" s="667"/>
      <c r="AW6" s="667"/>
      <c r="AX6" s="667"/>
      <c r="AY6" s="667"/>
      <c r="AZ6" s="667"/>
      <c r="BA6" s="667"/>
      <c r="BB6" s="667"/>
      <c r="BC6" s="667"/>
      <c r="BD6" s="667"/>
      <c r="BE6" s="668"/>
      <c r="BF6" s="666" t="s">
        <v>73</v>
      </c>
      <c r="BG6" s="667"/>
      <c r="BH6" s="667"/>
      <c r="BI6" s="667"/>
      <c r="BJ6" s="667"/>
      <c r="BK6" s="667"/>
      <c r="BL6" s="667"/>
      <c r="BM6" s="667"/>
      <c r="BN6" s="667"/>
      <c r="BO6" s="667"/>
      <c r="BP6" s="668"/>
      <c r="BQ6" s="666" t="s">
        <v>74</v>
      </c>
      <c r="BR6" s="667"/>
      <c r="BS6" s="667"/>
      <c r="BT6" s="667"/>
      <c r="BU6" s="667"/>
      <c r="BV6" s="667"/>
      <c r="BW6" s="667"/>
      <c r="BX6" s="667"/>
      <c r="BY6" s="667"/>
      <c r="BZ6" s="667"/>
      <c r="CA6" s="668"/>
      <c r="CB6" s="670"/>
      <c r="CC6" s="671"/>
      <c r="CD6" s="671"/>
      <c r="CE6" s="671"/>
      <c r="CF6" s="671"/>
      <c r="CG6" s="671"/>
      <c r="CH6" s="671"/>
      <c r="CI6" s="671"/>
      <c r="CJ6" s="671"/>
      <c r="CK6" s="671"/>
      <c r="CL6" s="672"/>
      <c r="CM6" s="666" t="s">
        <v>75</v>
      </c>
      <c r="CN6" s="667"/>
      <c r="CO6" s="667"/>
      <c r="CP6" s="667"/>
      <c r="CQ6" s="667"/>
      <c r="CR6" s="667"/>
      <c r="CS6" s="667"/>
      <c r="CT6" s="667"/>
      <c r="CU6" s="667"/>
      <c r="CV6" s="667"/>
      <c r="CW6" s="668"/>
      <c r="CX6" s="666" t="s">
        <v>76</v>
      </c>
      <c r="CY6" s="667"/>
      <c r="CZ6" s="667"/>
      <c r="DA6" s="667"/>
      <c r="DB6" s="667"/>
      <c r="DC6" s="667"/>
      <c r="DD6" s="667"/>
      <c r="DE6" s="667"/>
      <c r="DF6" s="667"/>
      <c r="DG6" s="667"/>
      <c r="DH6" s="668"/>
      <c r="DI6" s="670"/>
      <c r="DJ6" s="671"/>
      <c r="DK6" s="671"/>
      <c r="DL6" s="671"/>
      <c r="DM6" s="671"/>
      <c r="DN6" s="671"/>
      <c r="DO6" s="671"/>
      <c r="DP6" s="671"/>
      <c r="DQ6" s="671"/>
      <c r="DR6" s="671"/>
      <c r="DS6" s="671"/>
      <c r="DT6" s="666" t="s">
        <v>77</v>
      </c>
      <c r="DU6" s="667"/>
      <c r="DV6" s="667"/>
      <c r="DW6" s="667"/>
      <c r="DX6" s="667"/>
      <c r="DY6" s="667"/>
      <c r="DZ6" s="667"/>
      <c r="EA6" s="667"/>
      <c r="EB6" s="667"/>
      <c r="EC6" s="667"/>
      <c r="ED6" s="668"/>
      <c r="EE6" s="666" t="s">
        <v>78</v>
      </c>
      <c r="EF6" s="667"/>
      <c r="EG6" s="667"/>
      <c r="EH6" s="667"/>
      <c r="EI6" s="667"/>
      <c r="EJ6" s="667"/>
      <c r="EK6" s="667"/>
      <c r="EL6" s="667"/>
      <c r="EM6" s="667"/>
      <c r="EN6" s="667"/>
      <c r="EO6" s="668"/>
      <c r="EP6" s="666" t="s">
        <v>79</v>
      </c>
      <c r="EQ6" s="667"/>
      <c r="ER6" s="667"/>
      <c r="ES6" s="667"/>
      <c r="ET6" s="667"/>
      <c r="EU6" s="667"/>
      <c r="EV6" s="667"/>
      <c r="EW6" s="667"/>
      <c r="EX6" s="667"/>
      <c r="EY6" s="667"/>
      <c r="EZ6" s="668"/>
      <c r="FA6" s="647" t="s">
        <v>150</v>
      </c>
      <c r="FB6" s="667"/>
      <c r="FC6" s="667"/>
      <c r="FD6" s="667"/>
      <c r="FE6" s="667"/>
      <c r="FF6" s="667"/>
      <c r="FG6" s="667"/>
      <c r="FH6" s="667"/>
      <c r="FI6" s="667"/>
      <c r="FJ6" s="667"/>
      <c r="FK6" s="668"/>
      <c r="FL6" s="670"/>
      <c r="FM6" s="671"/>
      <c r="FN6" s="671"/>
      <c r="FO6" s="671"/>
      <c r="FP6" s="671"/>
      <c r="FQ6" s="671"/>
      <c r="FR6" s="671"/>
      <c r="FS6" s="671"/>
      <c r="FT6" s="671"/>
      <c r="FU6" s="671"/>
      <c r="FV6" s="671"/>
      <c r="FW6" s="666" t="s">
        <v>80</v>
      </c>
      <c r="FX6" s="667"/>
      <c r="FY6" s="667"/>
      <c r="FZ6" s="667"/>
      <c r="GA6" s="667"/>
      <c r="GB6" s="667"/>
      <c r="GC6" s="667"/>
      <c r="GD6" s="667"/>
      <c r="GE6" s="667"/>
      <c r="GF6" s="667"/>
      <c r="GG6" s="668"/>
      <c r="GH6" s="669" t="s">
        <v>81</v>
      </c>
      <c r="GI6" s="491"/>
      <c r="GJ6" s="491"/>
      <c r="GK6" s="491"/>
      <c r="GL6" s="491"/>
      <c r="GM6" s="491"/>
      <c r="GN6" s="491"/>
      <c r="GO6" s="491"/>
      <c r="GP6" s="491"/>
      <c r="GQ6" s="491"/>
      <c r="GR6" s="492"/>
      <c r="GS6" s="669" t="s">
        <v>82</v>
      </c>
      <c r="GT6" s="491"/>
      <c r="GU6" s="491"/>
      <c r="GV6" s="491"/>
      <c r="GW6" s="491"/>
      <c r="GX6" s="491"/>
      <c r="GY6" s="491"/>
      <c r="GZ6" s="491"/>
      <c r="HA6" s="491"/>
      <c r="HB6" s="491"/>
      <c r="HC6" s="492"/>
      <c r="HD6" s="663"/>
      <c r="HE6" s="664"/>
      <c r="HF6" s="664"/>
      <c r="HG6" s="664"/>
      <c r="HH6" s="664"/>
      <c r="HI6" s="664"/>
      <c r="HJ6" s="664"/>
      <c r="HK6" s="664"/>
      <c r="HL6" s="664"/>
      <c r="HM6" s="664"/>
      <c r="HN6" s="665"/>
      <c r="HO6" s="663"/>
      <c r="HP6" s="664"/>
      <c r="HQ6" s="664"/>
      <c r="HR6" s="664"/>
      <c r="HS6" s="664"/>
      <c r="HT6" s="664"/>
      <c r="HU6" s="664"/>
      <c r="HV6" s="664"/>
      <c r="HW6" s="664"/>
      <c r="HX6" s="664"/>
      <c r="HY6" s="665"/>
      <c r="HZ6" s="591"/>
      <c r="IA6" s="592"/>
      <c r="IB6" s="592"/>
      <c r="IC6" s="592"/>
      <c r="ID6" s="592"/>
      <c r="IE6" s="592"/>
      <c r="IF6" s="592"/>
      <c r="IG6" s="592"/>
      <c r="IH6" s="592"/>
      <c r="II6" s="592"/>
      <c r="IJ6" s="593"/>
      <c r="IK6" s="565"/>
      <c r="IL6" s="556"/>
      <c r="IM6" s="556"/>
      <c r="IN6" s="556"/>
      <c r="IO6" s="556"/>
      <c r="IP6" s="556"/>
      <c r="IQ6" s="556"/>
      <c r="IR6" s="556"/>
      <c r="IS6" s="556"/>
      <c r="IT6" s="556"/>
      <c r="IU6" s="566"/>
      <c r="IV6" s="565"/>
      <c r="IW6" s="556"/>
      <c r="IX6" s="556"/>
      <c r="IY6" s="556"/>
      <c r="IZ6" s="556"/>
      <c r="JA6" s="556"/>
      <c r="JB6" s="556"/>
      <c r="JC6" s="556"/>
      <c r="JD6" s="556"/>
      <c r="JE6" s="556"/>
      <c r="JF6" s="566"/>
      <c r="JG6" s="597"/>
      <c r="JH6" s="598"/>
      <c r="JI6" s="598"/>
      <c r="JJ6" s="598"/>
      <c r="JK6" s="598"/>
      <c r="JL6" s="598"/>
      <c r="JM6" s="598"/>
      <c r="JN6" s="598"/>
      <c r="JO6" s="598"/>
      <c r="JP6" s="598"/>
      <c r="JQ6" s="599"/>
      <c r="JR6" s="565"/>
      <c r="JS6" s="556"/>
      <c r="JT6" s="556"/>
      <c r="JU6" s="556"/>
      <c r="JV6" s="556"/>
      <c r="JW6" s="556"/>
      <c r="JX6" s="556"/>
      <c r="JY6" s="556"/>
      <c r="JZ6" s="556"/>
      <c r="KA6" s="556"/>
      <c r="KB6" s="566"/>
      <c r="KC6" s="565"/>
      <c r="KD6" s="556"/>
      <c r="KE6" s="556"/>
      <c r="KF6" s="556"/>
      <c r="KG6" s="556"/>
      <c r="KH6" s="556"/>
      <c r="KI6" s="556"/>
      <c r="KJ6" s="556"/>
      <c r="KK6" s="556"/>
      <c r="KL6" s="556"/>
      <c r="KM6" s="566"/>
      <c r="KN6" s="565"/>
      <c r="KO6" s="556"/>
      <c r="KP6" s="556"/>
      <c r="KQ6" s="556"/>
      <c r="KR6" s="556"/>
      <c r="KS6" s="556"/>
      <c r="KT6" s="556"/>
      <c r="KU6" s="556"/>
      <c r="KV6" s="556"/>
      <c r="KW6" s="556"/>
      <c r="KX6" s="566"/>
      <c r="KY6" s="565"/>
      <c r="KZ6" s="556"/>
      <c r="LA6" s="556"/>
      <c r="LB6" s="556"/>
      <c r="LC6" s="556"/>
      <c r="LD6" s="556"/>
      <c r="LE6" s="556"/>
      <c r="LF6" s="556"/>
      <c r="LG6" s="556"/>
      <c r="LH6" s="556"/>
      <c r="LI6" s="566"/>
      <c r="LJ6" s="591"/>
      <c r="LK6" s="592"/>
      <c r="LL6" s="592"/>
      <c r="LM6" s="592"/>
      <c r="LN6" s="592"/>
      <c r="LO6" s="592"/>
      <c r="LP6" s="592"/>
      <c r="LQ6" s="592"/>
      <c r="LR6" s="592"/>
      <c r="LS6" s="592"/>
      <c r="LT6" s="593"/>
      <c r="LU6" s="606"/>
      <c r="LV6" s="607"/>
      <c r="LW6" s="607"/>
      <c r="LX6" s="607"/>
      <c r="LY6" s="607"/>
      <c r="LZ6" s="607"/>
      <c r="MA6" s="607"/>
      <c r="MB6" s="607"/>
      <c r="MC6" s="607"/>
      <c r="MD6" s="607"/>
      <c r="ME6" s="608"/>
      <c r="MF6" s="591"/>
      <c r="MG6" s="592"/>
      <c r="MH6" s="592"/>
      <c r="MI6" s="592"/>
      <c r="MJ6" s="592"/>
      <c r="MK6" s="592"/>
      <c r="ML6" s="592"/>
      <c r="MM6" s="592"/>
      <c r="MN6" s="592"/>
      <c r="MO6" s="592"/>
      <c r="MP6" s="593"/>
      <c r="MQ6" s="565"/>
      <c r="MR6" s="556"/>
      <c r="MS6" s="556"/>
      <c r="MT6" s="556"/>
      <c r="MU6" s="556"/>
      <c r="MV6" s="556"/>
      <c r="MW6" s="556"/>
      <c r="MX6" s="556"/>
      <c r="MY6" s="556"/>
      <c r="MZ6" s="556"/>
      <c r="NA6" s="566"/>
      <c r="NB6" s="565"/>
      <c r="NC6" s="556"/>
      <c r="ND6" s="556"/>
      <c r="NE6" s="556"/>
      <c r="NF6" s="556"/>
      <c r="NG6" s="556"/>
      <c r="NH6" s="556"/>
      <c r="NI6" s="556"/>
      <c r="NJ6" s="556"/>
      <c r="NK6" s="556"/>
      <c r="NL6" s="566"/>
      <c r="NM6" s="565"/>
      <c r="NN6" s="556"/>
      <c r="NO6" s="556"/>
      <c r="NP6" s="556"/>
      <c r="NQ6" s="556"/>
      <c r="NR6" s="556"/>
      <c r="NS6" s="556"/>
      <c r="NT6" s="556"/>
      <c r="NU6" s="556"/>
      <c r="NV6" s="556"/>
      <c r="NW6" s="566"/>
      <c r="NX6" s="616"/>
      <c r="NY6" s="617"/>
      <c r="NZ6" s="617"/>
      <c r="OA6" s="617"/>
      <c r="OB6" s="617"/>
      <c r="OC6" s="617"/>
      <c r="OD6" s="617"/>
      <c r="OE6" s="617"/>
      <c r="OF6" s="617"/>
      <c r="OG6" s="617"/>
      <c r="OH6" s="618"/>
      <c r="OI6" s="565"/>
      <c r="OJ6" s="556"/>
      <c r="OK6" s="556"/>
      <c r="OL6" s="556"/>
      <c r="OM6" s="556"/>
      <c r="ON6" s="556"/>
      <c r="OO6" s="556"/>
      <c r="OP6" s="556"/>
      <c r="OQ6" s="556"/>
      <c r="OR6" s="556"/>
      <c r="OS6" s="566"/>
    </row>
    <row r="7" spans="2:409" ht="21" customHeight="1" x14ac:dyDescent="0.2">
      <c r="B7" s="650"/>
      <c r="C7" s="673" t="s">
        <v>61</v>
      </c>
      <c r="D7" s="673"/>
      <c r="E7" s="673"/>
      <c r="F7" s="674" t="s">
        <v>62</v>
      </c>
      <c r="G7" s="673"/>
      <c r="H7" s="673"/>
      <c r="I7" s="673"/>
      <c r="J7" s="673"/>
      <c r="K7" s="673"/>
      <c r="L7" s="673"/>
      <c r="M7" s="674" t="s">
        <v>52</v>
      </c>
      <c r="N7" s="676" t="s">
        <v>61</v>
      </c>
      <c r="O7" s="673"/>
      <c r="P7" s="673"/>
      <c r="Q7" s="674" t="s">
        <v>62</v>
      </c>
      <c r="R7" s="673"/>
      <c r="S7" s="673"/>
      <c r="T7" s="673"/>
      <c r="U7" s="673"/>
      <c r="V7" s="673"/>
      <c r="W7" s="677"/>
      <c r="X7" s="681" t="s">
        <v>52</v>
      </c>
      <c r="Y7" s="487" t="s">
        <v>61</v>
      </c>
      <c r="Z7" s="488"/>
      <c r="AA7" s="683"/>
      <c r="AB7" s="684" t="s">
        <v>62</v>
      </c>
      <c r="AC7" s="488"/>
      <c r="AD7" s="488"/>
      <c r="AE7" s="488"/>
      <c r="AF7" s="488"/>
      <c r="AG7" s="488"/>
      <c r="AH7" s="683"/>
      <c r="AI7" s="489" t="s">
        <v>52</v>
      </c>
      <c r="AJ7" s="686" t="s">
        <v>61</v>
      </c>
      <c r="AK7" s="679"/>
      <c r="AL7" s="687"/>
      <c r="AM7" s="678" t="s">
        <v>62</v>
      </c>
      <c r="AN7" s="679"/>
      <c r="AO7" s="679"/>
      <c r="AP7" s="679"/>
      <c r="AQ7" s="679"/>
      <c r="AR7" s="679"/>
      <c r="AS7" s="680"/>
      <c r="AT7" s="489" t="s">
        <v>52</v>
      </c>
      <c r="AU7" s="686" t="s">
        <v>61</v>
      </c>
      <c r="AV7" s="679"/>
      <c r="AW7" s="687"/>
      <c r="AX7" s="678" t="s">
        <v>62</v>
      </c>
      <c r="AY7" s="679"/>
      <c r="AZ7" s="679"/>
      <c r="BA7" s="679"/>
      <c r="BB7" s="679"/>
      <c r="BC7" s="679"/>
      <c r="BD7" s="680"/>
      <c r="BE7" s="489" t="s">
        <v>52</v>
      </c>
      <c r="BF7" s="686" t="s">
        <v>61</v>
      </c>
      <c r="BG7" s="679"/>
      <c r="BH7" s="687"/>
      <c r="BI7" s="678" t="s">
        <v>62</v>
      </c>
      <c r="BJ7" s="679"/>
      <c r="BK7" s="679"/>
      <c r="BL7" s="679"/>
      <c r="BM7" s="679"/>
      <c r="BN7" s="679"/>
      <c r="BO7" s="680"/>
      <c r="BP7" s="489" t="s">
        <v>52</v>
      </c>
      <c r="BQ7" s="686" t="s">
        <v>61</v>
      </c>
      <c r="BR7" s="679"/>
      <c r="BS7" s="687"/>
      <c r="BT7" s="678" t="s">
        <v>62</v>
      </c>
      <c r="BU7" s="679"/>
      <c r="BV7" s="679"/>
      <c r="BW7" s="679"/>
      <c r="BX7" s="679"/>
      <c r="BY7" s="679"/>
      <c r="BZ7" s="680"/>
      <c r="CA7" s="489" t="s">
        <v>52</v>
      </c>
      <c r="CB7" s="688" t="s">
        <v>61</v>
      </c>
      <c r="CC7" s="689"/>
      <c r="CD7" s="690"/>
      <c r="CE7" s="691" t="s">
        <v>62</v>
      </c>
      <c r="CF7" s="689"/>
      <c r="CG7" s="689"/>
      <c r="CH7" s="689"/>
      <c r="CI7" s="689"/>
      <c r="CJ7" s="689"/>
      <c r="CK7" s="692"/>
      <c r="CL7" s="681" t="s">
        <v>52</v>
      </c>
      <c r="CM7" s="686" t="s">
        <v>61</v>
      </c>
      <c r="CN7" s="679"/>
      <c r="CO7" s="680"/>
      <c r="CP7" s="678" t="s">
        <v>62</v>
      </c>
      <c r="CQ7" s="679"/>
      <c r="CR7" s="679"/>
      <c r="CS7" s="679"/>
      <c r="CT7" s="679"/>
      <c r="CU7" s="679"/>
      <c r="CV7" s="680"/>
      <c r="CW7" s="693" t="s">
        <v>52</v>
      </c>
      <c r="CX7" s="686" t="s">
        <v>61</v>
      </c>
      <c r="CY7" s="679"/>
      <c r="CZ7" s="680"/>
      <c r="DA7" s="678" t="s">
        <v>62</v>
      </c>
      <c r="DB7" s="679"/>
      <c r="DC7" s="679"/>
      <c r="DD7" s="679"/>
      <c r="DE7" s="679"/>
      <c r="DF7" s="679"/>
      <c r="DG7" s="680"/>
      <c r="DH7" s="693" t="s">
        <v>52</v>
      </c>
      <c r="DI7" s="688" t="s">
        <v>61</v>
      </c>
      <c r="DJ7" s="689"/>
      <c r="DK7" s="692"/>
      <c r="DL7" s="691" t="s">
        <v>62</v>
      </c>
      <c r="DM7" s="689"/>
      <c r="DN7" s="689"/>
      <c r="DO7" s="689"/>
      <c r="DP7" s="689"/>
      <c r="DQ7" s="689"/>
      <c r="DR7" s="692"/>
      <c r="DS7" s="681" t="s">
        <v>52</v>
      </c>
      <c r="DT7" s="686" t="s">
        <v>61</v>
      </c>
      <c r="DU7" s="679"/>
      <c r="DV7" s="687"/>
      <c r="DW7" s="678" t="s">
        <v>62</v>
      </c>
      <c r="DX7" s="679"/>
      <c r="DY7" s="679"/>
      <c r="DZ7" s="679"/>
      <c r="EA7" s="679"/>
      <c r="EB7" s="679"/>
      <c r="EC7" s="680"/>
      <c r="ED7" s="489" t="s">
        <v>52</v>
      </c>
      <c r="EE7" s="686" t="s">
        <v>61</v>
      </c>
      <c r="EF7" s="679"/>
      <c r="EG7" s="687"/>
      <c r="EH7" s="678" t="s">
        <v>62</v>
      </c>
      <c r="EI7" s="679"/>
      <c r="EJ7" s="679"/>
      <c r="EK7" s="679"/>
      <c r="EL7" s="679"/>
      <c r="EM7" s="679"/>
      <c r="EN7" s="680"/>
      <c r="EO7" s="489" t="s">
        <v>52</v>
      </c>
      <c r="EP7" s="686" t="s">
        <v>61</v>
      </c>
      <c r="EQ7" s="679"/>
      <c r="ER7" s="687"/>
      <c r="ES7" s="678" t="s">
        <v>62</v>
      </c>
      <c r="ET7" s="679"/>
      <c r="EU7" s="679"/>
      <c r="EV7" s="679"/>
      <c r="EW7" s="679"/>
      <c r="EX7" s="679"/>
      <c r="EY7" s="680"/>
      <c r="EZ7" s="489" t="s">
        <v>52</v>
      </c>
      <c r="FA7" s="686" t="s">
        <v>61</v>
      </c>
      <c r="FB7" s="679"/>
      <c r="FC7" s="687"/>
      <c r="FD7" s="678" t="s">
        <v>62</v>
      </c>
      <c r="FE7" s="679"/>
      <c r="FF7" s="679"/>
      <c r="FG7" s="679"/>
      <c r="FH7" s="679"/>
      <c r="FI7" s="679"/>
      <c r="FJ7" s="680"/>
      <c r="FK7" s="489" t="s">
        <v>52</v>
      </c>
      <c r="FL7" s="688" t="s">
        <v>61</v>
      </c>
      <c r="FM7" s="689"/>
      <c r="FN7" s="690"/>
      <c r="FO7" s="691" t="s">
        <v>62</v>
      </c>
      <c r="FP7" s="689"/>
      <c r="FQ7" s="689"/>
      <c r="FR7" s="689"/>
      <c r="FS7" s="689"/>
      <c r="FT7" s="689"/>
      <c r="FU7" s="692"/>
      <c r="FV7" s="673" t="s">
        <v>52</v>
      </c>
      <c r="FW7" s="686" t="s">
        <v>61</v>
      </c>
      <c r="FX7" s="679"/>
      <c r="FY7" s="687"/>
      <c r="FZ7" s="678" t="s">
        <v>62</v>
      </c>
      <c r="GA7" s="679"/>
      <c r="GB7" s="679"/>
      <c r="GC7" s="679"/>
      <c r="GD7" s="679"/>
      <c r="GE7" s="679"/>
      <c r="GF7" s="680"/>
      <c r="GG7" s="489" t="s">
        <v>52</v>
      </c>
      <c r="GH7" s="487" t="s">
        <v>61</v>
      </c>
      <c r="GI7" s="488"/>
      <c r="GJ7" s="488"/>
      <c r="GK7" s="684" t="s">
        <v>62</v>
      </c>
      <c r="GL7" s="488"/>
      <c r="GM7" s="488"/>
      <c r="GN7" s="488"/>
      <c r="GO7" s="488"/>
      <c r="GP7" s="488"/>
      <c r="GQ7" s="683"/>
      <c r="GR7" s="694" t="s">
        <v>52</v>
      </c>
      <c r="GS7" s="487" t="s">
        <v>61</v>
      </c>
      <c r="GT7" s="488"/>
      <c r="GU7" s="683"/>
      <c r="GV7" s="684" t="s">
        <v>62</v>
      </c>
      <c r="GW7" s="488"/>
      <c r="GX7" s="488"/>
      <c r="GY7" s="488"/>
      <c r="GZ7" s="488"/>
      <c r="HA7" s="488"/>
      <c r="HB7" s="683"/>
      <c r="HC7" s="694" t="s">
        <v>52</v>
      </c>
      <c r="HD7" s="686" t="s">
        <v>61</v>
      </c>
      <c r="HE7" s="679"/>
      <c r="HF7" s="687"/>
      <c r="HG7" s="678" t="s">
        <v>62</v>
      </c>
      <c r="HH7" s="679"/>
      <c r="HI7" s="679"/>
      <c r="HJ7" s="679"/>
      <c r="HK7" s="679"/>
      <c r="HL7" s="679"/>
      <c r="HM7" s="680"/>
      <c r="HN7" s="489" t="s">
        <v>52</v>
      </c>
      <c r="HO7" s="686" t="s">
        <v>61</v>
      </c>
      <c r="HP7" s="679"/>
      <c r="HQ7" s="687"/>
      <c r="HR7" s="678" t="s">
        <v>62</v>
      </c>
      <c r="HS7" s="679"/>
      <c r="HT7" s="679"/>
      <c r="HU7" s="679"/>
      <c r="HV7" s="679"/>
      <c r="HW7" s="679"/>
      <c r="HX7" s="680"/>
      <c r="HY7" s="489" t="s">
        <v>52</v>
      </c>
      <c r="HZ7" s="543" t="s">
        <v>61</v>
      </c>
      <c r="IA7" s="544"/>
      <c r="IB7" s="545"/>
      <c r="IC7" s="580" t="s">
        <v>62</v>
      </c>
      <c r="ID7" s="544"/>
      <c r="IE7" s="544"/>
      <c r="IF7" s="544"/>
      <c r="IG7" s="544"/>
      <c r="IH7" s="544"/>
      <c r="II7" s="581"/>
      <c r="IJ7" s="547" t="s">
        <v>52</v>
      </c>
      <c r="IK7" s="560" t="s">
        <v>61</v>
      </c>
      <c r="IL7" s="553"/>
      <c r="IM7" s="554"/>
      <c r="IN7" s="583" t="s">
        <v>62</v>
      </c>
      <c r="IO7" s="553"/>
      <c r="IP7" s="553"/>
      <c r="IQ7" s="553"/>
      <c r="IR7" s="553"/>
      <c r="IS7" s="553"/>
      <c r="IT7" s="584"/>
      <c r="IU7" s="566" t="s">
        <v>52</v>
      </c>
      <c r="IV7" s="560" t="s">
        <v>61</v>
      </c>
      <c r="IW7" s="553"/>
      <c r="IX7" s="584"/>
      <c r="IY7" s="583" t="s">
        <v>62</v>
      </c>
      <c r="IZ7" s="553"/>
      <c r="JA7" s="553"/>
      <c r="JB7" s="553"/>
      <c r="JC7" s="553"/>
      <c r="JD7" s="553"/>
      <c r="JE7" s="584"/>
      <c r="JF7" s="566" t="s">
        <v>52</v>
      </c>
      <c r="JG7" s="560" t="s">
        <v>61</v>
      </c>
      <c r="JH7" s="553"/>
      <c r="JI7" s="554"/>
      <c r="JJ7" s="583" t="s">
        <v>62</v>
      </c>
      <c r="JK7" s="553"/>
      <c r="JL7" s="553"/>
      <c r="JM7" s="553"/>
      <c r="JN7" s="553"/>
      <c r="JO7" s="553"/>
      <c r="JP7" s="584"/>
      <c r="JQ7" s="578" t="s">
        <v>52</v>
      </c>
      <c r="JR7" s="560" t="s">
        <v>61</v>
      </c>
      <c r="JS7" s="553"/>
      <c r="JT7" s="554"/>
      <c r="JU7" s="583" t="s">
        <v>62</v>
      </c>
      <c r="JV7" s="553"/>
      <c r="JW7" s="553"/>
      <c r="JX7" s="553"/>
      <c r="JY7" s="553"/>
      <c r="JZ7" s="553"/>
      <c r="KA7" s="584"/>
      <c r="KB7" s="578" t="s">
        <v>52</v>
      </c>
      <c r="KC7" s="560" t="s">
        <v>61</v>
      </c>
      <c r="KD7" s="553"/>
      <c r="KE7" s="554"/>
      <c r="KF7" s="583" t="s">
        <v>62</v>
      </c>
      <c r="KG7" s="553"/>
      <c r="KH7" s="553"/>
      <c r="KI7" s="553"/>
      <c r="KJ7" s="553"/>
      <c r="KK7" s="553"/>
      <c r="KL7" s="584"/>
      <c r="KM7" s="578" t="s">
        <v>52</v>
      </c>
      <c r="KN7" s="560" t="s">
        <v>61</v>
      </c>
      <c r="KO7" s="553"/>
      <c r="KP7" s="554"/>
      <c r="KQ7" s="583" t="s">
        <v>62</v>
      </c>
      <c r="KR7" s="553"/>
      <c r="KS7" s="553"/>
      <c r="KT7" s="553"/>
      <c r="KU7" s="553"/>
      <c r="KV7" s="553"/>
      <c r="KW7" s="584"/>
      <c r="KX7" s="578" t="s">
        <v>52</v>
      </c>
      <c r="KY7" s="560" t="s">
        <v>61</v>
      </c>
      <c r="KZ7" s="553"/>
      <c r="LA7" s="554"/>
      <c r="LB7" s="583" t="s">
        <v>62</v>
      </c>
      <c r="LC7" s="553"/>
      <c r="LD7" s="553"/>
      <c r="LE7" s="553"/>
      <c r="LF7" s="553"/>
      <c r="LG7" s="553"/>
      <c r="LH7" s="584"/>
      <c r="LI7" s="578" t="s">
        <v>52</v>
      </c>
      <c r="LJ7" s="560" t="s">
        <v>61</v>
      </c>
      <c r="LK7" s="553"/>
      <c r="LL7" s="554"/>
      <c r="LM7" s="583" t="s">
        <v>62</v>
      </c>
      <c r="LN7" s="553"/>
      <c r="LO7" s="553"/>
      <c r="LP7" s="553"/>
      <c r="LQ7" s="553"/>
      <c r="LR7" s="553"/>
      <c r="LS7" s="584"/>
      <c r="LT7" s="578" t="s">
        <v>52</v>
      </c>
      <c r="LU7" s="560" t="s">
        <v>61</v>
      </c>
      <c r="LV7" s="553"/>
      <c r="LW7" s="554"/>
      <c r="LX7" s="583" t="s">
        <v>62</v>
      </c>
      <c r="LY7" s="553"/>
      <c r="LZ7" s="553"/>
      <c r="MA7" s="553"/>
      <c r="MB7" s="553"/>
      <c r="MC7" s="553"/>
      <c r="MD7" s="584"/>
      <c r="ME7" s="578" t="s">
        <v>52</v>
      </c>
      <c r="MF7" s="543" t="s">
        <v>61</v>
      </c>
      <c r="MG7" s="544"/>
      <c r="MH7" s="545"/>
      <c r="MI7" s="580" t="s">
        <v>62</v>
      </c>
      <c r="MJ7" s="544"/>
      <c r="MK7" s="544"/>
      <c r="ML7" s="544"/>
      <c r="MM7" s="544"/>
      <c r="MN7" s="544"/>
      <c r="MO7" s="581"/>
      <c r="MP7" s="582" t="s">
        <v>52</v>
      </c>
      <c r="MQ7" s="560" t="s">
        <v>61</v>
      </c>
      <c r="MR7" s="553"/>
      <c r="MS7" s="554"/>
      <c r="MT7" s="583" t="s">
        <v>62</v>
      </c>
      <c r="MU7" s="553"/>
      <c r="MV7" s="553"/>
      <c r="MW7" s="553"/>
      <c r="MX7" s="553"/>
      <c r="MY7" s="553"/>
      <c r="MZ7" s="584"/>
      <c r="NA7" s="578" t="s">
        <v>52</v>
      </c>
      <c r="NB7" s="560" t="s">
        <v>61</v>
      </c>
      <c r="NC7" s="553"/>
      <c r="ND7" s="554"/>
      <c r="NE7" s="583" t="s">
        <v>62</v>
      </c>
      <c r="NF7" s="553"/>
      <c r="NG7" s="553"/>
      <c r="NH7" s="553"/>
      <c r="NI7" s="553"/>
      <c r="NJ7" s="553"/>
      <c r="NK7" s="584"/>
      <c r="NL7" s="578" t="s">
        <v>52</v>
      </c>
      <c r="NM7" s="560" t="s">
        <v>61</v>
      </c>
      <c r="NN7" s="553"/>
      <c r="NO7" s="554"/>
      <c r="NP7" s="583" t="s">
        <v>62</v>
      </c>
      <c r="NQ7" s="553"/>
      <c r="NR7" s="553"/>
      <c r="NS7" s="553"/>
      <c r="NT7" s="553"/>
      <c r="NU7" s="553"/>
      <c r="NV7" s="584"/>
      <c r="NW7" s="578" t="s">
        <v>52</v>
      </c>
      <c r="NX7" s="560" t="s">
        <v>61</v>
      </c>
      <c r="NY7" s="553"/>
      <c r="NZ7" s="554"/>
      <c r="OA7" s="583" t="s">
        <v>62</v>
      </c>
      <c r="OB7" s="553"/>
      <c r="OC7" s="553"/>
      <c r="OD7" s="553"/>
      <c r="OE7" s="553"/>
      <c r="OF7" s="553"/>
      <c r="OG7" s="584"/>
      <c r="OH7" s="578" t="s">
        <v>52</v>
      </c>
      <c r="OI7" s="543" t="s">
        <v>61</v>
      </c>
      <c r="OJ7" s="544"/>
      <c r="OK7" s="545"/>
      <c r="OL7" s="580" t="s">
        <v>62</v>
      </c>
      <c r="OM7" s="544"/>
      <c r="ON7" s="544"/>
      <c r="OO7" s="544"/>
      <c r="OP7" s="544"/>
      <c r="OQ7" s="544"/>
      <c r="OR7" s="581"/>
      <c r="OS7" s="582" t="s">
        <v>52</v>
      </c>
    </row>
    <row r="8" spans="2:409" ht="30" customHeight="1" thickBot="1" x14ac:dyDescent="0.25">
      <c r="B8" s="651"/>
      <c r="C8" s="297" t="s">
        <v>43</v>
      </c>
      <c r="D8" s="41" t="s">
        <v>44</v>
      </c>
      <c r="E8" s="298" t="s">
        <v>45</v>
      </c>
      <c r="F8" s="44" t="s">
        <v>83</v>
      </c>
      <c r="G8" s="41" t="s">
        <v>47</v>
      </c>
      <c r="H8" s="41" t="s">
        <v>48</v>
      </c>
      <c r="I8" s="41" t="s">
        <v>49</v>
      </c>
      <c r="J8" s="41" t="s">
        <v>50</v>
      </c>
      <c r="K8" s="41" t="s">
        <v>51</v>
      </c>
      <c r="L8" s="42" t="s">
        <v>45</v>
      </c>
      <c r="M8" s="675"/>
      <c r="N8" s="43" t="s">
        <v>43</v>
      </c>
      <c r="O8" s="41" t="s">
        <v>44</v>
      </c>
      <c r="P8" s="42" t="s">
        <v>45</v>
      </c>
      <c r="Q8" s="44" t="s">
        <v>83</v>
      </c>
      <c r="R8" s="41" t="s">
        <v>47</v>
      </c>
      <c r="S8" s="41" t="s">
        <v>48</v>
      </c>
      <c r="T8" s="41" t="s">
        <v>49</v>
      </c>
      <c r="U8" s="41" t="s">
        <v>50</v>
      </c>
      <c r="V8" s="41" t="s">
        <v>51</v>
      </c>
      <c r="W8" s="42" t="s">
        <v>45</v>
      </c>
      <c r="X8" s="682"/>
      <c r="Y8" s="43" t="s">
        <v>43</v>
      </c>
      <c r="Z8" s="41" t="s">
        <v>44</v>
      </c>
      <c r="AA8" s="42" t="s">
        <v>45</v>
      </c>
      <c r="AB8" s="44" t="s">
        <v>83</v>
      </c>
      <c r="AC8" s="41" t="s">
        <v>47</v>
      </c>
      <c r="AD8" s="41" t="s">
        <v>48</v>
      </c>
      <c r="AE8" s="41" t="s">
        <v>49</v>
      </c>
      <c r="AF8" s="41" t="s">
        <v>50</v>
      </c>
      <c r="AG8" s="41" t="s">
        <v>51</v>
      </c>
      <c r="AH8" s="42" t="s">
        <v>45</v>
      </c>
      <c r="AI8" s="685"/>
      <c r="AJ8" s="43" t="s">
        <v>43</v>
      </c>
      <c r="AK8" s="41" t="s">
        <v>44</v>
      </c>
      <c r="AL8" s="298" t="s">
        <v>45</v>
      </c>
      <c r="AM8" s="44" t="s">
        <v>83</v>
      </c>
      <c r="AN8" s="41" t="s">
        <v>47</v>
      </c>
      <c r="AO8" s="41" t="s">
        <v>48</v>
      </c>
      <c r="AP8" s="41" t="s">
        <v>49</v>
      </c>
      <c r="AQ8" s="41" t="s">
        <v>50</v>
      </c>
      <c r="AR8" s="41" t="s">
        <v>51</v>
      </c>
      <c r="AS8" s="42" t="s">
        <v>45</v>
      </c>
      <c r="AT8" s="685"/>
      <c r="AU8" s="43" t="s">
        <v>43</v>
      </c>
      <c r="AV8" s="41" t="s">
        <v>44</v>
      </c>
      <c r="AW8" s="298" t="s">
        <v>45</v>
      </c>
      <c r="AX8" s="44" t="s">
        <v>83</v>
      </c>
      <c r="AY8" s="41" t="s">
        <v>47</v>
      </c>
      <c r="AZ8" s="41" t="s">
        <v>48</v>
      </c>
      <c r="BA8" s="41" t="s">
        <v>49</v>
      </c>
      <c r="BB8" s="41" t="s">
        <v>50</v>
      </c>
      <c r="BC8" s="41" t="s">
        <v>51</v>
      </c>
      <c r="BD8" s="42" t="s">
        <v>45</v>
      </c>
      <c r="BE8" s="685"/>
      <c r="BF8" s="299" t="s">
        <v>43</v>
      </c>
      <c r="BG8" s="41" t="s">
        <v>44</v>
      </c>
      <c r="BH8" s="298" t="s">
        <v>45</v>
      </c>
      <c r="BI8" s="44" t="s">
        <v>83</v>
      </c>
      <c r="BJ8" s="41" t="s">
        <v>47</v>
      </c>
      <c r="BK8" s="41" t="s">
        <v>48</v>
      </c>
      <c r="BL8" s="41" t="s">
        <v>49</v>
      </c>
      <c r="BM8" s="41" t="s">
        <v>50</v>
      </c>
      <c r="BN8" s="41" t="s">
        <v>51</v>
      </c>
      <c r="BO8" s="42" t="s">
        <v>45</v>
      </c>
      <c r="BP8" s="685"/>
      <c r="BQ8" s="43" t="s">
        <v>43</v>
      </c>
      <c r="BR8" s="41" t="s">
        <v>44</v>
      </c>
      <c r="BS8" s="298" t="s">
        <v>45</v>
      </c>
      <c r="BT8" s="44" t="s">
        <v>83</v>
      </c>
      <c r="BU8" s="41" t="s">
        <v>47</v>
      </c>
      <c r="BV8" s="41" t="s">
        <v>48</v>
      </c>
      <c r="BW8" s="41" t="s">
        <v>49</v>
      </c>
      <c r="BX8" s="41" t="s">
        <v>50</v>
      </c>
      <c r="BY8" s="41" t="s">
        <v>51</v>
      </c>
      <c r="BZ8" s="42" t="s">
        <v>45</v>
      </c>
      <c r="CA8" s="685"/>
      <c r="CB8" s="43" t="s">
        <v>43</v>
      </c>
      <c r="CC8" s="41" t="s">
        <v>44</v>
      </c>
      <c r="CD8" s="298" t="s">
        <v>45</v>
      </c>
      <c r="CE8" s="44" t="s">
        <v>83</v>
      </c>
      <c r="CF8" s="41" t="s">
        <v>47</v>
      </c>
      <c r="CG8" s="41" t="s">
        <v>48</v>
      </c>
      <c r="CH8" s="41" t="s">
        <v>49</v>
      </c>
      <c r="CI8" s="41" t="s">
        <v>50</v>
      </c>
      <c r="CJ8" s="41" t="s">
        <v>51</v>
      </c>
      <c r="CK8" s="42" t="s">
        <v>45</v>
      </c>
      <c r="CL8" s="682"/>
      <c r="CM8" s="43" t="s">
        <v>43</v>
      </c>
      <c r="CN8" s="41" t="s">
        <v>44</v>
      </c>
      <c r="CO8" s="42" t="s">
        <v>45</v>
      </c>
      <c r="CP8" s="44" t="s">
        <v>83</v>
      </c>
      <c r="CQ8" s="41" t="s">
        <v>47</v>
      </c>
      <c r="CR8" s="41" t="s">
        <v>48</v>
      </c>
      <c r="CS8" s="41" t="s">
        <v>49</v>
      </c>
      <c r="CT8" s="41" t="s">
        <v>50</v>
      </c>
      <c r="CU8" s="41" t="s">
        <v>51</v>
      </c>
      <c r="CV8" s="42" t="s">
        <v>45</v>
      </c>
      <c r="CW8" s="682"/>
      <c r="CX8" s="43" t="s">
        <v>43</v>
      </c>
      <c r="CY8" s="41" t="s">
        <v>44</v>
      </c>
      <c r="CZ8" s="42" t="s">
        <v>45</v>
      </c>
      <c r="DA8" s="44" t="s">
        <v>83</v>
      </c>
      <c r="DB8" s="41" t="s">
        <v>47</v>
      </c>
      <c r="DC8" s="41" t="s">
        <v>48</v>
      </c>
      <c r="DD8" s="41" t="s">
        <v>49</v>
      </c>
      <c r="DE8" s="41" t="s">
        <v>50</v>
      </c>
      <c r="DF8" s="41" t="s">
        <v>51</v>
      </c>
      <c r="DG8" s="42" t="s">
        <v>45</v>
      </c>
      <c r="DH8" s="682"/>
      <c r="DI8" s="43" t="s">
        <v>43</v>
      </c>
      <c r="DJ8" s="41" t="s">
        <v>44</v>
      </c>
      <c r="DK8" s="42" t="s">
        <v>45</v>
      </c>
      <c r="DL8" s="44" t="s">
        <v>83</v>
      </c>
      <c r="DM8" s="41" t="s">
        <v>47</v>
      </c>
      <c r="DN8" s="41" t="s">
        <v>48</v>
      </c>
      <c r="DO8" s="41" t="s">
        <v>49</v>
      </c>
      <c r="DP8" s="41" t="s">
        <v>50</v>
      </c>
      <c r="DQ8" s="41" t="s">
        <v>51</v>
      </c>
      <c r="DR8" s="42" t="s">
        <v>45</v>
      </c>
      <c r="DS8" s="682"/>
      <c r="DT8" s="43" t="s">
        <v>43</v>
      </c>
      <c r="DU8" s="41" t="s">
        <v>44</v>
      </c>
      <c r="DV8" s="298" t="s">
        <v>45</v>
      </c>
      <c r="DW8" s="44" t="s">
        <v>83</v>
      </c>
      <c r="DX8" s="41" t="s">
        <v>47</v>
      </c>
      <c r="DY8" s="41" t="s">
        <v>48</v>
      </c>
      <c r="DZ8" s="41" t="s">
        <v>49</v>
      </c>
      <c r="EA8" s="41" t="s">
        <v>50</v>
      </c>
      <c r="EB8" s="41" t="s">
        <v>51</v>
      </c>
      <c r="EC8" s="42" t="s">
        <v>45</v>
      </c>
      <c r="ED8" s="685"/>
      <c r="EE8" s="43" t="s">
        <v>43</v>
      </c>
      <c r="EF8" s="41" t="s">
        <v>44</v>
      </c>
      <c r="EG8" s="298" t="s">
        <v>45</v>
      </c>
      <c r="EH8" s="44" t="s">
        <v>83</v>
      </c>
      <c r="EI8" s="41" t="s">
        <v>47</v>
      </c>
      <c r="EJ8" s="41" t="s">
        <v>48</v>
      </c>
      <c r="EK8" s="41" t="s">
        <v>49</v>
      </c>
      <c r="EL8" s="41" t="s">
        <v>50</v>
      </c>
      <c r="EM8" s="41" t="s">
        <v>51</v>
      </c>
      <c r="EN8" s="42" t="s">
        <v>45</v>
      </c>
      <c r="EO8" s="685"/>
      <c r="EP8" s="43" t="s">
        <v>43</v>
      </c>
      <c r="EQ8" s="41" t="s">
        <v>44</v>
      </c>
      <c r="ER8" s="298" t="s">
        <v>45</v>
      </c>
      <c r="ES8" s="44" t="s">
        <v>83</v>
      </c>
      <c r="ET8" s="41" t="s">
        <v>47</v>
      </c>
      <c r="EU8" s="41" t="s">
        <v>48</v>
      </c>
      <c r="EV8" s="41" t="s">
        <v>49</v>
      </c>
      <c r="EW8" s="41" t="s">
        <v>50</v>
      </c>
      <c r="EX8" s="41" t="s">
        <v>51</v>
      </c>
      <c r="EY8" s="42" t="s">
        <v>45</v>
      </c>
      <c r="EZ8" s="685"/>
      <c r="FA8" s="43" t="s">
        <v>43</v>
      </c>
      <c r="FB8" s="41" t="s">
        <v>44</v>
      </c>
      <c r="FC8" s="298" t="s">
        <v>45</v>
      </c>
      <c r="FD8" s="44" t="s">
        <v>83</v>
      </c>
      <c r="FE8" s="41" t="s">
        <v>47</v>
      </c>
      <c r="FF8" s="41" t="s">
        <v>48</v>
      </c>
      <c r="FG8" s="41" t="s">
        <v>49</v>
      </c>
      <c r="FH8" s="41" t="s">
        <v>50</v>
      </c>
      <c r="FI8" s="41" t="s">
        <v>51</v>
      </c>
      <c r="FJ8" s="42" t="s">
        <v>45</v>
      </c>
      <c r="FK8" s="685"/>
      <c r="FL8" s="43" t="s">
        <v>43</v>
      </c>
      <c r="FM8" s="41" t="s">
        <v>44</v>
      </c>
      <c r="FN8" s="298" t="s">
        <v>45</v>
      </c>
      <c r="FO8" s="44" t="s">
        <v>83</v>
      </c>
      <c r="FP8" s="41" t="s">
        <v>47</v>
      </c>
      <c r="FQ8" s="41" t="s">
        <v>48</v>
      </c>
      <c r="FR8" s="41" t="s">
        <v>49</v>
      </c>
      <c r="FS8" s="41" t="s">
        <v>50</v>
      </c>
      <c r="FT8" s="41" t="s">
        <v>51</v>
      </c>
      <c r="FU8" s="42" t="s">
        <v>45</v>
      </c>
      <c r="FV8" s="697"/>
      <c r="FW8" s="43" t="s">
        <v>43</v>
      </c>
      <c r="FX8" s="41" t="s">
        <v>44</v>
      </c>
      <c r="FY8" s="298" t="s">
        <v>45</v>
      </c>
      <c r="FZ8" s="44" t="s">
        <v>83</v>
      </c>
      <c r="GA8" s="41" t="s">
        <v>47</v>
      </c>
      <c r="GB8" s="41" t="s">
        <v>48</v>
      </c>
      <c r="GC8" s="41" t="s">
        <v>49</v>
      </c>
      <c r="GD8" s="41" t="s">
        <v>50</v>
      </c>
      <c r="GE8" s="41" t="s">
        <v>51</v>
      </c>
      <c r="GF8" s="42" t="s">
        <v>45</v>
      </c>
      <c r="GG8" s="685"/>
      <c r="GH8" s="43" t="s">
        <v>43</v>
      </c>
      <c r="GI8" s="41" t="s">
        <v>44</v>
      </c>
      <c r="GJ8" s="298" t="s">
        <v>45</v>
      </c>
      <c r="GK8" s="44" t="s">
        <v>83</v>
      </c>
      <c r="GL8" s="41" t="s">
        <v>47</v>
      </c>
      <c r="GM8" s="41" t="s">
        <v>48</v>
      </c>
      <c r="GN8" s="41" t="s">
        <v>49</v>
      </c>
      <c r="GO8" s="41" t="s">
        <v>50</v>
      </c>
      <c r="GP8" s="41" t="s">
        <v>51</v>
      </c>
      <c r="GQ8" s="42" t="s">
        <v>45</v>
      </c>
      <c r="GR8" s="695"/>
      <c r="GS8" s="43" t="s">
        <v>43</v>
      </c>
      <c r="GT8" s="41" t="s">
        <v>44</v>
      </c>
      <c r="GU8" s="298" t="s">
        <v>45</v>
      </c>
      <c r="GV8" s="44" t="s">
        <v>83</v>
      </c>
      <c r="GW8" s="41" t="s">
        <v>47</v>
      </c>
      <c r="GX8" s="41" t="s">
        <v>48</v>
      </c>
      <c r="GY8" s="41" t="s">
        <v>49</v>
      </c>
      <c r="GZ8" s="41" t="s">
        <v>50</v>
      </c>
      <c r="HA8" s="41" t="s">
        <v>51</v>
      </c>
      <c r="HB8" s="42" t="s">
        <v>45</v>
      </c>
      <c r="HC8" s="695"/>
      <c r="HD8" s="43" t="s">
        <v>43</v>
      </c>
      <c r="HE8" s="41" t="s">
        <v>44</v>
      </c>
      <c r="HF8" s="298" t="s">
        <v>45</v>
      </c>
      <c r="HG8" s="44" t="s">
        <v>83</v>
      </c>
      <c r="HH8" s="41" t="s">
        <v>47</v>
      </c>
      <c r="HI8" s="41" t="s">
        <v>48</v>
      </c>
      <c r="HJ8" s="41" t="s">
        <v>49</v>
      </c>
      <c r="HK8" s="41" t="s">
        <v>50</v>
      </c>
      <c r="HL8" s="41" t="s">
        <v>51</v>
      </c>
      <c r="HM8" s="42" t="s">
        <v>45</v>
      </c>
      <c r="HN8" s="685"/>
      <c r="HO8" s="43" t="s">
        <v>43</v>
      </c>
      <c r="HP8" s="41" t="s">
        <v>44</v>
      </c>
      <c r="HQ8" s="298" t="s">
        <v>45</v>
      </c>
      <c r="HR8" s="44" t="s">
        <v>83</v>
      </c>
      <c r="HS8" s="41" t="s">
        <v>47</v>
      </c>
      <c r="HT8" s="41" t="s">
        <v>48</v>
      </c>
      <c r="HU8" s="41" t="s">
        <v>49</v>
      </c>
      <c r="HV8" s="41" t="s">
        <v>50</v>
      </c>
      <c r="HW8" s="41" t="s">
        <v>51</v>
      </c>
      <c r="HX8" s="42" t="s">
        <v>45</v>
      </c>
      <c r="HY8" s="685"/>
      <c r="HZ8" s="324" t="s">
        <v>43</v>
      </c>
      <c r="IA8" s="325" t="s">
        <v>44</v>
      </c>
      <c r="IB8" s="36" t="s">
        <v>45</v>
      </c>
      <c r="IC8" s="37" t="s">
        <v>83</v>
      </c>
      <c r="ID8" s="325" t="s">
        <v>47</v>
      </c>
      <c r="IE8" s="325" t="s">
        <v>48</v>
      </c>
      <c r="IF8" s="325" t="s">
        <v>49</v>
      </c>
      <c r="IG8" s="325" t="s">
        <v>50</v>
      </c>
      <c r="IH8" s="325" t="s">
        <v>51</v>
      </c>
      <c r="II8" s="14" t="s">
        <v>45</v>
      </c>
      <c r="IJ8" s="620"/>
      <c r="IK8" s="324" t="s">
        <v>43</v>
      </c>
      <c r="IL8" s="325" t="s">
        <v>44</v>
      </c>
      <c r="IM8" s="36" t="s">
        <v>45</v>
      </c>
      <c r="IN8" s="37" t="s">
        <v>83</v>
      </c>
      <c r="IO8" s="51" t="s">
        <v>47</v>
      </c>
      <c r="IP8" s="51" t="s">
        <v>48</v>
      </c>
      <c r="IQ8" s="51" t="s">
        <v>49</v>
      </c>
      <c r="IR8" s="51" t="s">
        <v>50</v>
      </c>
      <c r="IS8" s="51" t="s">
        <v>51</v>
      </c>
      <c r="IT8" s="54" t="s">
        <v>45</v>
      </c>
      <c r="IU8" s="619"/>
      <c r="IV8" s="53" t="s">
        <v>43</v>
      </c>
      <c r="IW8" s="51" t="s">
        <v>44</v>
      </c>
      <c r="IX8" s="54" t="s">
        <v>45</v>
      </c>
      <c r="IY8" s="37" t="s">
        <v>83</v>
      </c>
      <c r="IZ8" s="51" t="s">
        <v>47</v>
      </c>
      <c r="JA8" s="51" t="s">
        <v>48</v>
      </c>
      <c r="JB8" s="51" t="s">
        <v>49</v>
      </c>
      <c r="JC8" s="51" t="s">
        <v>50</v>
      </c>
      <c r="JD8" s="51" t="s">
        <v>51</v>
      </c>
      <c r="JE8" s="54" t="s">
        <v>45</v>
      </c>
      <c r="JF8" s="619"/>
      <c r="JG8" s="53" t="s">
        <v>43</v>
      </c>
      <c r="JH8" s="51" t="s">
        <v>44</v>
      </c>
      <c r="JI8" s="52" t="s">
        <v>45</v>
      </c>
      <c r="JJ8" s="28" t="s">
        <v>83</v>
      </c>
      <c r="JK8" s="51" t="s">
        <v>47</v>
      </c>
      <c r="JL8" s="51" t="s">
        <v>48</v>
      </c>
      <c r="JM8" s="51" t="s">
        <v>49</v>
      </c>
      <c r="JN8" s="51" t="s">
        <v>50</v>
      </c>
      <c r="JO8" s="51" t="s">
        <v>51</v>
      </c>
      <c r="JP8" s="54" t="s">
        <v>45</v>
      </c>
      <c r="JQ8" s="579"/>
      <c r="JR8" s="53" t="s">
        <v>43</v>
      </c>
      <c r="JS8" s="51" t="s">
        <v>44</v>
      </c>
      <c r="JT8" s="52" t="s">
        <v>45</v>
      </c>
      <c r="JU8" s="28" t="s">
        <v>83</v>
      </c>
      <c r="JV8" s="51" t="s">
        <v>47</v>
      </c>
      <c r="JW8" s="51" t="s">
        <v>48</v>
      </c>
      <c r="JX8" s="51" t="s">
        <v>49</v>
      </c>
      <c r="JY8" s="51" t="s">
        <v>50</v>
      </c>
      <c r="JZ8" s="51" t="s">
        <v>51</v>
      </c>
      <c r="KA8" s="54" t="s">
        <v>45</v>
      </c>
      <c r="KB8" s="579"/>
      <c r="KC8" s="53" t="s">
        <v>43</v>
      </c>
      <c r="KD8" s="51" t="s">
        <v>44</v>
      </c>
      <c r="KE8" s="52" t="s">
        <v>45</v>
      </c>
      <c r="KF8" s="28" t="s">
        <v>83</v>
      </c>
      <c r="KG8" s="51" t="s">
        <v>47</v>
      </c>
      <c r="KH8" s="51" t="s">
        <v>48</v>
      </c>
      <c r="KI8" s="51" t="s">
        <v>49</v>
      </c>
      <c r="KJ8" s="51" t="s">
        <v>50</v>
      </c>
      <c r="KK8" s="51" t="s">
        <v>51</v>
      </c>
      <c r="KL8" s="54" t="s">
        <v>45</v>
      </c>
      <c r="KM8" s="579"/>
      <c r="KN8" s="53" t="s">
        <v>43</v>
      </c>
      <c r="KO8" s="51" t="s">
        <v>44</v>
      </c>
      <c r="KP8" s="52" t="s">
        <v>45</v>
      </c>
      <c r="KQ8" s="37" t="s">
        <v>83</v>
      </c>
      <c r="KR8" s="51" t="s">
        <v>47</v>
      </c>
      <c r="KS8" s="51" t="s">
        <v>48</v>
      </c>
      <c r="KT8" s="51" t="s">
        <v>49</v>
      </c>
      <c r="KU8" s="51" t="s">
        <v>50</v>
      </c>
      <c r="KV8" s="51" t="s">
        <v>51</v>
      </c>
      <c r="KW8" s="54" t="s">
        <v>45</v>
      </c>
      <c r="KX8" s="579"/>
      <c r="KY8" s="53" t="s">
        <v>43</v>
      </c>
      <c r="KZ8" s="51" t="s">
        <v>44</v>
      </c>
      <c r="LA8" s="52" t="s">
        <v>45</v>
      </c>
      <c r="LB8" s="37" t="s">
        <v>83</v>
      </c>
      <c r="LC8" s="51" t="s">
        <v>47</v>
      </c>
      <c r="LD8" s="51" t="s">
        <v>48</v>
      </c>
      <c r="LE8" s="51" t="s">
        <v>49</v>
      </c>
      <c r="LF8" s="51" t="s">
        <v>50</v>
      </c>
      <c r="LG8" s="51" t="s">
        <v>51</v>
      </c>
      <c r="LH8" s="54" t="s">
        <v>45</v>
      </c>
      <c r="LI8" s="579"/>
      <c r="LJ8" s="53" t="s">
        <v>43</v>
      </c>
      <c r="LK8" s="51" t="s">
        <v>44</v>
      </c>
      <c r="LL8" s="52" t="s">
        <v>45</v>
      </c>
      <c r="LM8" s="37" t="s">
        <v>83</v>
      </c>
      <c r="LN8" s="51" t="s">
        <v>47</v>
      </c>
      <c r="LO8" s="51" t="s">
        <v>48</v>
      </c>
      <c r="LP8" s="51" t="s">
        <v>49</v>
      </c>
      <c r="LQ8" s="51" t="s">
        <v>50</v>
      </c>
      <c r="LR8" s="51" t="s">
        <v>51</v>
      </c>
      <c r="LS8" s="54" t="s">
        <v>45</v>
      </c>
      <c r="LT8" s="579"/>
      <c r="LU8" s="53" t="s">
        <v>43</v>
      </c>
      <c r="LV8" s="51" t="s">
        <v>44</v>
      </c>
      <c r="LW8" s="52" t="s">
        <v>45</v>
      </c>
      <c r="LX8" s="37" t="s">
        <v>83</v>
      </c>
      <c r="LY8" s="51" t="s">
        <v>47</v>
      </c>
      <c r="LZ8" s="51" t="s">
        <v>48</v>
      </c>
      <c r="MA8" s="51" t="s">
        <v>49</v>
      </c>
      <c r="MB8" s="51" t="s">
        <v>50</v>
      </c>
      <c r="MC8" s="51" t="s">
        <v>51</v>
      </c>
      <c r="MD8" s="54" t="s">
        <v>45</v>
      </c>
      <c r="ME8" s="579"/>
      <c r="MF8" s="53" t="s">
        <v>43</v>
      </c>
      <c r="MG8" s="51" t="s">
        <v>44</v>
      </c>
      <c r="MH8" s="52" t="s">
        <v>45</v>
      </c>
      <c r="MI8" s="37" t="s">
        <v>83</v>
      </c>
      <c r="MJ8" s="51" t="s">
        <v>47</v>
      </c>
      <c r="MK8" s="51" t="s">
        <v>48</v>
      </c>
      <c r="ML8" s="51" t="s">
        <v>49</v>
      </c>
      <c r="MM8" s="51" t="s">
        <v>50</v>
      </c>
      <c r="MN8" s="51" t="s">
        <v>51</v>
      </c>
      <c r="MO8" s="54" t="s">
        <v>45</v>
      </c>
      <c r="MP8" s="579"/>
      <c r="MQ8" s="53" t="s">
        <v>43</v>
      </c>
      <c r="MR8" s="51" t="s">
        <v>44</v>
      </c>
      <c r="MS8" s="52" t="s">
        <v>45</v>
      </c>
      <c r="MT8" s="37" t="s">
        <v>83</v>
      </c>
      <c r="MU8" s="51" t="s">
        <v>47</v>
      </c>
      <c r="MV8" s="51" t="s">
        <v>48</v>
      </c>
      <c r="MW8" s="51" t="s">
        <v>49</v>
      </c>
      <c r="MX8" s="51" t="s">
        <v>50</v>
      </c>
      <c r="MY8" s="51" t="s">
        <v>51</v>
      </c>
      <c r="MZ8" s="54" t="s">
        <v>45</v>
      </c>
      <c r="NA8" s="579"/>
      <c r="NB8" s="53" t="s">
        <v>43</v>
      </c>
      <c r="NC8" s="51" t="s">
        <v>44</v>
      </c>
      <c r="ND8" s="52" t="s">
        <v>45</v>
      </c>
      <c r="NE8" s="37" t="s">
        <v>83</v>
      </c>
      <c r="NF8" s="51" t="s">
        <v>47</v>
      </c>
      <c r="NG8" s="51" t="s">
        <v>48</v>
      </c>
      <c r="NH8" s="51" t="s">
        <v>49</v>
      </c>
      <c r="NI8" s="51" t="s">
        <v>50</v>
      </c>
      <c r="NJ8" s="51" t="s">
        <v>51</v>
      </c>
      <c r="NK8" s="54" t="s">
        <v>45</v>
      </c>
      <c r="NL8" s="579"/>
      <c r="NM8" s="53" t="s">
        <v>43</v>
      </c>
      <c r="NN8" s="51" t="s">
        <v>44</v>
      </c>
      <c r="NO8" s="52" t="s">
        <v>45</v>
      </c>
      <c r="NP8" s="37" t="s">
        <v>83</v>
      </c>
      <c r="NQ8" s="51" t="s">
        <v>47</v>
      </c>
      <c r="NR8" s="51" t="s">
        <v>48</v>
      </c>
      <c r="NS8" s="51" t="s">
        <v>49</v>
      </c>
      <c r="NT8" s="51" t="s">
        <v>50</v>
      </c>
      <c r="NU8" s="51" t="s">
        <v>51</v>
      </c>
      <c r="NV8" s="54" t="s">
        <v>45</v>
      </c>
      <c r="NW8" s="579"/>
      <c r="NX8" s="53" t="s">
        <v>43</v>
      </c>
      <c r="NY8" s="51" t="s">
        <v>44</v>
      </c>
      <c r="NZ8" s="52" t="s">
        <v>45</v>
      </c>
      <c r="OA8" s="37" t="s">
        <v>83</v>
      </c>
      <c r="OB8" s="51" t="s">
        <v>47</v>
      </c>
      <c r="OC8" s="51" t="s">
        <v>48</v>
      </c>
      <c r="OD8" s="51" t="s">
        <v>49</v>
      </c>
      <c r="OE8" s="51" t="s">
        <v>50</v>
      </c>
      <c r="OF8" s="51" t="s">
        <v>51</v>
      </c>
      <c r="OG8" s="54" t="s">
        <v>45</v>
      </c>
      <c r="OH8" s="579"/>
      <c r="OI8" s="53" t="s">
        <v>43</v>
      </c>
      <c r="OJ8" s="51" t="s">
        <v>44</v>
      </c>
      <c r="OK8" s="52" t="s">
        <v>45</v>
      </c>
      <c r="OL8" s="28" t="s">
        <v>83</v>
      </c>
      <c r="OM8" s="51" t="s">
        <v>47</v>
      </c>
      <c r="ON8" s="51" t="s">
        <v>48</v>
      </c>
      <c r="OO8" s="51" t="s">
        <v>49</v>
      </c>
      <c r="OP8" s="51" t="s">
        <v>50</v>
      </c>
      <c r="OQ8" s="51" t="s">
        <v>51</v>
      </c>
      <c r="OR8" s="54" t="s">
        <v>45</v>
      </c>
      <c r="OS8" s="579"/>
    </row>
    <row r="9" spans="2:409" s="417" customFormat="1" ht="21" customHeight="1" x14ac:dyDescent="0.2">
      <c r="B9" s="435" t="s">
        <v>4</v>
      </c>
      <c r="C9" s="342">
        <v>25836058</v>
      </c>
      <c r="D9" s="343">
        <v>44397600</v>
      </c>
      <c r="E9" s="344">
        <v>70233658</v>
      </c>
      <c r="F9" s="345">
        <v>0</v>
      </c>
      <c r="G9" s="343">
        <v>254872484</v>
      </c>
      <c r="H9" s="343">
        <v>354900422</v>
      </c>
      <c r="I9" s="343">
        <v>291835550</v>
      </c>
      <c r="J9" s="343">
        <v>293478711</v>
      </c>
      <c r="K9" s="343">
        <v>226376795</v>
      </c>
      <c r="L9" s="346">
        <v>1421463962</v>
      </c>
      <c r="M9" s="347">
        <v>1491697620</v>
      </c>
      <c r="N9" s="342">
        <v>7373631</v>
      </c>
      <c r="O9" s="343">
        <v>16318946</v>
      </c>
      <c r="P9" s="348">
        <v>23692577</v>
      </c>
      <c r="Q9" s="342">
        <v>0</v>
      </c>
      <c r="R9" s="343">
        <v>82264755</v>
      </c>
      <c r="S9" s="343">
        <v>122458533</v>
      </c>
      <c r="T9" s="343">
        <v>96831554</v>
      </c>
      <c r="U9" s="343">
        <v>107676303</v>
      </c>
      <c r="V9" s="343">
        <v>99789570</v>
      </c>
      <c r="W9" s="348">
        <v>509020715</v>
      </c>
      <c r="X9" s="347">
        <v>532713292</v>
      </c>
      <c r="Y9" s="342">
        <v>0</v>
      </c>
      <c r="Z9" s="343">
        <v>0</v>
      </c>
      <c r="AA9" s="348">
        <v>0</v>
      </c>
      <c r="AB9" s="349">
        <v>0</v>
      </c>
      <c r="AC9" s="350">
        <v>32587040</v>
      </c>
      <c r="AD9" s="350">
        <v>49089538</v>
      </c>
      <c r="AE9" s="350">
        <v>46295787</v>
      </c>
      <c r="AF9" s="350">
        <v>56598862</v>
      </c>
      <c r="AG9" s="350">
        <v>53352075</v>
      </c>
      <c r="AH9" s="348">
        <v>237923302</v>
      </c>
      <c r="AI9" s="347">
        <v>237923302</v>
      </c>
      <c r="AJ9" s="351">
        <v>0</v>
      </c>
      <c r="AK9" s="350">
        <v>73579</v>
      </c>
      <c r="AL9" s="348">
        <v>73579</v>
      </c>
      <c r="AM9" s="349">
        <v>0</v>
      </c>
      <c r="AN9" s="350">
        <v>591668</v>
      </c>
      <c r="AO9" s="346">
        <v>1225115</v>
      </c>
      <c r="AP9" s="350">
        <v>2368940</v>
      </c>
      <c r="AQ9" s="350">
        <v>6722661</v>
      </c>
      <c r="AR9" s="350">
        <v>11339353</v>
      </c>
      <c r="AS9" s="348">
        <v>22247737</v>
      </c>
      <c r="AT9" s="347">
        <v>22321316</v>
      </c>
      <c r="AU9" s="351">
        <v>3802060</v>
      </c>
      <c r="AV9" s="350">
        <v>11386508</v>
      </c>
      <c r="AW9" s="348">
        <v>15188568</v>
      </c>
      <c r="AX9" s="349">
        <v>0</v>
      </c>
      <c r="AY9" s="350">
        <v>31633641</v>
      </c>
      <c r="AZ9" s="350">
        <v>48558797</v>
      </c>
      <c r="BA9" s="350">
        <v>29252624</v>
      </c>
      <c r="BB9" s="350">
        <v>24479523</v>
      </c>
      <c r="BC9" s="350">
        <v>20453866</v>
      </c>
      <c r="BD9" s="348">
        <v>154378451</v>
      </c>
      <c r="BE9" s="352">
        <v>169567019</v>
      </c>
      <c r="BF9" s="351">
        <v>426975</v>
      </c>
      <c r="BG9" s="346">
        <v>1495527</v>
      </c>
      <c r="BH9" s="353">
        <v>1922502</v>
      </c>
      <c r="BI9" s="349">
        <v>0</v>
      </c>
      <c r="BJ9" s="350">
        <v>2355180</v>
      </c>
      <c r="BK9" s="350">
        <v>4819418</v>
      </c>
      <c r="BL9" s="350">
        <v>2465736</v>
      </c>
      <c r="BM9" s="350">
        <v>2634255</v>
      </c>
      <c r="BN9" s="350">
        <v>1331606</v>
      </c>
      <c r="BO9" s="348">
        <v>13606195</v>
      </c>
      <c r="BP9" s="347">
        <v>15528697</v>
      </c>
      <c r="BQ9" s="351">
        <v>3144596</v>
      </c>
      <c r="BR9" s="350">
        <v>3363332</v>
      </c>
      <c r="BS9" s="348">
        <v>6507928</v>
      </c>
      <c r="BT9" s="349">
        <v>0</v>
      </c>
      <c r="BU9" s="350">
        <v>15097226</v>
      </c>
      <c r="BV9" s="350">
        <v>18765665</v>
      </c>
      <c r="BW9" s="350">
        <v>16448467</v>
      </c>
      <c r="BX9" s="350">
        <v>17241002</v>
      </c>
      <c r="BY9" s="350">
        <v>13312670</v>
      </c>
      <c r="BZ9" s="348">
        <v>80865030</v>
      </c>
      <c r="CA9" s="347">
        <v>87372958</v>
      </c>
      <c r="CB9" s="351">
        <v>2549471</v>
      </c>
      <c r="CC9" s="350">
        <v>6210763</v>
      </c>
      <c r="CD9" s="348">
        <v>8760234</v>
      </c>
      <c r="CE9" s="349">
        <v>0</v>
      </c>
      <c r="CF9" s="350">
        <v>63323681</v>
      </c>
      <c r="CG9" s="350">
        <v>81165787</v>
      </c>
      <c r="CH9" s="354">
        <v>55687248</v>
      </c>
      <c r="CI9" s="350">
        <v>33858212</v>
      </c>
      <c r="CJ9" s="350">
        <v>17098054</v>
      </c>
      <c r="CK9" s="348">
        <v>251132982</v>
      </c>
      <c r="CL9" s="347">
        <v>259893216</v>
      </c>
      <c r="CM9" s="342">
        <v>0</v>
      </c>
      <c r="CN9" s="343">
        <v>0</v>
      </c>
      <c r="CO9" s="348">
        <v>0</v>
      </c>
      <c r="CP9" s="349">
        <v>0</v>
      </c>
      <c r="CQ9" s="350">
        <v>50494489</v>
      </c>
      <c r="CR9" s="350">
        <v>59314913</v>
      </c>
      <c r="CS9" s="350">
        <v>37903965</v>
      </c>
      <c r="CT9" s="350">
        <v>22807134</v>
      </c>
      <c r="CU9" s="350">
        <v>11193052</v>
      </c>
      <c r="CV9" s="355">
        <v>181713553</v>
      </c>
      <c r="CW9" s="347">
        <v>181713553</v>
      </c>
      <c r="CX9" s="351">
        <v>2549471</v>
      </c>
      <c r="CY9" s="350">
        <v>6210763</v>
      </c>
      <c r="CZ9" s="348">
        <v>8760234</v>
      </c>
      <c r="DA9" s="349">
        <v>0</v>
      </c>
      <c r="DB9" s="350">
        <v>12829192</v>
      </c>
      <c r="DC9" s="350">
        <v>21850874</v>
      </c>
      <c r="DD9" s="350">
        <v>17783283</v>
      </c>
      <c r="DE9" s="350">
        <v>11051078</v>
      </c>
      <c r="DF9" s="350">
        <v>5905002</v>
      </c>
      <c r="DG9" s="348">
        <v>69419429</v>
      </c>
      <c r="DH9" s="347">
        <v>78179663</v>
      </c>
      <c r="DI9" s="351">
        <v>91500</v>
      </c>
      <c r="DJ9" s="350">
        <v>579185</v>
      </c>
      <c r="DK9" s="353">
        <v>670685</v>
      </c>
      <c r="DL9" s="349">
        <v>0</v>
      </c>
      <c r="DM9" s="350">
        <v>7927776</v>
      </c>
      <c r="DN9" s="350">
        <v>15293982</v>
      </c>
      <c r="DO9" s="350">
        <v>22176748</v>
      </c>
      <c r="DP9" s="350">
        <v>16507801</v>
      </c>
      <c r="DQ9" s="350">
        <v>11440284</v>
      </c>
      <c r="DR9" s="356">
        <v>73346591</v>
      </c>
      <c r="DS9" s="347">
        <v>74017276</v>
      </c>
      <c r="DT9" s="351">
        <v>69889</v>
      </c>
      <c r="DU9" s="350">
        <v>508986</v>
      </c>
      <c r="DV9" s="348">
        <v>578875</v>
      </c>
      <c r="DW9" s="349">
        <v>0</v>
      </c>
      <c r="DX9" s="350">
        <v>6001254</v>
      </c>
      <c r="DY9" s="350">
        <v>12707384</v>
      </c>
      <c r="DZ9" s="350">
        <v>19261248</v>
      </c>
      <c r="EA9" s="350">
        <v>13521927</v>
      </c>
      <c r="EB9" s="350">
        <v>9703413</v>
      </c>
      <c r="EC9" s="348">
        <v>61195226</v>
      </c>
      <c r="ED9" s="347">
        <v>61774101</v>
      </c>
      <c r="EE9" s="351">
        <v>21611</v>
      </c>
      <c r="EF9" s="346">
        <v>70199</v>
      </c>
      <c r="EG9" s="348">
        <v>91810</v>
      </c>
      <c r="EH9" s="352">
        <v>0</v>
      </c>
      <c r="EI9" s="350">
        <v>1926522</v>
      </c>
      <c r="EJ9" s="350">
        <v>2586598</v>
      </c>
      <c r="EK9" s="350">
        <v>2915500</v>
      </c>
      <c r="EL9" s="350">
        <v>2985874</v>
      </c>
      <c r="EM9" s="354">
        <v>1736871</v>
      </c>
      <c r="EN9" s="346">
        <v>12151365</v>
      </c>
      <c r="EO9" s="347">
        <v>12243175</v>
      </c>
      <c r="EP9" s="351">
        <v>0</v>
      </c>
      <c r="EQ9" s="350">
        <v>0</v>
      </c>
      <c r="ER9" s="346">
        <v>0</v>
      </c>
      <c r="ES9" s="349">
        <v>0</v>
      </c>
      <c r="ET9" s="350">
        <v>0</v>
      </c>
      <c r="EU9" s="350">
        <v>0</v>
      </c>
      <c r="EV9" s="350">
        <v>0</v>
      </c>
      <c r="EW9" s="350">
        <v>0</v>
      </c>
      <c r="EX9" s="350">
        <v>0</v>
      </c>
      <c r="EY9" s="355">
        <v>0</v>
      </c>
      <c r="EZ9" s="347">
        <v>0</v>
      </c>
      <c r="FA9" s="351">
        <v>0</v>
      </c>
      <c r="FB9" s="350">
        <v>0</v>
      </c>
      <c r="FC9" s="346">
        <v>0</v>
      </c>
      <c r="FD9" s="468">
        <v>0</v>
      </c>
      <c r="FE9" s="350">
        <v>0</v>
      </c>
      <c r="FF9" s="350">
        <v>0</v>
      </c>
      <c r="FG9" s="350">
        <v>0</v>
      </c>
      <c r="FH9" s="350">
        <v>0</v>
      </c>
      <c r="FI9" s="350">
        <v>0</v>
      </c>
      <c r="FJ9" s="355">
        <v>0</v>
      </c>
      <c r="FK9" s="347">
        <v>0</v>
      </c>
      <c r="FL9" s="351">
        <v>4802749</v>
      </c>
      <c r="FM9" s="350">
        <v>8445253</v>
      </c>
      <c r="FN9" s="348">
        <v>13248002</v>
      </c>
      <c r="FO9" s="349">
        <v>0</v>
      </c>
      <c r="FP9" s="350">
        <v>12884944</v>
      </c>
      <c r="FQ9" s="350">
        <v>28942872</v>
      </c>
      <c r="FR9" s="350">
        <v>19959907</v>
      </c>
      <c r="FS9" s="350">
        <v>18182894</v>
      </c>
      <c r="FT9" s="350">
        <v>13017316</v>
      </c>
      <c r="FU9" s="348">
        <v>92987933</v>
      </c>
      <c r="FV9" s="347">
        <v>106235935</v>
      </c>
      <c r="FW9" s="351">
        <v>2327406</v>
      </c>
      <c r="FX9" s="350">
        <v>6151491</v>
      </c>
      <c r="FY9" s="346">
        <v>8478897</v>
      </c>
      <c r="FZ9" s="352">
        <v>0</v>
      </c>
      <c r="GA9" s="350">
        <v>9120931</v>
      </c>
      <c r="GB9" s="358">
        <v>25913857</v>
      </c>
      <c r="GC9" s="350">
        <v>17974065</v>
      </c>
      <c r="GD9" s="358">
        <v>16849850</v>
      </c>
      <c r="GE9" s="350">
        <v>12427873</v>
      </c>
      <c r="GF9" s="355">
        <v>82286576</v>
      </c>
      <c r="GG9" s="359">
        <v>90765473</v>
      </c>
      <c r="GH9" s="360">
        <v>260505</v>
      </c>
      <c r="GI9" s="350">
        <v>514397</v>
      </c>
      <c r="GJ9" s="358">
        <v>774902</v>
      </c>
      <c r="GK9" s="345">
        <v>0</v>
      </c>
      <c r="GL9" s="350">
        <v>815084</v>
      </c>
      <c r="GM9" s="346">
        <v>1060300</v>
      </c>
      <c r="GN9" s="350">
        <v>767254</v>
      </c>
      <c r="GO9" s="346">
        <v>746567</v>
      </c>
      <c r="GP9" s="350">
        <v>260744</v>
      </c>
      <c r="GQ9" s="356">
        <v>3649949</v>
      </c>
      <c r="GR9" s="347">
        <v>4424851</v>
      </c>
      <c r="GS9" s="346">
        <v>2214838</v>
      </c>
      <c r="GT9" s="350">
        <v>1779365</v>
      </c>
      <c r="GU9" s="348">
        <v>3994203</v>
      </c>
      <c r="GV9" s="346">
        <v>0</v>
      </c>
      <c r="GW9" s="350">
        <v>2948929</v>
      </c>
      <c r="GX9" s="346">
        <v>1968715</v>
      </c>
      <c r="GY9" s="350">
        <v>1218588</v>
      </c>
      <c r="GZ9" s="346">
        <v>586477</v>
      </c>
      <c r="HA9" s="350">
        <v>328699</v>
      </c>
      <c r="HB9" s="346">
        <v>7051408</v>
      </c>
      <c r="HC9" s="347">
        <v>11045611</v>
      </c>
      <c r="HD9" s="346">
        <v>11018707</v>
      </c>
      <c r="HE9" s="350">
        <v>12843453</v>
      </c>
      <c r="HF9" s="346">
        <v>23862160</v>
      </c>
      <c r="HG9" s="352">
        <v>0</v>
      </c>
      <c r="HH9" s="350">
        <v>88471328</v>
      </c>
      <c r="HI9" s="358">
        <v>107039248</v>
      </c>
      <c r="HJ9" s="350">
        <v>97180093</v>
      </c>
      <c r="HK9" s="358">
        <v>117253501</v>
      </c>
      <c r="HL9" s="350">
        <v>85031571</v>
      </c>
      <c r="HM9" s="355">
        <v>494975741</v>
      </c>
      <c r="HN9" s="346">
        <v>518837901</v>
      </c>
      <c r="HO9" s="445">
        <v>0</v>
      </c>
      <c r="HP9" s="446">
        <v>0</v>
      </c>
      <c r="HQ9" s="447">
        <v>0</v>
      </c>
      <c r="HR9" s="448">
        <v>0</v>
      </c>
      <c r="HS9" s="446">
        <v>0</v>
      </c>
      <c r="HT9" s="448">
        <v>0</v>
      </c>
      <c r="HU9" s="446">
        <v>0</v>
      </c>
      <c r="HV9" s="448">
        <v>0</v>
      </c>
      <c r="HW9" s="446">
        <v>0</v>
      </c>
      <c r="HX9" s="448">
        <v>0</v>
      </c>
      <c r="HY9" s="449">
        <v>0</v>
      </c>
      <c r="HZ9" s="361">
        <v>575235</v>
      </c>
      <c r="IA9" s="362">
        <v>1561074</v>
      </c>
      <c r="IB9" s="363">
        <v>2136309</v>
      </c>
      <c r="IC9" s="364">
        <v>0</v>
      </c>
      <c r="ID9" s="362">
        <v>52123372</v>
      </c>
      <c r="IE9" s="365">
        <v>69820875</v>
      </c>
      <c r="IF9" s="366">
        <v>79155995</v>
      </c>
      <c r="IG9" s="362">
        <v>57053541</v>
      </c>
      <c r="IH9" s="366">
        <v>43824971</v>
      </c>
      <c r="II9" s="367">
        <v>301978754</v>
      </c>
      <c r="IJ9" s="368">
        <v>304115063</v>
      </c>
      <c r="IK9" s="369">
        <v>0</v>
      </c>
      <c r="IL9" s="370">
        <v>0</v>
      </c>
      <c r="IM9" s="371">
        <v>0</v>
      </c>
      <c r="IN9" s="468">
        <v>0</v>
      </c>
      <c r="IO9" s="373">
        <v>1195567</v>
      </c>
      <c r="IP9" s="373">
        <v>3392043</v>
      </c>
      <c r="IQ9" s="373">
        <v>3781761</v>
      </c>
      <c r="IR9" s="373">
        <v>4235556</v>
      </c>
      <c r="IS9" s="373">
        <v>3489470</v>
      </c>
      <c r="IT9" s="374">
        <v>16094397</v>
      </c>
      <c r="IU9" s="375">
        <v>16094397</v>
      </c>
      <c r="IV9" s="376">
        <v>0</v>
      </c>
      <c r="IW9" s="373">
        <v>0</v>
      </c>
      <c r="IX9" s="377">
        <v>0</v>
      </c>
      <c r="IY9" s="468">
        <v>0</v>
      </c>
      <c r="IZ9" s="373">
        <v>209088</v>
      </c>
      <c r="JA9" s="373">
        <v>736495</v>
      </c>
      <c r="JB9" s="373">
        <v>835560</v>
      </c>
      <c r="JC9" s="373">
        <v>519882</v>
      </c>
      <c r="JD9" s="373">
        <v>1034294</v>
      </c>
      <c r="JE9" s="377">
        <v>3335319</v>
      </c>
      <c r="JF9" s="378">
        <v>3335319</v>
      </c>
      <c r="JG9" s="376">
        <v>0</v>
      </c>
      <c r="JH9" s="373">
        <v>0</v>
      </c>
      <c r="JI9" s="374">
        <v>0</v>
      </c>
      <c r="JJ9" s="379">
        <v>0</v>
      </c>
      <c r="JK9" s="373">
        <v>24248493</v>
      </c>
      <c r="JL9" s="373">
        <v>27004026</v>
      </c>
      <c r="JM9" s="373">
        <v>18797294</v>
      </c>
      <c r="JN9" s="373">
        <v>10406720</v>
      </c>
      <c r="JO9" s="373">
        <v>5740683</v>
      </c>
      <c r="JP9" s="377">
        <v>86197216</v>
      </c>
      <c r="JQ9" s="375">
        <v>86197216</v>
      </c>
      <c r="JR9" s="376">
        <v>39183</v>
      </c>
      <c r="JS9" s="373">
        <v>0</v>
      </c>
      <c r="JT9" s="374">
        <v>39183</v>
      </c>
      <c r="JU9" s="379">
        <v>0</v>
      </c>
      <c r="JV9" s="373">
        <v>3186180</v>
      </c>
      <c r="JW9" s="373">
        <v>4520706</v>
      </c>
      <c r="JX9" s="373">
        <v>6837971</v>
      </c>
      <c r="JY9" s="373">
        <v>2077420</v>
      </c>
      <c r="JZ9" s="373">
        <v>2267566</v>
      </c>
      <c r="KA9" s="377">
        <v>18889843</v>
      </c>
      <c r="KB9" s="375">
        <v>18929026</v>
      </c>
      <c r="KC9" s="380">
        <v>536052</v>
      </c>
      <c r="KD9" s="381">
        <v>1561074</v>
      </c>
      <c r="KE9" s="377">
        <v>2097126</v>
      </c>
      <c r="KF9" s="379">
        <v>0</v>
      </c>
      <c r="KG9" s="373">
        <v>7626527</v>
      </c>
      <c r="KH9" s="373">
        <v>8334851</v>
      </c>
      <c r="KI9" s="373">
        <v>13183186</v>
      </c>
      <c r="KJ9" s="373">
        <v>8243721</v>
      </c>
      <c r="KK9" s="373">
        <v>3853318</v>
      </c>
      <c r="KL9" s="377">
        <v>41241603</v>
      </c>
      <c r="KM9" s="382">
        <v>43338729</v>
      </c>
      <c r="KN9" s="369">
        <v>0</v>
      </c>
      <c r="KO9" s="370">
        <v>0</v>
      </c>
      <c r="KP9" s="371">
        <v>0</v>
      </c>
      <c r="KQ9" s="468">
        <v>0</v>
      </c>
      <c r="KR9" s="373">
        <v>14691962</v>
      </c>
      <c r="KS9" s="373">
        <v>21543859</v>
      </c>
      <c r="KT9" s="373">
        <v>28821612</v>
      </c>
      <c r="KU9" s="373">
        <v>21563794</v>
      </c>
      <c r="KV9" s="373">
        <v>16167624</v>
      </c>
      <c r="KW9" s="377">
        <v>102788851</v>
      </c>
      <c r="KX9" s="375">
        <v>102788851</v>
      </c>
      <c r="KY9" s="376">
        <v>0</v>
      </c>
      <c r="KZ9" s="373">
        <v>0</v>
      </c>
      <c r="LA9" s="377">
        <v>0</v>
      </c>
      <c r="LB9" s="468">
        <v>0</v>
      </c>
      <c r="LC9" s="373">
        <v>139192</v>
      </c>
      <c r="LD9" s="373">
        <v>477580</v>
      </c>
      <c r="LE9" s="373">
        <v>1044292</v>
      </c>
      <c r="LF9" s="373">
        <v>600169</v>
      </c>
      <c r="LG9" s="373">
        <v>833061</v>
      </c>
      <c r="LH9" s="377">
        <v>3094294</v>
      </c>
      <c r="LI9" s="378">
        <v>3094294</v>
      </c>
      <c r="LJ9" s="376">
        <v>0</v>
      </c>
      <c r="LK9" s="373">
        <v>0</v>
      </c>
      <c r="LL9" s="377">
        <v>0</v>
      </c>
      <c r="LM9" s="468">
        <v>0</v>
      </c>
      <c r="LN9" s="373">
        <v>0</v>
      </c>
      <c r="LO9" s="373">
        <v>620306</v>
      </c>
      <c r="LP9" s="373">
        <v>1807249</v>
      </c>
      <c r="LQ9" s="373">
        <v>4652536</v>
      </c>
      <c r="LR9" s="373">
        <v>1856976</v>
      </c>
      <c r="LS9" s="377">
        <v>8937067</v>
      </c>
      <c r="LT9" s="375">
        <v>8937067</v>
      </c>
      <c r="LU9" s="376">
        <v>0</v>
      </c>
      <c r="LV9" s="373">
        <v>0</v>
      </c>
      <c r="LW9" s="377">
        <v>0</v>
      </c>
      <c r="LX9" s="468">
        <v>0</v>
      </c>
      <c r="LY9" s="373">
        <v>826363</v>
      </c>
      <c r="LZ9" s="373">
        <v>3191009</v>
      </c>
      <c r="MA9" s="373">
        <v>4047070</v>
      </c>
      <c r="MB9" s="373">
        <v>4753743</v>
      </c>
      <c r="MC9" s="373">
        <v>8581979</v>
      </c>
      <c r="MD9" s="377">
        <v>21400164</v>
      </c>
      <c r="ME9" s="378">
        <v>21400164</v>
      </c>
      <c r="MF9" s="376">
        <v>0</v>
      </c>
      <c r="MG9" s="373">
        <v>0</v>
      </c>
      <c r="MH9" s="377">
        <v>0</v>
      </c>
      <c r="MI9" s="468">
        <v>0</v>
      </c>
      <c r="MJ9" s="373">
        <v>13640220</v>
      </c>
      <c r="MK9" s="373">
        <v>36306577</v>
      </c>
      <c r="ML9" s="373">
        <v>106429770</v>
      </c>
      <c r="MM9" s="373">
        <v>153295717</v>
      </c>
      <c r="MN9" s="373">
        <v>106093166</v>
      </c>
      <c r="MO9" s="377">
        <v>415765450</v>
      </c>
      <c r="MP9" s="382">
        <v>415765450</v>
      </c>
      <c r="MQ9" s="376">
        <v>0</v>
      </c>
      <c r="MR9" s="373">
        <v>0</v>
      </c>
      <c r="MS9" s="377">
        <v>0</v>
      </c>
      <c r="MT9" s="468">
        <v>0</v>
      </c>
      <c r="MU9" s="373">
        <v>2169494</v>
      </c>
      <c r="MV9" s="373">
        <v>7293771</v>
      </c>
      <c r="MW9" s="373">
        <v>61067810</v>
      </c>
      <c r="MX9" s="373">
        <v>85991868</v>
      </c>
      <c r="MY9" s="373">
        <v>65737860</v>
      </c>
      <c r="MZ9" s="377">
        <v>222260803</v>
      </c>
      <c r="NA9" s="382">
        <v>222260803</v>
      </c>
      <c r="NB9" s="376">
        <v>0</v>
      </c>
      <c r="NC9" s="373">
        <v>0</v>
      </c>
      <c r="ND9" s="377">
        <v>0</v>
      </c>
      <c r="NE9" s="468">
        <v>0</v>
      </c>
      <c r="NF9" s="373">
        <v>11470726</v>
      </c>
      <c r="NG9" s="373">
        <v>28778666</v>
      </c>
      <c r="NH9" s="373">
        <v>44836453</v>
      </c>
      <c r="NI9" s="373">
        <v>63823944</v>
      </c>
      <c r="NJ9" s="373">
        <v>32159882</v>
      </c>
      <c r="NK9" s="377">
        <v>181069671</v>
      </c>
      <c r="NL9" s="375">
        <v>181069671</v>
      </c>
      <c r="NM9" s="376">
        <v>0</v>
      </c>
      <c r="NN9" s="373">
        <v>0</v>
      </c>
      <c r="NO9" s="377">
        <v>0</v>
      </c>
      <c r="NP9" s="468">
        <v>0</v>
      </c>
      <c r="NQ9" s="373">
        <v>0</v>
      </c>
      <c r="NR9" s="373">
        <v>0</v>
      </c>
      <c r="NS9" s="373">
        <v>242289</v>
      </c>
      <c r="NT9" s="373">
        <v>804421</v>
      </c>
      <c r="NU9" s="373">
        <v>653453</v>
      </c>
      <c r="NV9" s="377">
        <v>1700163</v>
      </c>
      <c r="NW9" s="378">
        <v>1700163</v>
      </c>
      <c r="NX9" s="376">
        <v>0</v>
      </c>
      <c r="NY9" s="373">
        <v>0</v>
      </c>
      <c r="NZ9" s="377">
        <v>0</v>
      </c>
      <c r="OA9" s="468">
        <v>0</v>
      </c>
      <c r="OB9" s="373">
        <v>0</v>
      </c>
      <c r="OC9" s="373">
        <v>234140</v>
      </c>
      <c r="OD9" s="373">
        <v>283218</v>
      </c>
      <c r="OE9" s="373">
        <v>2675484</v>
      </c>
      <c r="OF9" s="373">
        <v>7541971</v>
      </c>
      <c r="OG9" s="377">
        <v>10734813</v>
      </c>
      <c r="OH9" s="378">
        <v>10734813</v>
      </c>
      <c r="OI9" s="376">
        <v>26411293</v>
      </c>
      <c r="OJ9" s="373">
        <v>45958674</v>
      </c>
      <c r="OK9" s="374">
        <v>72369967</v>
      </c>
      <c r="OL9" s="379">
        <v>0</v>
      </c>
      <c r="OM9" s="373">
        <v>320636076</v>
      </c>
      <c r="ON9" s="373">
        <v>461027874</v>
      </c>
      <c r="OO9" s="373">
        <v>477421315</v>
      </c>
      <c r="OP9" s="373">
        <v>503827969</v>
      </c>
      <c r="OQ9" s="373">
        <v>376294932</v>
      </c>
      <c r="OR9" s="377">
        <v>2139208166</v>
      </c>
      <c r="OS9" s="382">
        <v>2211578133</v>
      </c>
    </row>
    <row r="10" spans="2:409" s="417" customFormat="1" ht="21" customHeight="1" x14ac:dyDescent="0.2">
      <c r="B10" s="436" t="s">
        <v>5</v>
      </c>
      <c r="C10" s="384">
        <v>11531318</v>
      </c>
      <c r="D10" s="385">
        <v>22754121</v>
      </c>
      <c r="E10" s="386">
        <v>34285439</v>
      </c>
      <c r="F10" s="387">
        <v>0</v>
      </c>
      <c r="G10" s="385">
        <v>94894398</v>
      </c>
      <c r="H10" s="385">
        <v>172377106</v>
      </c>
      <c r="I10" s="385">
        <v>128527823</v>
      </c>
      <c r="J10" s="385">
        <v>133239781</v>
      </c>
      <c r="K10" s="385">
        <v>98930519</v>
      </c>
      <c r="L10" s="387">
        <v>627969627</v>
      </c>
      <c r="M10" s="388">
        <v>662255066</v>
      </c>
      <c r="N10" s="384">
        <v>3411247</v>
      </c>
      <c r="O10" s="385">
        <v>8990010</v>
      </c>
      <c r="P10" s="386">
        <v>12401257</v>
      </c>
      <c r="Q10" s="384">
        <v>0</v>
      </c>
      <c r="R10" s="385">
        <v>30085394</v>
      </c>
      <c r="S10" s="385">
        <v>61634835</v>
      </c>
      <c r="T10" s="385">
        <v>43709593</v>
      </c>
      <c r="U10" s="385">
        <v>48720343</v>
      </c>
      <c r="V10" s="385">
        <v>45243278</v>
      </c>
      <c r="W10" s="386">
        <v>229393443</v>
      </c>
      <c r="X10" s="388">
        <v>241794700</v>
      </c>
      <c r="Y10" s="384">
        <v>0</v>
      </c>
      <c r="Z10" s="385">
        <v>0</v>
      </c>
      <c r="AA10" s="386">
        <v>0</v>
      </c>
      <c r="AB10" s="384">
        <v>0</v>
      </c>
      <c r="AC10" s="385">
        <v>11947523</v>
      </c>
      <c r="AD10" s="385">
        <v>23157885</v>
      </c>
      <c r="AE10" s="385">
        <v>19039067</v>
      </c>
      <c r="AF10" s="385">
        <v>24451961</v>
      </c>
      <c r="AG10" s="385">
        <v>22966802</v>
      </c>
      <c r="AH10" s="386">
        <v>101563238</v>
      </c>
      <c r="AI10" s="388">
        <v>101563238</v>
      </c>
      <c r="AJ10" s="384">
        <v>0</v>
      </c>
      <c r="AK10" s="385">
        <v>64699</v>
      </c>
      <c r="AL10" s="386">
        <v>64699</v>
      </c>
      <c r="AM10" s="384">
        <v>0</v>
      </c>
      <c r="AN10" s="385">
        <v>136027</v>
      </c>
      <c r="AO10" s="385">
        <v>370582</v>
      </c>
      <c r="AP10" s="385">
        <v>1294857</v>
      </c>
      <c r="AQ10" s="385">
        <v>2703194</v>
      </c>
      <c r="AR10" s="385">
        <v>6194251</v>
      </c>
      <c r="AS10" s="386">
        <v>10698911</v>
      </c>
      <c r="AT10" s="388">
        <v>10763610</v>
      </c>
      <c r="AU10" s="384">
        <v>1875753</v>
      </c>
      <c r="AV10" s="385">
        <v>6254042</v>
      </c>
      <c r="AW10" s="386">
        <v>8129795</v>
      </c>
      <c r="AX10" s="384">
        <v>0</v>
      </c>
      <c r="AY10" s="385">
        <v>11256485</v>
      </c>
      <c r="AZ10" s="385">
        <v>26672717</v>
      </c>
      <c r="BA10" s="385">
        <v>15097787</v>
      </c>
      <c r="BB10" s="385">
        <v>12389672</v>
      </c>
      <c r="BC10" s="385">
        <v>9971095</v>
      </c>
      <c r="BD10" s="386">
        <v>75387756</v>
      </c>
      <c r="BE10" s="388">
        <v>83517551</v>
      </c>
      <c r="BF10" s="384">
        <v>203282</v>
      </c>
      <c r="BG10" s="385">
        <v>803697</v>
      </c>
      <c r="BH10" s="389">
        <v>1006979</v>
      </c>
      <c r="BI10" s="390">
        <v>0</v>
      </c>
      <c r="BJ10" s="385">
        <v>709733</v>
      </c>
      <c r="BK10" s="385">
        <v>2341659</v>
      </c>
      <c r="BL10" s="385">
        <v>988159</v>
      </c>
      <c r="BM10" s="385">
        <v>1134075</v>
      </c>
      <c r="BN10" s="385">
        <v>581011</v>
      </c>
      <c r="BO10" s="386">
        <v>5754637</v>
      </c>
      <c r="BP10" s="388">
        <v>6761616</v>
      </c>
      <c r="BQ10" s="384">
        <v>1332212</v>
      </c>
      <c r="BR10" s="385">
        <v>1867572</v>
      </c>
      <c r="BS10" s="386">
        <v>3199784</v>
      </c>
      <c r="BT10" s="384">
        <v>0</v>
      </c>
      <c r="BU10" s="385">
        <v>6035626</v>
      </c>
      <c r="BV10" s="385">
        <v>9091992</v>
      </c>
      <c r="BW10" s="385">
        <v>7289723</v>
      </c>
      <c r="BX10" s="385">
        <v>8041441</v>
      </c>
      <c r="BY10" s="385">
        <v>5530119</v>
      </c>
      <c r="BZ10" s="386">
        <v>35988901</v>
      </c>
      <c r="CA10" s="388">
        <v>39188685</v>
      </c>
      <c r="CB10" s="384">
        <v>1272165</v>
      </c>
      <c r="CC10" s="385">
        <v>3309292</v>
      </c>
      <c r="CD10" s="386">
        <v>4581457</v>
      </c>
      <c r="CE10" s="384">
        <v>0</v>
      </c>
      <c r="CF10" s="385">
        <v>21251626</v>
      </c>
      <c r="CG10" s="385">
        <v>35887852</v>
      </c>
      <c r="CH10" s="385">
        <v>21887739</v>
      </c>
      <c r="CI10" s="385">
        <v>13906869</v>
      </c>
      <c r="CJ10" s="385">
        <v>7376266</v>
      </c>
      <c r="CK10" s="386">
        <v>100310352</v>
      </c>
      <c r="CL10" s="388">
        <v>104891809</v>
      </c>
      <c r="CM10" s="384">
        <v>0</v>
      </c>
      <c r="CN10" s="385">
        <v>0</v>
      </c>
      <c r="CO10" s="386">
        <v>0</v>
      </c>
      <c r="CP10" s="390">
        <v>0</v>
      </c>
      <c r="CQ10" s="385">
        <v>17146284</v>
      </c>
      <c r="CR10" s="385">
        <v>25593395</v>
      </c>
      <c r="CS10" s="385">
        <v>14425809</v>
      </c>
      <c r="CT10" s="385">
        <v>8911724</v>
      </c>
      <c r="CU10" s="385">
        <v>4247763</v>
      </c>
      <c r="CV10" s="386">
        <v>70324975</v>
      </c>
      <c r="CW10" s="388">
        <v>70324975</v>
      </c>
      <c r="CX10" s="384">
        <v>1272165</v>
      </c>
      <c r="CY10" s="385">
        <v>3309292</v>
      </c>
      <c r="CZ10" s="386">
        <v>4581457</v>
      </c>
      <c r="DA10" s="384">
        <v>0</v>
      </c>
      <c r="DB10" s="385">
        <v>4105342</v>
      </c>
      <c r="DC10" s="385">
        <v>10294457</v>
      </c>
      <c r="DD10" s="385">
        <v>7461930</v>
      </c>
      <c r="DE10" s="385">
        <v>4995145</v>
      </c>
      <c r="DF10" s="385">
        <v>3128503</v>
      </c>
      <c r="DG10" s="386">
        <v>29985377</v>
      </c>
      <c r="DH10" s="388">
        <v>34566834</v>
      </c>
      <c r="DI10" s="384">
        <v>21611</v>
      </c>
      <c r="DJ10" s="385">
        <v>243903</v>
      </c>
      <c r="DK10" s="389">
        <v>265514</v>
      </c>
      <c r="DL10" s="390">
        <v>0</v>
      </c>
      <c r="DM10" s="385">
        <v>2949463</v>
      </c>
      <c r="DN10" s="385">
        <v>7019605</v>
      </c>
      <c r="DO10" s="385">
        <v>9430314</v>
      </c>
      <c r="DP10" s="385">
        <v>8960989</v>
      </c>
      <c r="DQ10" s="385">
        <v>5666940</v>
      </c>
      <c r="DR10" s="386">
        <v>34027311</v>
      </c>
      <c r="DS10" s="388">
        <v>34292825</v>
      </c>
      <c r="DT10" s="384">
        <v>0</v>
      </c>
      <c r="DU10" s="385">
        <v>213152</v>
      </c>
      <c r="DV10" s="386">
        <v>213152</v>
      </c>
      <c r="DW10" s="384">
        <v>0</v>
      </c>
      <c r="DX10" s="385">
        <v>2136743</v>
      </c>
      <c r="DY10" s="385">
        <v>5155676</v>
      </c>
      <c r="DZ10" s="385">
        <v>8221996</v>
      </c>
      <c r="EA10" s="385">
        <v>6973776</v>
      </c>
      <c r="EB10" s="385">
        <v>4754981</v>
      </c>
      <c r="EC10" s="386">
        <v>27243172</v>
      </c>
      <c r="ED10" s="388">
        <v>27456324</v>
      </c>
      <c r="EE10" s="384">
        <v>21611</v>
      </c>
      <c r="EF10" s="389">
        <v>30751</v>
      </c>
      <c r="EG10" s="386">
        <v>52362</v>
      </c>
      <c r="EH10" s="384">
        <v>0</v>
      </c>
      <c r="EI10" s="385">
        <v>812720</v>
      </c>
      <c r="EJ10" s="385">
        <v>1863929</v>
      </c>
      <c r="EK10" s="385">
        <v>1208318</v>
      </c>
      <c r="EL10" s="385">
        <v>1987213</v>
      </c>
      <c r="EM10" s="385">
        <v>911959</v>
      </c>
      <c r="EN10" s="389">
        <v>6784139</v>
      </c>
      <c r="EO10" s="388">
        <v>6836501</v>
      </c>
      <c r="EP10" s="384">
        <v>0</v>
      </c>
      <c r="EQ10" s="385">
        <v>0</v>
      </c>
      <c r="ER10" s="389">
        <v>0</v>
      </c>
      <c r="ES10" s="390">
        <v>0</v>
      </c>
      <c r="ET10" s="385">
        <v>0</v>
      </c>
      <c r="EU10" s="385">
        <v>0</v>
      </c>
      <c r="EV10" s="385">
        <v>0</v>
      </c>
      <c r="EW10" s="385">
        <v>0</v>
      </c>
      <c r="EX10" s="385">
        <v>0</v>
      </c>
      <c r="EY10" s="386">
        <v>0</v>
      </c>
      <c r="EZ10" s="388">
        <v>0</v>
      </c>
      <c r="FA10" s="384">
        <v>0</v>
      </c>
      <c r="FB10" s="385">
        <v>0</v>
      </c>
      <c r="FC10" s="389">
        <v>0</v>
      </c>
      <c r="FD10" s="469">
        <v>0</v>
      </c>
      <c r="FE10" s="385">
        <v>0</v>
      </c>
      <c r="FF10" s="385">
        <v>0</v>
      </c>
      <c r="FG10" s="385">
        <v>0</v>
      </c>
      <c r="FH10" s="385">
        <v>0</v>
      </c>
      <c r="FI10" s="385">
        <v>0</v>
      </c>
      <c r="FJ10" s="386">
        <v>0</v>
      </c>
      <c r="FK10" s="388">
        <v>0</v>
      </c>
      <c r="FL10" s="384">
        <v>2079555</v>
      </c>
      <c r="FM10" s="385">
        <v>3440184</v>
      </c>
      <c r="FN10" s="386">
        <v>5519739</v>
      </c>
      <c r="FO10" s="384">
        <v>0</v>
      </c>
      <c r="FP10" s="385">
        <v>4262226</v>
      </c>
      <c r="FQ10" s="385">
        <v>13024003</v>
      </c>
      <c r="FR10" s="385">
        <v>8238199</v>
      </c>
      <c r="FS10" s="385">
        <v>7490273</v>
      </c>
      <c r="FT10" s="385">
        <v>5439360</v>
      </c>
      <c r="FU10" s="386">
        <v>38454061</v>
      </c>
      <c r="FV10" s="388">
        <v>43973800</v>
      </c>
      <c r="FW10" s="392">
        <v>782691</v>
      </c>
      <c r="FX10" s="385">
        <v>2545046</v>
      </c>
      <c r="FY10" s="389">
        <v>3327737</v>
      </c>
      <c r="FZ10" s="390">
        <v>0</v>
      </c>
      <c r="GA10" s="385">
        <v>2519489</v>
      </c>
      <c r="GB10" s="385">
        <v>11376364</v>
      </c>
      <c r="GC10" s="385">
        <v>7377733</v>
      </c>
      <c r="GD10" s="385">
        <v>6764982</v>
      </c>
      <c r="GE10" s="385">
        <v>5130737</v>
      </c>
      <c r="GF10" s="386">
        <v>33169305</v>
      </c>
      <c r="GG10" s="393">
        <v>36497042</v>
      </c>
      <c r="GH10" s="392">
        <v>12705</v>
      </c>
      <c r="GI10" s="385">
        <v>302721</v>
      </c>
      <c r="GJ10" s="389">
        <v>315426</v>
      </c>
      <c r="GK10" s="390">
        <v>0</v>
      </c>
      <c r="GL10" s="385">
        <v>288294</v>
      </c>
      <c r="GM10" s="385">
        <v>504987</v>
      </c>
      <c r="GN10" s="385">
        <v>267426</v>
      </c>
      <c r="GO10" s="385">
        <v>323981</v>
      </c>
      <c r="GP10" s="385">
        <v>108913</v>
      </c>
      <c r="GQ10" s="386">
        <v>1493601</v>
      </c>
      <c r="GR10" s="388">
        <v>1809027</v>
      </c>
      <c r="GS10" s="384">
        <v>1284159</v>
      </c>
      <c r="GT10" s="385">
        <v>592417</v>
      </c>
      <c r="GU10" s="386">
        <v>1876576</v>
      </c>
      <c r="GV10" s="384">
        <v>0</v>
      </c>
      <c r="GW10" s="385">
        <v>1454443</v>
      </c>
      <c r="GX10" s="385">
        <v>1142652</v>
      </c>
      <c r="GY10" s="385">
        <v>593040</v>
      </c>
      <c r="GZ10" s="385">
        <v>401310</v>
      </c>
      <c r="HA10" s="385">
        <v>199710</v>
      </c>
      <c r="HB10" s="389">
        <v>3791155</v>
      </c>
      <c r="HC10" s="388">
        <v>5667731</v>
      </c>
      <c r="HD10" s="384">
        <v>4746740</v>
      </c>
      <c r="HE10" s="385">
        <v>6770732</v>
      </c>
      <c r="HF10" s="389">
        <v>11517472</v>
      </c>
      <c r="HG10" s="390">
        <v>0</v>
      </c>
      <c r="HH10" s="385">
        <v>36345689</v>
      </c>
      <c r="HI10" s="385">
        <v>54810811</v>
      </c>
      <c r="HJ10" s="385">
        <v>45261978</v>
      </c>
      <c r="HK10" s="385">
        <v>54161307</v>
      </c>
      <c r="HL10" s="385">
        <v>35204675</v>
      </c>
      <c r="HM10" s="386">
        <v>225784460</v>
      </c>
      <c r="HN10" s="387">
        <v>237301932</v>
      </c>
      <c r="HO10" s="450">
        <v>0</v>
      </c>
      <c r="HP10" s="451">
        <v>0</v>
      </c>
      <c r="HQ10" s="452">
        <v>0</v>
      </c>
      <c r="HR10" s="453">
        <v>0</v>
      </c>
      <c r="HS10" s="451">
        <v>0</v>
      </c>
      <c r="HT10" s="451">
        <v>0</v>
      </c>
      <c r="HU10" s="451">
        <v>0</v>
      </c>
      <c r="HV10" s="451">
        <v>0</v>
      </c>
      <c r="HW10" s="451">
        <v>0</v>
      </c>
      <c r="HX10" s="454">
        <v>0</v>
      </c>
      <c r="HY10" s="455">
        <v>0</v>
      </c>
      <c r="HZ10" s="394">
        <v>348492</v>
      </c>
      <c r="IA10" s="395">
        <v>752551</v>
      </c>
      <c r="IB10" s="396">
        <v>1101043</v>
      </c>
      <c r="IC10" s="397">
        <v>0</v>
      </c>
      <c r="ID10" s="398">
        <v>21538552</v>
      </c>
      <c r="IE10" s="399">
        <v>31028589</v>
      </c>
      <c r="IF10" s="400">
        <v>32695956</v>
      </c>
      <c r="IG10" s="398">
        <v>26582878</v>
      </c>
      <c r="IH10" s="400">
        <v>18461642</v>
      </c>
      <c r="II10" s="401">
        <v>130307617</v>
      </c>
      <c r="IJ10" s="402">
        <v>131408660</v>
      </c>
      <c r="IK10" s="403">
        <v>0</v>
      </c>
      <c r="IL10" s="404">
        <v>0</v>
      </c>
      <c r="IM10" s="405">
        <v>0</v>
      </c>
      <c r="IN10" s="469">
        <v>0</v>
      </c>
      <c r="IO10" s="407">
        <v>473129</v>
      </c>
      <c r="IP10" s="407">
        <v>1400619</v>
      </c>
      <c r="IQ10" s="407">
        <v>2502667</v>
      </c>
      <c r="IR10" s="407">
        <v>1453463</v>
      </c>
      <c r="IS10" s="407">
        <v>1591933</v>
      </c>
      <c r="IT10" s="408">
        <v>7421811</v>
      </c>
      <c r="IU10" s="409">
        <v>7421811</v>
      </c>
      <c r="IV10" s="410">
        <v>0</v>
      </c>
      <c r="IW10" s="407">
        <v>0</v>
      </c>
      <c r="IX10" s="411">
        <v>0</v>
      </c>
      <c r="IY10" s="469">
        <v>0</v>
      </c>
      <c r="IZ10" s="407">
        <v>120474</v>
      </c>
      <c r="JA10" s="407">
        <v>501876</v>
      </c>
      <c r="JB10" s="407">
        <v>729094</v>
      </c>
      <c r="JC10" s="407">
        <v>419327</v>
      </c>
      <c r="JD10" s="407">
        <v>873292</v>
      </c>
      <c r="JE10" s="411">
        <v>2644063</v>
      </c>
      <c r="JF10" s="412">
        <v>2644063</v>
      </c>
      <c r="JG10" s="410">
        <v>0</v>
      </c>
      <c r="JH10" s="407">
        <v>0</v>
      </c>
      <c r="JI10" s="408">
        <v>0</v>
      </c>
      <c r="JJ10" s="413">
        <v>0</v>
      </c>
      <c r="JK10" s="407">
        <v>9004755</v>
      </c>
      <c r="JL10" s="407">
        <v>14177245</v>
      </c>
      <c r="JM10" s="407">
        <v>9327564</v>
      </c>
      <c r="JN10" s="407">
        <v>5235626</v>
      </c>
      <c r="JO10" s="407">
        <v>2822351</v>
      </c>
      <c r="JP10" s="411">
        <v>40567541</v>
      </c>
      <c r="JQ10" s="409">
        <v>40567541</v>
      </c>
      <c r="JR10" s="410">
        <v>39183</v>
      </c>
      <c r="JS10" s="407">
        <v>0</v>
      </c>
      <c r="JT10" s="408">
        <v>39183</v>
      </c>
      <c r="JU10" s="413">
        <v>0</v>
      </c>
      <c r="JV10" s="407">
        <v>1513120</v>
      </c>
      <c r="JW10" s="407">
        <v>2250338</v>
      </c>
      <c r="JX10" s="407">
        <v>3646942</v>
      </c>
      <c r="JY10" s="407">
        <v>1240974</v>
      </c>
      <c r="JZ10" s="407">
        <v>1909046</v>
      </c>
      <c r="KA10" s="411">
        <v>10560420</v>
      </c>
      <c r="KB10" s="409">
        <v>10599603</v>
      </c>
      <c r="KC10" s="414">
        <v>309309</v>
      </c>
      <c r="KD10" s="415">
        <v>752551</v>
      </c>
      <c r="KE10" s="411">
        <v>1061860</v>
      </c>
      <c r="KF10" s="413">
        <v>0</v>
      </c>
      <c r="KG10" s="407">
        <v>3502562</v>
      </c>
      <c r="KH10" s="407">
        <v>3474179</v>
      </c>
      <c r="KI10" s="407">
        <v>5722863</v>
      </c>
      <c r="KJ10" s="407">
        <v>5659791</v>
      </c>
      <c r="KK10" s="407">
        <v>1798231</v>
      </c>
      <c r="KL10" s="411">
        <v>20157626</v>
      </c>
      <c r="KM10" s="416">
        <v>21219486</v>
      </c>
      <c r="KN10" s="403">
        <v>0</v>
      </c>
      <c r="KO10" s="404">
        <v>0</v>
      </c>
      <c r="KP10" s="405">
        <v>0</v>
      </c>
      <c r="KQ10" s="469">
        <v>0</v>
      </c>
      <c r="KR10" s="407">
        <v>6924512</v>
      </c>
      <c r="KS10" s="407">
        <v>7858212</v>
      </c>
      <c r="KT10" s="407">
        <v>10237844</v>
      </c>
      <c r="KU10" s="407">
        <v>10582683</v>
      </c>
      <c r="KV10" s="407">
        <v>6439855</v>
      </c>
      <c r="KW10" s="411">
        <v>42043106</v>
      </c>
      <c r="KX10" s="409">
        <v>42043106</v>
      </c>
      <c r="KY10" s="410">
        <v>0</v>
      </c>
      <c r="KZ10" s="407">
        <v>0</v>
      </c>
      <c r="LA10" s="411">
        <v>0</v>
      </c>
      <c r="LB10" s="469">
        <v>0</v>
      </c>
      <c r="LC10" s="407">
        <v>0</v>
      </c>
      <c r="LD10" s="407">
        <v>0</v>
      </c>
      <c r="LE10" s="407">
        <v>0</v>
      </c>
      <c r="LF10" s="407">
        <v>0</v>
      </c>
      <c r="LG10" s="407">
        <v>0</v>
      </c>
      <c r="LH10" s="411">
        <v>0</v>
      </c>
      <c r="LI10" s="412">
        <v>0</v>
      </c>
      <c r="LJ10" s="410">
        <v>0</v>
      </c>
      <c r="LK10" s="407">
        <v>0</v>
      </c>
      <c r="LL10" s="411">
        <v>0</v>
      </c>
      <c r="LM10" s="469">
        <v>0</v>
      </c>
      <c r="LN10" s="407">
        <v>0</v>
      </c>
      <c r="LO10" s="407">
        <v>230770</v>
      </c>
      <c r="LP10" s="407">
        <v>0</v>
      </c>
      <c r="LQ10" s="407">
        <v>268349</v>
      </c>
      <c r="LR10" s="407">
        <v>286104</v>
      </c>
      <c r="LS10" s="411">
        <v>785223</v>
      </c>
      <c r="LT10" s="409">
        <v>785223</v>
      </c>
      <c r="LU10" s="410">
        <v>0</v>
      </c>
      <c r="LV10" s="407">
        <v>0</v>
      </c>
      <c r="LW10" s="411">
        <v>0</v>
      </c>
      <c r="LX10" s="469">
        <v>0</v>
      </c>
      <c r="LY10" s="407">
        <v>0</v>
      </c>
      <c r="LZ10" s="407">
        <v>1135350</v>
      </c>
      <c r="MA10" s="407">
        <v>528982</v>
      </c>
      <c r="MB10" s="407">
        <v>1722665</v>
      </c>
      <c r="MC10" s="407">
        <v>2740830</v>
      </c>
      <c r="MD10" s="411">
        <v>6127827</v>
      </c>
      <c r="ME10" s="412">
        <v>6127827</v>
      </c>
      <c r="MF10" s="410">
        <v>0</v>
      </c>
      <c r="MG10" s="407">
        <v>0</v>
      </c>
      <c r="MH10" s="411">
        <v>0</v>
      </c>
      <c r="MI10" s="469">
        <v>0</v>
      </c>
      <c r="MJ10" s="407">
        <v>6380498</v>
      </c>
      <c r="MK10" s="407">
        <v>20792520</v>
      </c>
      <c r="ML10" s="407">
        <v>54903602</v>
      </c>
      <c r="MM10" s="407">
        <v>73951928</v>
      </c>
      <c r="MN10" s="407">
        <v>46204997</v>
      </c>
      <c r="MO10" s="411">
        <v>202233545</v>
      </c>
      <c r="MP10" s="416">
        <v>202233545</v>
      </c>
      <c r="MQ10" s="410">
        <v>0</v>
      </c>
      <c r="MR10" s="407">
        <v>0</v>
      </c>
      <c r="MS10" s="411">
        <v>0</v>
      </c>
      <c r="MT10" s="469">
        <v>0</v>
      </c>
      <c r="MU10" s="407">
        <v>1633399</v>
      </c>
      <c r="MV10" s="407">
        <v>5090158</v>
      </c>
      <c r="MW10" s="407">
        <v>33266517</v>
      </c>
      <c r="MX10" s="407">
        <v>42389813</v>
      </c>
      <c r="MY10" s="407">
        <v>26027879</v>
      </c>
      <c r="MZ10" s="411">
        <v>108407766</v>
      </c>
      <c r="NA10" s="416">
        <v>108407766</v>
      </c>
      <c r="NB10" s="410">
        <v>0</v>
      </c>
      <c r="NC10" s="407">
        <v>0</v>
      </c>
      <c r="ND10" s="411">
        <v>0</v>
      </c>
      <c r="NE10" s="469">
        <v>0</v>
      </c>
      <c r="NF10" s="407">
        <v>4747099</v>
      </c>
      <c r="NG10" s="407">
        <v>15702362</v>
      </c>
      <c r="NH10" s="407">
        <v>21637085</v>
      </c>
      <c r="NI10" s="407">
        <v>29542456</v>
      </c>
      <c r="NJ10" s="407">
        <v>16801621</v>
      </c>
      <c r="NK10" s="411">
        <v>88430623</v>
      </c>
      <c r="NL10" s="409">
        <v>88430623</v>
      </c>
      <c r="NM10" s="410">
        <v>0</v>
      </c>
      <c r="NN10" s="407">
        <v>0</v>
      </c>
      <c r="NO10" s="411">
        <v>0</v>
      </c>
      <c r="NP10" s="469">
        <v>0</v>
      </c>
      <c r="NQ10" s="407">
        <v>0</v>
      </c>
      <c r="NR10" s="407">
        <v>0</v>
      </c>
      <c r="NS10" s="407">
        <v>0</v>
      </c>
      <c r="NT10" s="407">
        <v>281572</v>
      </c>
      <c r="NU10" s="407">
        <v>87472</v>
      </c>
      <c r="NV10" s="411">
        <v>369044</v>
      </c>
      <c r="NW10" s="412">
        <v>369044</v>
      </c>
      <c r="NX10" s="410">
        <v>0</v>
      </c>
      <c r="NY10" s="407">
        <v>0</v>
      </c>
      <c r="NZ10" s="411">
        <v>0</v>
      </c>
      <c r="OA10" s="469">
        <v>0</v>
      </c>
      <c r="OB10" s="407">
        <v>0</v>
      </c>
      <c r="OC10" s="407">
        <v>0</v>
      </c>
      <c r="OD10" s="407">
        <v>0</v>
      </c>
      <c r="OE10" s="407">
        <v>1738087</v>
      </c>
      <c r="OF10" s="407">
        <v>3288025</v>
      </c>
      <c r="OG10" s="411">
        <v>5026112</v>
      </c>
      <c r="OH10" s="412">
        <v>5026112</v>
      </c>
      <c r="OI10" s="410">
        <v>11879810</v>
      </c>
      <c r="OJ10" s="407">
        <v>23506672</v>
      </c>
      <c r="OK10" s="408">
        <v>35386482</v>
      </c>
      <c r="OL10" s="413">
        <v>0</v>
      </c>
      <c r="OM10" s="407">
        <v>122813448</v>
      </c>
      <c r="ON10" s="407">
        <v>224198215</v>
      </c>
      <c r="OO10" s="407">
        <v>216127381</v>
      </c>
      <c r="OP10" s="407">
        <v>233774587</v>
      </c>
      <c r="OQ10" s="407">
        <v>163597158</v>
      </c>
      <c r="OR10" s="411">
        <v>960510789</v>
      </c>
      <c r="OS10" s="416">
        <v>995897271</v>
      </c>
    </row>
    <row r="11" spans="2:409" ht="21" customHeight="1" x14ac:dyDescent="0.2">
      <c r="B11" s="437" t="s">
        <v>6</v>
      </c>
      <c r="C11" s="100">
        <v>3801082</v>
      </c>
      <c r="D11" s="104">
        <v>6176683</v>
      </c>
      <c r="E11" s="103">
        <v>9977765</v>
      </c>
      <c r="F11" s="99">
        <v>0</v>
      </c>
      <c r="G11" s="104">
        <v>52486077</v>
      </c>
      <c r="H11" s="104">
        <v>54681817</v>
      </c>
      <c r="I11" s="104">
        <v>45089070</v>
      </c>
      <c r="J11" s="104">
        <v>50114166</v>
      </c>
      <c r="K11" s="104">
        <v>38159319</v>
      </c>
      <c r="L11" s="99">
        <v>240530449</v>
      </c>
      <c r="M11" s="106">
        <v>250508214</v>
      </c>
      <c r="N11" s="100">
        <v>1156725</v>
      </c>
      <c r="O11" s="104">
        <v>2516343</v>
      </c>
      <c r="P11" s="103">
        <v>3673068</v>
      </c>
      <c r="Q11" s="100">
        <v>0</v>
      </c>
      <c r="R11" s="104">
        <v>18628722</v>
      </c>
      <c r="S11" s="104">
        <v>18988093</v>
      </c>
      <c r="T11" s="104">
        <v>15181279</v>
      </c>
      <c r="U11" s="104">
        <v>19433078</v>
      </c>
      <c r="V11" s="104">
        <v>16068228</v>
      </c>
      <c r="W11" s="103">
        <v>88299400</v>
      </c>
      <c r="X11" s="106">
        <v>91972468</v>
      </c>
      <c r="Y11" s="100">
        <v>0</v>
      </c>
      <c r="Z11" s="104">
        <v>0</v>
      </c>
      <c r="AA11" s="103">
        <v>0</v>
      </c>
      <c r="AB11" s="100">
        <v>0</v>
      </c>
      <c r="AC11" s="104">
        <v>6563624</v>
      </c>
      <c r="AD11" s="104">
        <v>7654462</v>
      </c>
      <c r="AE11" s="104">
        <v>6668723</v>
      </c>
      <c r="AF11" s="104">
        <v>10630813</v>
      </c>
      <c r="AG11" s="104">
        <v>9742430</v>
      </c>
      <c r="AH11" s="103">
        <v>41260052</v>
      </c>
      <c r="AI11" s="106">
        <v>41260052</v>
      </c>
      <c r="AJ11" s="100">
        <v>0</v>
      </c>
      <c r="AK11" s="104">
        <v>8880</v>
      </c>
      <c r="AL11" s="103">
        <v>8880</v>
      </c>
      <c r="AM11" s="100">
        <v>0</v>
      </c>
      <c r="AN11" s="104">
        <v>129275</v>
      </c>
      <c r="AO11" s="104">
        <v>308234</v>
      </c>
      <c r="AP11" s="104">
        <v>395903</v>
      </c>
      <c r="AQ11" s="104">
        <v>1229738</v>
      </c>
      <c r="AR11" s="104">
        <v>1171817</v>
      </c>
      <c r="AS11" s="103">
        <v>3234967</v>
      </c>
      <c r="AT11" s="106">
        <v>3243847</v>
      </c>
      <c r="AU11" s="100">
        <v>571941</v>
      </c>
      <c r="AV11" s="104">
        <v>1904257</v>
      </c>
      <c r="AW11" s="103">
        <v>2476198</v>
      </c>
      <c r="AX11" s="100">
        <v>0</v>
      </c>
      <c r="AY11" s="104">
        <v>8201884</v>
      </c>
      <c r="AZ11" s="104">
        <v>7211800</v>
      </c>
      <c r="BA11" s="104">
        <v>5005167</v>
      </c>
      <c r="BB11" s="104">
        <v>3986805</v>
      </c>
      <c r="BC11" s="104">
        <v>2484912</v>
      </c>
      <c r="BD11" s="103">
        <v>26890568</v>
      </c>
      <c r="BE11" s="106">
        <v>29366766</v>
      </c>
      <c r="BF11" s="100">
        <v>67659</v>
      </c>
      <c r="BG11" s="104">
        <v>102447</v>
      </c>
      <c r="BH11" s="102">
        <v>170106</v>
      </c>
      <c r="BI11" s="101">
        <v>0</v>
      </c>
      <c r="BJ11" s="104">
        <v>624838</v>
      </c>
      <c r="BK11" s="104">
        <v>554166</v>
      </c>
      <c r="BL11" s="104">
        <v>349755</v>
      </c>
      <c r="BM11" s="104">
        <v>563073</v>
      </c>
      <c r="BN11" s="104">
        <v>91130</v>
      </c>
      <c r="BO11" s="103">
        <v>2182962</v>
      </c>
      <c r="BP11" s="106">
        <v>2353068</v>
      </c>
      <c r="BQ11" s="100">
        <v>517125</v>
      </c>
      <c r="BR11" s="104">
        <v>500759</v>
      </c>
      <c r="BS11" s="103">
        <v>1017884</v>
      </c>
      <c r="BT11" s="100">
        <v>0</v>
      </c>
      <c r="BU11" s="104">
        <v>3109101</v>
      </c>
      <c r="BV11" s="104">
        <v>3259431</v>
      </c>
      <c r="BW11" s="104">
        <v>2761731</v>
      </c>
      <c r="BX11" s="104">
        <v>3022649</v>
      </c>
      <c r="BY11" s="104">
        <v>2577939</v>
      </c>
      <c r="BZ11" s="103">
        <v>14730851</v>
      </c>
      <c r="CA11" s="106">
        <v>15748735</v>
      </c>
      <c r="CB11" s="100">
        <v>211134</v>
      </c>
      <c r="CC11" s="104">
        <v>702884</v>
      </c>
      <c r="CD11" s="103">
        <v>914018</v>
      </c>
      <c r="CE11" s="100">
        <v>0</v>
      </c>
      <c r="CF11" s="104">
        <v>12143068</v>
      </c>
      <c r="CG11" s="104">
        <v>11111153</v>
      </c>
      <c r="CH11" s="104">
        <v>7983016</v>
      </c>
      <c r="CI11" s="104">
        <v>5394629</v>
      </c>
      <c r="CJ11" s="104">
        <v>2275005</v>
      </c>
      <c r="CK11" s="103">
        <v>38906871</v>
      </c>
      <c r="CL11" s="106">
        <v>39820889</v>
      </c>
      <c r="CM11" s="100">
        <v>0</v>
      </c>
      <c r="CN11" s="104">
        <v>0</v>
      </c>
      <c r="CO11" s="103">
        <v>0</v>
      </c>
      <c r="CP11" s="101">
        <v>0</v>
      </c>
      <c r="CQ11" s="104">
        <v>9686139</v>
      </c>
      <c r="CR11" s="104">
        <v>8293018</v>
      </c>
      <c r="CS11" s="104">
        <v>5606853</v>
      </c>
      <c r="CT11" s="104">
        <v>3685954</v>
      </c>
      <c r="CU11" s="104">
        <v>1391405</v>
      </c>
      <c r="CV11" s="103">
        <v>28663369</v>
      </c>
      <c r="CW11" s="106">
        <v>28663369</v>
      </c>
      <c r="CX11" s="100">
        <v>211134</v>
      </c>
      <c r="CY11" s="104">
        <v>702884</v>
      </c>
      <c r="CZ11" s="103">
        <v>914018</v>
      </c>
      <c r="DA11" s="100">
        <v>0</v>
      </c>
      <c r="DB11" s="104">
        <v>2456929</v>
      </c>
      <c r="DC11" s="104">
        <v>2818135</v>
      </c>
      <c r="DD11" s="104">
        <v>2376163</v>
      </c>
      <c r="DE11" s="104">
        <v>1708675</v>
      </c>
      <c r="DF11" s="104">
        <v>883600</v>
      </c>
      <c r="DG11" s="103">
        <v>10243502</v>
      </c>
      <c r="DH11" s="106">
        <v>11157520</v>
      </c>
      <c r="DI11" s="100">
        <v>0</v>
      </c>
      <c r="DJ11" s="104">
        <v>65829</v>
      </c>
      <c r="DK11" s="102">
        <v>65829</v>
      </c>
      <c r="DL11" s="101">
        <v>0</v>
      </c>
      <c r="DM11" s="104">
        <v>947222</v>
      </c>
      <c r="DN11" s="104">
        <v>1754056</v>
      </c>
      <c r="DO11" s="104">
        <v>3133031</v>
      </c>
      <c r="DP11" s="104">
        <v>2376243</v>
      </c>
      <c r="DQ11" s="104">
        <v>1701911</v>
      </c>
      <c r="DR11" s="103">
        <v>9912463</v>
      </c>
      <c r="DS11" s="106">
        <v>9978292</v>
      </c>
      <c r="DT11" s="100">
        <v>0</v>
      </c>
      <c r="DU11" s="104">
        <v>26381</v>
      </c>
      <c r="DV11" s="103">
        <v>26381</v>
      </c>
      <c r="DW11" s="100">
        <v>0</v>
      </c>
      <c r="DX11" s="104">
        <v>581882</v>
      </c>
      <c r="DY11" s="104">
        <v>1477995</v>
      </c>
      <c r="DZ11" s="104">
        <v>2510289</v>
      </c>
      <c r="EA11" s="104">
        <v>2024706</v>
      </c>
      <c r="EB11" s="104">
        <v>1165425</v>
      </c>
      <c r="EC11" s="103">
        <v>7760297</v>
      </c>
      <c r="ED11" s="106">
        <v>7786678</v>
      </c>
      <c r="EE11" s="100">
        <v>0</v>
      </c>
      <c r="EF11" s="102">
        <v>39448</v>
      </c>
      <c r="EG11" s="103">
        <v>39448</v>
      </c>
      <c r="EH11" s="100">
        <v>0</v>
      </c>
      <c r="EI11" s="104">
        <v>365340</v>
      </c>
      <c r="EJ11" s="104">
        <v>276061</v>
      </c>
      <c r="EK11" s="104">
        <v>622742</v>
      </c>
      <c r="EL11" s="104">
        <v>351537</v>
      </c>
      <c r="EM11" s="104">
        <v>536486</v>
      </c>
      <c r="EN11" s="102">
        <v>2152166</v>
      </c>
      <c r="EO11" s="106">
        <v>2191614</v>
      </c>
      <c r="EP11" s="100">
        <v>0</v>
      </c>
      <c r="EQ11" s="104">
        <v>0</v>
      </c>
      <c r="ER11" s="102">
        <v>0</v>
      </c>
      <c r="ES11" s="101">
        <v>0</v>
      </c>
      <c r="ET11" s="104">
        <v>0</v>
      </c>
      <c r="EU11" s="104">
        <v>0</v>
      </c>
      <c r="EV11" s="104">
        <v>0</v>
      </c>
      <c r="EW11" s="104">
        <v>0</v>
      </c>
      <c r="EX11" s="104">
        <v>0</v>
      </c>
      <c r="EY11" s="103">
        <v>0</v>
      </c>
      <c r="EZ11" s="106">
        <v>0</v>
      </c>
      <c r="FA11" s="100">
        <v>0</v>
      </c>
      <c r="FB11" s="104">
        <v>0</v>
      </c>
      <c r="FC11" s="102">
        <v>0</v>
      </c>
      <c r="FD11" s="470">
        <v>0</v>
      </c>
      <c r="FE11" s="104">
        <v>0</v>
      </c>
      <c r="FF11" s="104">
        <v>0</v>
      </c>
      <c r="FG11" s="104">
        <v>0</v>
      </c>
      <c r="FH11" s="104">
        <v>0</v>
      </c>
      <c r="FI11" s="104">
        <v>0</v>
      </c>
      <c r="FJ11" s="103">
        <v>0</v>
      </c>
      <c r="FK11" s="106">
        <v>0</v>
      </c>
      <c r="FL11" s="100">
        <v>550715</v>
      </c>
      <c r="FM11" s="104">
        <v>1226476</v>
      </c>
      <c r="FN11" s="103">
        <v>1777191</v>
      </c>
      <c r="FO11" s="100">
        <v>0</v>
      </c>
      <c r="FP11" s="104">
        <v>2487180</v>
      </c>
      <c r="FQ11" s="104">
        <v>4491228</v>
      </c>
      <c r="FR11" s="104">
        <v>2975484</v>
      </c>
      <c r="FS11" s="104">
        <v>3128485</v>
      </c>
      <c r="FT11" s="104">
        <v>1993593</v>
      </c>
      <c r="FU11" s="103">
        <v>15075970</v>
      </c>
      <c r="FV11" s="106">
        <v>16853161</v>
      </c>
      <c r="FW11" s="105">
        <v>392396</v>
      </c>
      <c r="FX11" s="104">
        <v>880005</v>
      </c>
      <c r="FY11" s="102">
        <v>1272401</v>
      </c>
      <c r="FZ11" s="101">
        <v>0</v>
      </c>
      <c r="GA11" s="104">
        <v>1991899</v>
      </c>
      <c r="GB11" s="104">
        <v>3861389</v>
      </c>
      <c r="GC11" s="104">
        <v>2639953</v>
      </c>
      <c r="GD11" s="104">
        <v>2896425</v>
      </c>
      <c r="GE11" s="104">
        <v>1914129</v>
      </c>
      <c r="GF11" s="103">
        <v>13303795</v>
      </c>
      <c r="GG11" s="290">
        <v>14576196</v>
      </c>
      <c r="GH11" s="105">
        <v>107807</v>
      </c>
      <c r="GI11" s="104">
        <v>101073</v>
      </c>
      <c r="GJ11" s="102">
        <v>208880</v>
      </c>
      <c r="GK11" s="101">
        <v>0</v>
      </c>
      <c r="GL11" s="104">
        <v>221644</v>
      </c>
      <c r="GM11" s="104">
        <v>191058</v>
      </c>
      <c r="GN11" s="104">
        <v>93793</v>
      </c>
      <c r="GO11" s="104">
        <v>198810</v>
      </c>
      <c r="GP11" s="104">
        <v>79464</v>
      </c>
      <c r="GQ11" s="103">
        <v>784769</v>
      </c>
      <c r="GR11" s="106">
        <v>993649</v>
      </c>
      <c r="GS11" s="100">
        <v>50512</v>
      </c>
      <c r="GT11" s="104">
        <v>245398</v>
      </c>
      <c r="GU11" s="103">
        <v>295910</v>
      </c>
      <c r="GV11" s="100">
        <v>0</v>
      </c>
      <c r="GW11" s="104">
        <v>273637</v>
      </c>
      <c r="GX11" s="104">
        <v>438781</v>
      </c>
      <c r="GY11" s="104">
        <v>241738</v>
      </c>
      <c r="GZ11" s="104">
        <v>33250</v>
      </c>
      <c r="HA11" s="104">
        <v>0</v>
      </c>
      <c r="HB11" s="102">
        <v>987406</v>
      </c>
      <c r="HC11" s="106">
        <v>1283316</v>
      </c>
      <c r="HD11" s="100">
        <v>1882508</v>
      </c>
      <c r="HE11" s="104">
        <v>1665151</v>
      </c>
      <c r="HF11" s="102">
        <v>3547659</v>
      </c>
      <c r="HG11" s="101">
        <v>0</v>
      </c>
      <c r="HH11" s="104">
        <v>18279885</v>
      </c>
      <c r="HI11" s="104">
        <v>18337287</v>
      </c>
      <c r="HJ11" s="104">
        <v>15816260</v>
      </c>
      <c r="HK11" s="104">
        <v>19781731</v>
      </c>
      <c r="HL11" s="104">
        <v>16120582</v>
      </c>
      <c r="HM11" s="103">
        <v>88335745</v>
      </c>
      <c r="HN11" s="99">
        <v>91883404</v>
      </c>
      <c r="HO11" s="456">
        <v>0</v>
      </c>
      <c r="HP11" s="457">
        <v>0</v>
      </c>
      <c r="HQ11" s="458">
        <v>0</v>
      </c>
      <c r="HR11" s="459">
        <v>0</v>
      </c>
      <c r="HS11" s="457">
        <v>0</v>
      </c>
      <c r="HT11" s="457">
        <v>0</v>
      </c>
      <c r="HU11" s="457">
        <v>0</v>
      </c>
      <c r="HV11" s="457">
        <v>0</v>
      </c>
      <c r="HW11" s="457">
        <v>0</v>
      </c>
      <c r="HX11" s="460">
        <v>0</v>
      </c>
      <c r="HY11" s="461">
        <v>0</v>
      </c>
      <c r="HZ11" s="118">
        <v>0</v>
      </c>
      <c r="IA11" s="119">
        <v>407072</v>
      </c>
      <c r="IB11" s="120">
        <v>407072</v>
      </c>
      <c r="IC11" s="131">
        <v>0</v>
      </c>
      <c r="ID11" s="119">
        <v>10679725</v>
      </c>
      <c r="IE11" s="132">
        <v>14025477</v>
      </c>
      <c r="IF11" s="120">
        <v>17355996</v>
      </c>
      <c r="IG11" s="119">
        <v>9288710</v>
      </c>
      <c r="IH11" s="120">
        <v>9773617</v>
      </c>
      <c r="II11" s="133">
        <v>61123525</v>
      </c>
      <c r="IJ11" s="126">
        <v>61530597</v>
      </c>
      <c r="IK11" s="215">
        <v>0</v>
      </c>
      <c r="IL11" s="219">
        <v>0</v>
      </c>
      <c r="IM11" s="220">
        <v>0</v>
      </c>
      <c r="IN11" s="470">
        <v>0</v>
      </c>
      <c r="IO11" s="109">
        <v>319156</v>
      </c>
      <c r="IP11" s="109">
        <v>686621</v>
      </c>
      <c r="IQ11" s="109">
        <v>834120</v>
      </c>
      <c r="IR11" s="109">
        <v>836513</v>
      </c>
      <c r="IS11" s="109">
        <v>981622</v>
      </c>
      <c r="IT11" s="128">
        <v>3658032</v>
      </c>
      <c r="IU11" s="292">
        <v>3658032</v>
      </c>
      <c r="IV11" s="129">
        <v>0</v>
      </c>
      <c r="IW11" s="109">
        <v>0</v>
      </c>
      <c r="IX11" s="110">
        <v>0</v>
      </c>
      <c r="IY11" s="470">
        <v>0</v>
      </c>
      <c r="IZ11" s="109">
        <v>73882</v>
      </c>
      <c r="JA11" s="109">
        <v>234619</v>
      </c>
      <c r="JB11" s="109">
        <v>106466</v>
      </c>
      <c r="JC11" s="109">
        <v>62121</v>
      </c>
      <c r="JD11" s="109">
        <v>161002</v>
      </c>
      <c r="JE11" s="110">
        <v>638090</v>
      </c>
      <c r="JF11" s="111">
        <v>638090</v>
      </c>
      <c r="JG11" s="129">
        <v>0</v>
      </c>
      <c r="JH11" s="109">
        <v>0</v>
      </c>
      <c r="JI11" s="128">
        <v>0</v>
      </c>
      <c r="JJ11" s="108">
        <v>0</v>
      </c>
      <c r="JK11" s="109">
        <v>4403618</v>
      </c>
      <c r="JL11" s="109">
        <v>3741599</v>
      </c>
      <c r="JM11" s="109">
        <v>2151797</v>
      </c>
      <c r="JN11" s="109">
        <v>1247043</v>
      </c>
      <c r="JO11" s="109">
        <v>999249</v>
      </c>
      <c r="JP11" s="110">
        <v>12543306</v>
      </c>
      <c r="JQ11" s="292">
        <v>12543306</v>
      </c>
      <c r="JR11" s="129">
        <v>0</v>
      </c>
      <c r="JS11" s="109">
        <v>0</v>
      </c>
      <c r="JT11" s="128">
        <v>0</v>
      </c>
      <c r="JU11" s="108">
        <v>0</v>
      </c>
      <c r="JV11" s="109">
        <v>800249</v>
      </c>
      <c r="JW11" s="109">
        <v>1511841</v>
      </c>
      <c r="JX11" s="109">
        <v>2139956</v>
      </c>
      <c r="JY11" s="109">
        <v>213772</v>
      </c>
      <c r="JZ11" s="109">
        <v>264135</v>
      </c>
      <c r="KA11" s="110">
        <v>4929953</v>
      </c>
      <c r="KB11" s="292">
        <v>4929953</v>
      </c>
      <c r="KC11" s="217">
        <v>0</v>
      </c>
      <c r="KD11" s="213">
        <v>407072</v>
      </c>
      <c r="KE11" s="110">
        <v>407072</v>
      </c>
      <c r="KF11" s="108">
        <v>0</v>
      </c>
      <c r="KG11" s="109">
        <v>1014686</v>
      </c>
      <c r="KH11" s="109">
        <v>1648959</v>
      </c>
      <c r="KI11" s="109">
        <v>2292171</v>
      </c>
      <c r="KJ11" s="109">
        <v>690210</v>
      </c>
      <c r="KK11" s="109">
        <v>513621</v>
      </c>
      <c r="KL11" s="110">
        <v>6159647</v>
      </c>
      <c r="KM11" s="130">
        <v>6566719</v>
      </c>
      <c r="KN11" s="215">
        <v>0</v>
      </c>
      <c r="KO11" s="219">
        <v>0</v>
      </c>
      <c r="KP11" s="220">
        <v>0</v>
      </c>
      <c r="KQ11" s="470">
        <v>0</v>
      </c>
      <c r="KR11" s="109">
        <v>3491841</v>
      </c>
      <c r="KS11" s="109">
        <v>5097261</v>
      </c>
      <c r="KT11" s="109">
        <v>6552895</v>
      </c>
      <c r="KU11" s="109">
        <v>3532474</v>
      </c>
      <c r="KV11" s="109">
        <v>4431217</v>
      </c>
      <c r="KW11" s="110">
        <v>23105688</v>
      </c>
      <c r="KX11" s="292">
        <v>23105688</v>
      </c>
      <c r="KY11" s="129">
        <v>0</v>
      </c>
      <c r="KZ11" s="109">
        <v>0</v>
      </c>
      <c r="LA11" s="110">
        <v>0</v>
      </c>
      <c r="LB11" s="470">
        <v>0</v>
      </c>
      <c r="LC11" s="109">
        <v>0</v>
      </c>
      <c r="LD11" s="109">
        <v>0</v>
      </c>
      <c r="LE11" s="109">
        <v>0</v>
      </c>
      <c r="LF11" s="109">
        <v>0</v>
      </c>
      <c r="LG11" s="109">
        <v>0</v>
      </c>
      <c r="LH11" s="110">
        <v>0</v>
      </c>
      <c r="LI11" s="111">
        <v>0</v>
      </c>
      <c r="LJ11" s="129">
        <v>0</v>
      </c>
      <c r="LK11" s="109">
        <v>0</v>
      </c>
      <c r="LL11" s="110">
        <v>0</v>
      </c>
      <c r="LM11" s="470">
        <v>0</v>
      </c>
      <c r="LN11" s="109">
        <v>0</v>
      </c>
      <c r="LO11" s="109">
        <v>207477</v>
      </c>
      <c r="LP11" s="109">
        <v>1591554</v>
      </c>
      <c r="LQ11" s="109">
        <v>1768876</v>
      </c>
      <c r="LR11" s="109">
        <v>547535</v>
      </c>
      <c r="LS11" s="110">
        <v>4115442</v>
      </c>
      <c r="LT11" s="292">
        <v>4115442</v>
      </c>
      <c r="LU11" s="129">
        <v>0</v>
      </c>
      <c r="LV11" s="109">
        <v>0</v>
      </c>
      <c r="LW11" s="110">
        <v>0</v>
      </c>
      <c r="LX11" s="470">
        <v>0</v>
      </c>
      <c r="LY11" s="109">
        <v>576293</v>
      </c>
      <c r="LZ11" s="109">
        <v>897100</v>
      </c>
      <c r="MA11" s="109">
        <v>1687037</v>
      </c>
      <c r="MB11" s="109">
        <v>937701</v>
      </c>
      <c r="MC11" s="109">
        <v>1875236</v>
      </c>
      <c r="MD11" s="110">
        <v>5973367</v>
      </c>
      <c r="ME11" s="111">
        <v>5973367</v>
      </c>
      <c r="MF11" s="129">
        <v>0</v>
      </c>
      <c r="MG11" s="109">
        <v>0</v>
      </c>
      <c r="MH11" s="110">
        <v>0</v>
      </c>
      <c r="MI11" s="470">
        <v>0</v>
      </c>
      <c r="MJ11" s="109">
        <v>2297408</v>
      </c>
      <c r="MK11" s="109">
        <v>2699174</v>
      </c>
      <c r="ML11" s="109">
        <v>11703842</v>
      </c>
      <c r="MM11" s="109">
        <v>21298442</v>
      </c>
      <c r="MN11" s="109">
        <v>14866285</v>
      </c>
      <c r="MO11" s="110">
        <v>52865151</v>
      </c>
      <c r="MP11" s="130">
        <v>52865151</v>
      </c>
      <c r="MQ11" s="129">
        <v>0</v>
      </c>
      <c r="MR11" s="109">
        <v>0</v>
      </c>
      <c r="MS11" s="110">
        <v>0</v>
      </c>
      <c r="MT11" s="470">
        <v>0</v>
      </c>
      <c r="MU11" s="109">
        <v>338722</v>
      </c>
      <c r="MV11" s="109">
        <v>774385</v>
      </c>
      <c r="MW11" s="109">
        <v>6799817</v>
      </c>
      <c r="MX11" s="109">
        <v>9641641</v>
      </c>
      <c r="MY11" s="109">
        <v>9118033</v>
      </c>
      <c r="MZ11" s="110">
        <v>26672598</v>
      </c>
      <c r="NA11" s="130">
        <v>26672598</v>
      </c>
      <c r="NB11" s="129">
        <v>0</v>
      </c>
      <c r="NC11" s="109">
        <v>0</v>
      </c>
      <c r="ND11" s="110">
        <v>0</v>
      </c>
      <c r="NE11" s="470">
        <v>0</v>
      </c>
      <c r="NF11" s="109">
        <v>1958686</v>
      </c>
      <c r="NG11" s="109">
        <v>1924789</v>
      </c>
      <c r="NH11" s="109">
        <v>4661736</v>
      </c>
      <c r="NI11" s="109">
        <v>11387688</v>
      </c>
      <c r="NJ11" s="109">
        <v>4674857</v>
      </c>
      <c r="NK11" s="110">
        <v>24607756</v>
      </c>
      <c r="NL11" s="292">
        <v>24607756</v>
      </c>
      <c r="NM11" s="129">
        <v>0</v>
      </c>
      <c r="NN11" s="109">
        <v>0</v>
      </c>
      <c r="NO11" s="110">
        <v>0</v>
      </c>
      <c r="NP11" s="470">
        <v>0</v>
      </c>
      <c r="NQ11" s="109">
        <v>0</v>
      </c>
      <c r="NR11" s="109">
        <v>0</v>
      </c>
      <c r="NS11" s="109">
        <v>242289</v>
      </c>
      <c r="NT11" s="109">
        <v>269113</v>
      </c>
      <c r="NU11" s="109">
        <v>293719</v>
      </c>
      <c r="NV11" s="110">
        <v>805121</v>
      </c>
      <c r="NW11" s="111">
        <v>805121</v>
      </c>
      <c r="NX11" s="129">
        <v>0</v>
      </c>
      <c r="NY11" s="109">
        <v>0</v>
      </c>
      <c r="NZ11" s="110">
        <v>0</v>
      </c>
      <c r="OA11" s="470">
        <v>0</v>
      </c>
      <c r="OB11" s="109">
        <v>0</v>
      </c>
      <c r="OC11" s="109">
        <v>0</v>
      </c>
      <c r="OD11" s="109">
        <v>0</v>
      </c>
      <c r="OE11" s="109">
        <v>0</v>
      </c>
      <c r="OF11" s="109">
        <v>779676</v>
      </c>
      <c r="OG11" s="110">
        <v>779676</v>
      </c>
      <c r="OH11" s="111">
        <v>779676</v>
      </c>
      <c r="OI11" s="129">
        <v>3801082</v>
      </c>
      <c r="OJ11" s="109">
        <v>6583755</v>
      </c>
      <c r="OK11" s="128">
        <v>10384837</v>
      </c>
      <c r="OL11" s="108">
        <v>0</v>
      </c>
      <c r="OM11" s="109">
        <v>65463210</v>
      </c>
      <c r="ON11" s="109">
        <v>71406468</v>
      </c>
      <c r="OO11" s="109">
        <v>74148908</v>
      </c>
      <c r="OP11" s="109">
        <v>80701318</v>
      </c>
      <c r="OQ11" s="109">
        <v>62799221</v>
      </c>
      <c r="OR11" s="110">
        <v>354519125</v>
      </c>
      <c r="OS11" s="130">
        <v>364903962</v>
      </c>
    </row>
    <row r="12" spans="2:409" ht="21" customHeight="1" x14ac:dyDescent="0.2">
      <c r="B12" s="437" t="s">
        <v>14</v>
      </c>
      <c r="C12" s="100">
        <v>924472</v>
      </c>
      <c r="D12" s="104">
        <v>2324972</v>
      </c>
      <c r="E12" s="103">
        <v>3249444</v>
      </c>
      <c r="F12" s="99">
        <v>0</v>
      </c>
      <c r="G12" s="104">
        <v>13245273</v>
      </c>
      <c r="H12" s="104">
        <v>22547395</v>
      </c>
      <c r="I12" s="104">
        <v>18232254</v>
      </c>
      <c r="J12" s="104">
        <v>14340045</v>
      </c>
      <c r="K12" s="104">
        <v>13349753</v>
      </c>
      <c r="L12" s="102">
        <v>81714720</v>
      </c>
      <c r="M12" s="106">
        <v>84964164</v>
      </c>
      <c r="N12" s="100">
        <v>177640</v>
      </c>
      <c r="O12" s="104">
        <v>747220</v>
      </c>
      <c r="P12" s="103">
        <v>924860</v>
      </c>
      <c r="Q12" s="100">
        <v>0</v>
      </c>
      <c r="R12" s="104">
        <v>3152796</v>
      </c>
      <c r="S12" s="104">
        <v>7803379</v>
      </c>
      <c r="T12" s="104">
        <v>5069131</v>
      </c>
      <c r="U12" s="104">
        <v>6650629</v>
      </c>
      <c r="V12" s="104">
        <v>7035827</v>
      </c>
      <c r="W12" s="103">
        <v>29711762</v>
      </c>
      <c r="X12" s="106">
        <v>30636622</v>
      </c>
      <c r="Y12" s="100">
        <v>0</v>
      </c>
      <c r="Z12" s="104">
        <v>0</v>
      </c>
      <c r="AA12" s="103">
        <v>0</v>
      </c>
      <c r="AB12" s="100">
        <v>0</v>
      </c>
      <c r="AC12" s="104">
        <v>1362088</v>
      </c>
      <c r="AD12" s="104">
        <v>3663630</v>
      </c>
      <c r="AE12" s="104">
        <v>2558915</v>
      </c>
      <c r="AF12" s="104">
        <v>3672959</v>
      </c>
      <c r="AG12" s="104">
        <v>4169885</v>
      </c>
      <c r="AH12" s="103">
        <v>15427477</v>
      </c>
      <c r="AI12" s="106">
        <v>15427477</v>
      </c>
      <c r="AJ12" s="100">
        <v>0</v>
      </c>
      <c r="AK12" s="104">
        <v>0</v>
      </c>
      <c r="AL12" s="103">
        <v>0</v>
      </c>
      <c r="AM12" s="100">
        <v>0</v>
      </c>
      <c r="AN12" s="104">
        <v>12011</v>
      </c>
      <c r="AO12" s="104">
        <v>74192</v>
      </c>
      <c r="AP12" s="104">
        <v>134731</v>
      </c>
      <c r="AQ12" s="104">
        <v>602793</v>
      </c>
      <c r="AR12" s="104">
        <v>679090</v>
      </c>
      <c r="AS12" s="103">
        <v>1502817</v>
      </c>
      <c r="AT12" s="106">
        <v>1502817</v>
      </c>
      <c r="AU12" s="100">
        <v>97063</v>
      </c>
      <c r="AV12" s="104">
        <v>480724</v>
      </c>
      <c r="AW12" s="103">
        <v>577787</v>
      </c>
      <c r="AX12" s="100">
        <v>0</v>
      </c>
      <c r="AY12" s="104">
        <v>867430</v>
      </c>
      <c r="AZ12" s="104">
        <v>2776113</v>
      </c>
      <c r="BA12" s="104">
        <v>1223106</v>
      </c>
      <c r="BB12" s="104">
        <v>1356314</v>
      </c>
      <c r="BC12" s="104">
        <v>1337913</v>
      </c>
      <c r="BD12" s="103">
        <v>7560876</v>
      </c>
      <c r="BE12" s="106">
        <v>8138663</v>
      </c>
      <c r="BF12" s="100">
        <v>0</v>
      </c>
      <c r="BG12" s="104">
        <v>55530</v>
      </c>
      <c r="BH12" s="102">
        <v>55530</v>
      </c>
      <c r="BI12" s="101">
        <v>0</v>
      </c>
      <c r="BJ12" s="104">
        <v>61180</v>
      </c>
      <c r="BK12" s="104">
        <v>165006</v>
      </c>
      <c r="BL12" s="104">
        <v>101602</v>
      </c>
      <c r="BM12" s="104">
        <v>0</v>
      </c>
      <c r="BN12" s="104">
        <v>14560</v>
      </c>
      <c r="BO12" s="103">
        <v>342348</v>
      </c>
      <c r="BP12" s="106">
        <v>397878</v>
      </c>
      <c r="BQ12" s="100">
        <v>80577</v>
      </c>
      <c r="BR12" s="104">
        <v>210966</v>
      </c>
      <c r="BS12" s="103">
        <v>291543</v>
      </c>
      <c r="BT12" s="100">
        <v>0</v>
      </c>
      <c r="BU12" s="104">
        <v>850087</v>
      </c>
      <c r="BV12" s="104">
        <v>1124438</v>
      </c>
      <c r="BW12" s="104">
        <v>1050777</v>
      </c>
      <c r="BX12" s="104">
        <v>1018563</v>
      </c>
      <c r="BY12" s="104">
        <v>834379</v>
      </c>
      <c r="BZ12" s="103">
        <v>4878244</v>
      </c>
      <c r="CA12" s="106">
        <v>5169787</v>
      </c>
      <c r="CB12" s="100">
        <v>111110</v>
      </c>
      <c r="CC12" s="104">
        <v>305382</v>
      </c>
      <c r="CD12" s="103">
        <v>416492</v>
      </c>
      <c r="CE12" s="100">
        <v>0</v>
      </c>
      <c r="CF12" s="104">
        <v>3879433</v>
      </c>
      <c r="CG12" s="104">
        <v>6404156</v>
      </c>
      <c r="CH12" s="104">
        <v>5280795</v>
      </c>
      <c r="CI12" s="104">
        <v>2036077</v>
      </c>
      <c r="CJ12" s="104">
        <v>1071810</v>
      </c>
      <c r="CK12" s="103">
        <v>18672271</v>
      </c>
      <c r="CL12" s="106">
        <v>19088763</v>
      </c>
      <c r="CM12" s="100">
        <v>0</v>
      </c>
      <c r="CN12" s="104">
        <v>0</v>
      </c>
      <c r="CO12" s="103">
        <v>0</v>
      </c>
      <c r="CP12" s="101">
        <v>0</v>
      </c>
      <c r="CQ12" s="104">
        <v>3666146</v>
      </c>
      <c r="CR12" s="104">
        <v>5494267</v>
      </c>
      <c r="CS12" s="104">
        <v>4373861</v>
      </c>
      <c r="CT12" s="104">
        <v>1634474</v>
      </c>
      <c r="CU12" s="104">
        <v>846438</v>
      </c>
      <c r="CV12" s="103">
        <v>16015186</v>
      </c>
      <c r="CW12" s="106">
        <v>16015186</v>
      </c>
      <c r="CX12" s="100">
        <v>111110</v>
      </c>
      <c r="CY12" s="104">
        <v>305382</v>
      </c>
      <c r="CZ12" s="103">
        <v>416492</v>
      </c>
      <c r="DA12" s="100">
        <v>0</v>
      </c>
      <c r="DB12" s="104">
        <v>213287</v>
      </c>
      <c r="DC12" s="104">
        <v>909889</v>
      </c>
      <c r="DD12" s="104">
        <v>906934</v>
      </c>
      <c r="DE12" s="104">
        <v>401603</v>
      </c>
      <c r="DF12" s="104">
        <v>225372</v>
      </c>
      <c r="DG12" s="103">
        <v>2657085</v>
      </c>
      <c r="DH12" s="106">
        <v>3073577</v>
      </c>
      <c r="DI12" s="100">
        <v>0</v>
      </c>
      <c r="DJ12" s="104">
        <v>0</v>
      </c>
      <c r="DK12" s="102">
        <v>0</v>
      </c>
      <c r="DL12" s="101">
        <v>0</v>
      </c>
      <c r="DM12" s="104">
        <v>274175</v>
      </c>
      <c r="DN12" s="104">
        <v>1151253</v>
      </c>
      <c r="DO12" s="104">
        <v>1289629</v>
      </c>
      <c r="DP12" s="104">
        <v>-774607</v>
      </c>
      <c r="DQ12" s="104">
        <v>246297</v>
      </c>
      <c r="DR12" s="103">
        <v>2186747</v>
      </c>
      <c r="DS12" s="106">
        <v>2186747</v>
      </c>
      <c r="DT12" s="100">
        <v>0</v>
      </c>
      <c r="DU12" s="104">
        <v>0</v>
      </c>
      <c r="DV12" s="103">
        <v>0</v>
      </c>
      <c r="DW12" s="100">
        <v>0</v>
      </c>
      <c r="DX12" s="104">
        <v>274175</v>
      </c>
      <c r="DY12" s="104">
        <v>1151253</v>
      </c>
      <c r="DZ12" s="104">
        <v>1289629</v>
      </c>
      <c r="EA12" s="104">
        <v>-805568</v>
      </c>
      <c r="EB12" s="104">
        <v>246297</v>
      </c>
      <c r="EC12" s="103">
        <v>2155786</v>
      </c>
      <c r="ED12" s="106">
        <v>2155786</v>
      </c>
      <c r="EE12" s="100">
        <v>0</v>
      </c>
      <c r="EF12" s="102">
        <v>0</v>
      </c>
      <c r="EG12" s="103">
        <v>0</v>
      </c>
      <c r="EH12" s="100">
        <v>0</v>
      </c>
      <c r="EI12" s="104">
        <v>0</v>
      </c>
      <c r="EJ12" s="104">
        <v>0</v>
      </c>
      <c r="EK12" s="104">
        <v>0</v>
      </c>
      <c r="EL12" s="104">
        <v>30961</v>
      </c>
      <c r="EM12" s="104">
        <v>0</v>
      </c>
      <c r="EN12" s="102">
        <v>30961</v>
      </c>
      <c r="EO12" s="106">
        <v>30961</v>
      </c>
      <c r="EP12" s="100">
        <v>0</v>
      </c>
      <c r="EQ12" s="104">
        <v>0</v>
      </c>
      <c r="ER12" s="102">
        <v>0</v>
      </c>
      <c r="ES12" s="101">
        <v>0</v>
      </c>
      <c r="ET12" s="104">
        <v>0</v>
      </c>
      <c r="EU12" s="104">
        <v>0</v>
      </c>
      <c r="EV12" s="104">
        <v>0</v>
      </c>
      <c r="EW12" s="104">
        <v>0</v>
      </c>
      <c r="EX12" s="104">
        <v>0</v>
      </c>
      <c r="EY12" s="103">
        <v>0</v>
      </c>
      <c r="EZ12" s="106">
        <v>0</v>
      </c>
      <c r="FA12" s="100">
        <v>0</v>
      </c>
      <c r="FB12" s="104">
        <v>0</v>
      </c>
      <c r="FC12" s="102">
        <v>0</v>
      </c>
      <c r="FD12" s="470">
        <v>0</v>
      </c>
      <c r="FE12" s="104">
        <v>0</v>
      </c>
      <c r="FF12" s="104">
        <v>0</v>
      </c>
      <c r="FG12" s="104">
        <v>0</v>
      </c>
      <c r="FH12" s="104">
        <v>0</v>
      </c>
      <c r="FI12" s="104">
        <v>0</v>
      </c>
      <c r="FJ12" s="103">
        <v>0</v>
      </c>
      <c r="FK12" s="106">
        <v>0</v>
      </c>
      <c r="FL12" s="100">
        <v>330589</v>
      </c>
      <c r="FM12" s="104">
        <v>665539</v>
      </c>
      <c r="FN12" s="103">
        <v>996128</v>
      </c>
      <c r="FO12" s="100">
        <v>0</v>
      </c>
      <c r="FP12" s="104">
        <v>774914</v>
      </c>
      <c r="FQ12" s="104">
        <v>2116352</v>
      </c>
      <c r="FR12" s="104">
        <v>1609174</v>
      </c>
      <c r="FS12" s="104">
        <v>1315937</v>
      </c>
      <c r="FT12" s="104">
        <v>1011150</v>
      </c>
      <c r="FU12" s="103">
        <v>6827527</v>
      </c>
      <c r="FV12" s="106">
        <v>7823655</v>
      </c>
      <c r="FW12" s="105">
        <v>191373</v>
      </c>
      <c r="FX12" s="104">
        <v>542339</v>
      </c>
      <c r="FY12" s="102">
        <v>733712</v>
      </c>
      <c r="FZ12" s="101">
        <v>0</v>
      </c>
      <c r="GA12" s="104">
        <v>509054</v>
      </c>
      <c r="GB12" s="104">
        <v>1998500</v>
      </c>
      <c r="GC12" s="104">
        <v>1414616</v>
      </c>
      <c r="GD12" s="104">
        <v>1221997</v>
      </c>
      <c r="GE12" s="104">
        <v>972342</v>
      </c>
      <c r="GF12" s="103">
        <v>6116509</v>
      </c>
      <c r="GG12" s="290">
        <v>6850221</v>
      </c>
      <c r="GH12" s="105">
        <v>0</v>
      </c>
      <c r="GI12" s="104">
        <v>0</v>
      </c>
      <c r="GJ12" s="102">
        <v>0</v>
      </c>
      <c r="GK12" s="101">
        <v>0</v>
      </c>
      <c r="GL12" s="104">
        <v>0</v>
      </c>
      <c r="GM12" s="104">
        <v>52052</v>
      </c>
      <c r="GN12" s="104">
        <v>81858</v>
      </c>
      <c r="GO12" s="104">
        <v>64295</v>
      </c>
      <c r="GP12" s="104">
        <v>11319</v>
      </c>
      <c r="GQ12" s="103">
        <v>209524</v>
      </c>
      <c r="GR12" s="106">
        <v>209524</v>
      </c>
      <c r="GS12" s="100">
        <v>139216</v>
      </c>
      <c r="GT12" s="104">
        <v>123200</v>
      </c>
      <c r="GU12" s="103">
        <v>262416</v>
      </c>
      <c r="GV12" s="100">
        <v>0</v>
      </c>
      <c r="GW12" s="104">
        <v>265860</v>
      </c>
      <c r="GX12" s="104">
        <v>65800</v>
      </c>
      <c r="GY12" s="104">
        <v>112700</v>
      </c>
      <c r="GZ12" s="104">
        <v>29645</v>
      </c>
      <c r="HA12" s="104">
        <v>27489</v>
      </c>
      <c r="HB12" s="102">
        <v>501494</v>
      </c>
      <c r="HC12" s="106">
        <v>763910</v>
      </c>
      <c r="HD12" s="100">
        <v>305133</v>
      </c>
      <c r="HE12" s="104">
        <v>606831</v>
      </c>
      <c r="HF12" s="102">
        <v>911964</v>
      </c>
      <c r="HG12" s="101">
        <v>0</v>
      </c>
      <c r="HH12" s="104">
        <v>5163955</v>
      </c>
      <c r="HI12" s="104">
        <v>5072255</v>
      </c>
      <c r="HJ12" s="104">
        <v>4983525</v>
      </c>
      <c r="HK12" s="104">
        <v>5112009</v>
      </c>
      <c r="HL12" s="104">
        <v>3984669</v>
      </c>
      <c r="HM12" s="103">
        <v>24316413</v>
      </c>
      <c r="HN12" s="99">
        <v>25228377</v>
      </c>
      <c r="HO12" s="456">
        <v>0</v>
      </c>
      <c r="HP12" s="457">
        <v>0</v>
      </c>
      <c r="HQ12" s="458">
        <v>0</v>
      </c>
      <c r="HR12" s="459">
        <v>0</v>
      </c>
      <c r="HS12" s="457">
        <v>0</v>
      </c>
      <c r="HT12" s="457">
        <v>0</v>
      </c>
      <c r="HU12" s="457">
        <v>0</v>
      </c>
      <c r="HV12" s="457">
        <v>0</v>
      </c>
      <c r="HW12" s="457">
        <v>0</v>
      </c>
      <c r="HX12" s="460">
        <v>0</v>
      </c>
      <c r="HY12" s="461">
        <v>0</v>
      </c>
      <c r="HZ12" s="118">
        <v>66806</v>
      </c>
      <c r="IA12" s="119">
        <v>0</v>
      </c>
      <c r="IB12" s="120">
        <v>66806</v>
      </c>
      <c r="IC12" s="121">
        <v>0</v>
      </c>
      <c r="ID12" s="122">
        <v>2376567</v>
      </c>
      <c r="IE12" s="123">
        <v>4916778</v>
      </c>
      <c r="IF12" s="124">
        <v>6284106</v>
      </c>
      <c r="IG12" s="122">
        <v>4414758</v>
      </c>
      <c r="IH12" s="124">
        <v>2259117</v>
      </c>
      <c r="II12" s="125">
        <v>20251326</v>
      </c>
      <c r="IJ12" s="126">
        <v>20318132</v>
      </c>
      <c r="IK12" s="215">
        <v>0</v>
      </c>
      <c r="IL12" s="219">
        <v>0</v>
      </c>
      <c r="IM12" s="220">
        <v>0</v>
      </c>
      <c r="IN12" s="470">
        <v>0</v>
      </c>
      <c r="IO12" s="109">
        <v>48160</v>
      </c>
      <c r="IP12" s="109">
        <v>383366</v>
      </c>
      <c r="IQ12" s="109">
        <v>0</v>
      </c>
      <c r="IR12" s="109">
        <v>0</v>
      </c>
      <c r="IS12" s="109">
        <v>0</v>
      </c>
      <c r="IT12" s="128">
        <v>431526</v>
      </c>
      <c r="IU12" s="292">
        <v>431526</v>
      </c>
      <c r="IV12" s="129">
        <v>0</v>
      </c>
      <c r="IW12" s="109">
        <v>0</v>
      </c>
      <c r="IX12" s="110">
        <v>0</v>
      </c>
      <c r="IY12" s="470">
        <v>0</v>
      </c>
      <c r="IZ12" s="109">
        <v>0</v>
      </c>
      <c r="JA12" s="109">
        <v>0</v>
      </c>
      <c r="JB12" s="109">
        <v>0</v>
      </c>
      <c r="JC12" s="109">
        <v>0</v>
      </c>
      <c r="JD12" s="109">
        <v>0</v>
      </c>
      <c r="JE12" s="110">
        <v>0</v>
      </c>
      <c r="JF12" s="111">
        <v>0</v>
      </c>
      <c r="JG12" s="129">
        <v>0</v>
      </c>
      <c r="JH12" s="109">
        <v>0</v>
      </c>
      <c r="JI12" s="128">
        <v>0</v>
      </c>
      <c r="JJ12" s="108">
        <v>0</v>
      </c>
      <c r="JK12" s="109">
        <v>952384</v>
      </c>
      <c r="JL12" s="109">
        <v>2086528</v>
      </c>
      <c r="JM12" s="109">
        <v>1161266</v>
      </c>
      <c r="JN12" s="109">
        <v>640557</v>
      </c>
      <c r="JO12" s="109">
        <v>388343</v>
      </c>
      <c r="JP12" s="110">
        <v>5229078</v>
      </c>
      <c r="JQ12" s="292">
        <v>5229078</v>
      </c>
      <c r="JR12" s="129">
        <v>0</v>
      </c>
      <c r="JS12" s="109">
        <v>0</v>
      </c>
      <c r="JT12" s="128">
        <v>0</v>
      </c>
      <c r="JU12" s="108">
        <v>0</v>
      </c>
      <c r="JV12" s="109">
        <v>26929</v>
      </c>
      <c r="JW12" s="109">
        <v>102915</v>
      </c>
      <c r="JX12" s="109">
        <v>0</v>
      </c>
      <c r="JY12" s="109">
        <v>36831</v>
      </c>
      <c r="JZ12" s="109">
        <v>0</v>
      </c>
      <c r="KA12" s="110">
        <v>166675</v>
      </c>
      <c r="KB12" s="292">
        <v>166675</v>
      </c>
      <c r="KC12" s="217">
        <v>66806</v>
      </c>
      <c r="KD12" s="213">
        <v>0</v>
      </c>
      <c r="KE12" s="110">
        <v>66806</v>
      </c>
      <c r="KF12" s="108">
        <v>0</v>
      </c>
      <c r="KG12" s="109">
        <v>516031</v>
      </c>
      <c r="KH12" s="109">
        <v>721430</v>
      </c>
      <c r="KI12" s="109">
        <v>945282</v>
      </c>
      <c r="KJ12" s="109">
        <v>195444</v>
      </c>
      <c r="KK12" s="109">
        <v>403730</v>
      </c>
      <c r="KL12" s="110">
        <v>2781917</v>
      </c>
      <c r="KM12" s="130">
        <v>2848723</v>
      </c>
      <c r="KN12" s="215">
        <v>0</v>
      </c>
      <c r="KO12" s="219">
        <v>0</v>
      </c>
      <c r="KP12" s="220">
        <v>0</v>
      </c>
      <c r="KQ12" s="470">
        <v>0</v>
      </c>
      <c r="KR12" s="109">
        <v>833063</v>
      </c>
      <c r="KS12" s="109">
        <v>1094804</v>
      </c>
      <c r="KT12" s="109">
        <v>3484512</v>
      </c>
      <c r="KU12" s="109">
        <v>2497585</v>
      </c>
      <c r="KV12" s="109">
        <v>1172013</v>
      </c>
      <c r="KW12" s="110">
        <v>9081977</v>
      </c>
      <c r="KX12" s="292">
        <v>9081977</v>
      </c>
      <c r="KY12" s="129">
        <v>0</v>
      </c>
      <c r="KZ12" s="109">
        <v>0</v>
      </c>
      <c r="LA12" s="110">
        <v>0</v>
      </c>
      <c r="LB12" s="470">
        <v>0</v>
      </c>
      <c r="LC12" s="109">
        <v>0</v>
      </c>
      <c r="LD12" s="109">
        <v>0</v>
      </c>
      <c r="LE12" s="109">
        <v>0</v>
      </c>
      <c r="LF12" s="109">
        <v>0</v>
      </c>
      <c r="LG12" s="109">
        <v>0</v>
      </c>
      <c r="LH12" s="110">
        <v>0</v>
      </c>
      <c r="LI12" s="111">
        <v>0</v>
      </c>
      <c r="LJ12" s="129">
        <v>0</v>
      </c>
      <c r="LK12" s="109">
        <v>0</v>
      </c>
      <c r="LL12" s="110">
        <v>0</v>
      </c>
      <c r="LM12" s="470">
        <v>0</v>
      </c>
      <c r="LN12" s="109">
        <v>0</v>
      </c>
      <c r="LO12" s="109">
        <v>182059</v>
      </c>
      <c r="LP12" s="109">
        <v>0</v>
      </c>
      <c r="LQ12" s="109">
        <v>466516</v>
      </c>
      <c r="LR12" s="109">
        <v>0</v>
      </c>
      <c r="LS12" s="110">
        <v>648575</v>
      </c>
      <c r="LT12" s="292">
        <v>648575</v>
      </c>
      <c r="LU12" s="129">
        <v>0</v>
      </c>
      <c r="LV12" s="109">
        <v>0</v>
      </c>
      <c r="LW12" s="110">
        <v>0</v>
      </c>
      <c r="LX12" s="470">
        <v>0</v>
      </c>
      <c r="LY12" s="109">
        <v>0</v>
      </c>
      <c r="LZ12" s="109">
        <v>345676</v>
      </c>
      <c r="MA12" s="109">
        <v>693046</v>
      </c>
      <c r="MB12" s="109">
        <v>577825</v>
      </c>
      <c r="MC12" s="109">
        <v>295031</v>
      </c>
      <c r="MD12" s="110">
        <v>1911578</v>
      </c>
      <c r="ME12" s="111">
        <v>1911578</v>
      </c>
      <c r="MF12" s="129">
        <v>0</v>
      </c>
      <c r="MG12" s="109">
        <v>0</v>
      </c>
      <c r="MH12" s="110">
        <v>0</v>
      </c>
      <c r="MI12" s="470">
        <v>0</v>
      </c>
      <c r="MJ12" s="109">
        <v>355042</v>
      </c>
      <c r="MK12" s="109">
        <v>2090990</v>
      </c>
      <c r="ML12" s="109">
        <v>6939763</v>
      </c>
      <c r="MM12" s="109">
        <v>7554290</v>
      </c>
      <c r="MN12" s="109">
        <v>8548856</v>
      </c>
      <c r="MO12" s="110">
        <v>25488941</v>
      </c>
      <c r="MP12" s="130">
        <v>25488941</v>
      </c>
      <c r="MQ12" s="129">
        <v>0</v>
      </c>
      <c r="MR12" s="109">
        <v>0</v>
      </c>
      <c r="MS12" s="110">
        <v>0</v>
      </c>
      <c r="MT12" s="470">
        <v>0</v>
      </c>
      <c r="MU12" s="109">
        <v>0</v>
      </c>
      <c r="MV12" s="109">
        <v>0</v>
      </c>
      <c r="MW12" s="109">
        <v>4846567</v>
      </c>
      <c r="MX12" s="109">
        <v>3229508</v>
      </c>
      <c r="MY12" s="109">
        <v>4711108</v>
      </c>
      <c r="MZ12" s="110">
        <v>12787183</v>
      </c>
      <c r="NA12" s="130">
        <v>12787183</v>
      </c>
      <c r="NB12" s="129">
        <v>0</v>
      </c>
      <c r="NC12" s="109">
        <v>0</v>
      </c>
      <c r="ND12" s="110">
        <v>0</v>
      </c>
      <c r="NE12" s="470">
        <v>0</v>
      </c>
      <c r="NF12" s="109">
        <v>355042</v>
      </c>
      <c r="NG12" s="109">
        <v>2090990</v>
      </c>
      <c r="NH12" s="109">
        <v>1809978</v>
      </c>
      <c r="NI12" s="109">
        <v>4071046</v>
      </c>
      <c r="NJ12" s="109">
        <v>2577786</v>
      </c>
      <c r="NK12" s="110">
        <v>10904842</v>
      </c>
      <c r="NL12" s="292">
        <v>10904842</v>
      </c>
      <c r="NM12" s="129">
        <v>0</v>
      </c>
      <c r="NN12" s="109">
        <v>0</v>
      </c>
      <c r="NO12" s="110">
        <v>0</v>
      </c>
      <c r="NP12" s="470">
        <v>0</v>
      </c>
      <c r="NQ12" s="109">
        <v>0</v>
      </c>
      <c r="NR12" s="109">
        <v>0</v>
      </c>
      <c r="NS12" s="109">
        <v>0</v>
      </c>
      <c r="NT12" s="109">
        <v>253736</v>
      </c>
      <c r="NU12" s="109">
        <v>272262</v>
      </c>
      <c r="NV12" s="110">
        <v>525998</v>
      </c>
      <c r="NW12" s="111">
        <v>525998</v>
      </c>
      <c r="NX12" s="129">
        <v>0</v>
      </c>
      <c r="NY12" s="109">
        <v>0</v>
      </c>
      <c r="NZ12" s="110">
        <v>0</v>
      </c>
      <c r="OA12" s="470">
        <v>0</v>
      </c>
      <c r="OB12" s="109">
        <v>0</v>
      </c>
      <c r="OC12" s="109">
        <v>0</v>
      </c>
      <c r="OD12" s="109">
        <v>283218</v>
      </c>
      <c r="OE12" s="109">
        <v>0</v>
      </c>
      <c r="OF12" s="109">
        <v>987700</v>
      </c>
      <c r="OG12" s="110">
        <v>1270918</v>
      </c>
      <c r="OH12" s="111">
        <v>1270918</v>
      </c>
      <c r="OI12" s="129">
        <v>991278</v>
      </c>
      <c r="OJ12" s="109">
        <v>2324972</v>
      </c>
      <c r="OK12" s="128">
        <v>3316250</v>
      </c>
      <c r="OL12" s="108">
        <v>0</v>
      </c>
      <c r="OM12" s="109">
        <v>15976882</v>
      </c>
      <c r="ON12" s="109">
        <v>29555163</v>
      </c>
      <c r="OO12" s="109">
        <v>31456123</v>
      </c>
      <c r="OP12" s="109">
        <v>26309093</v>
      </c>
      <c r="OQ12" s="109">
        <v>24157726</v>
      </c>
      <c r="OR12" s="110">
        <v>127454987</v>
      </c>
      <c r="OS12" s="130">
        <v>130771237</v>
      </c>
    </row>
    <row r="13" spans="2:409" ht="21" customHeight="1" x14ac:dyDescent="0.2">
      <c r="B13" s="437" t="s">
        <v>7</v>
      </c>
      <c r="C13" s="100">
        <v>1259879</v>
      </c>
      <c r="D13" s="104">
        <v>556489</v>
      </c>
      <c r="E13" s="103">
        <v>1816368</v>
      </c>
      <c r="F13" s="99">
        <v>0</v>
      </c>
      <c r="G13" s="104">
        <v>11745237</v>
      </c>
      <c r="H13" s="104">
        <v>9710954</v>
      </c>
      <c r="I13" s="104">
        <v>7504224</v>
      </c>
      <c r="J13" s="104">
        <v>8287113</v>
      </c>
      <c r="K13" s="104">
        <v>7965184</v>
      </c>
      <c r="L13" s="99">
        <v>45212712</v>
      </c>
      <c r="M13" s="106">
        <v>47029080</v>
      </c>
      <c r="N13" s="100">
        <v>297836</v>
      </c>
      <c r="O13" s="104">
        <v>146098</v>
      </c>
      <c r="P13" s="103">
        <v>443934</v>
      </c>
      <c r="Q13" s="100">
        <v>0</v>
      </c>
      <c r="R13" s="104">
        <v>3011959</v>
      </c>
      <c r="S13" s="104">
        <v>2750113</v>
      </c>
      <c r="T13" s="104">
        <v>2634594</v>
      </c>
      <c r="U13" s="104">
        <v>3343323</v>
      </c>
      <c r="V13" s="104">
        <v>2639666</v>
      </c>
      <c r="W13" s="103">
        <v>14379655</v>
      </c>
      <c r="X13" s="106">
        <v>14823589</v>
      </c>
      <c r="Y13" s="100">
        <v>0</v>
      </c>
      <c r="Z13" s="104">
        <v>0</v>
      </c>
      <c r="AA13" s="103">
        <v>0</v>
      </c>
      <c r="AB13" s="100">
        <v>0</v>
      </c>
      <c r="AC13" s="104">
        <v>1371922</v>
      </c>
      <c r="AD13" s="104">
        <v>1130705</v>
      </c>
      <c r="AE13" s="104">
        <v>1262895</v>
      </c>
      <c r="AF13" s="104">
        <v>1568320</v>
      </c>
      <c r="AG13" s="104">
        <v>964533</v>
      </c>
      <c r="AH13" s="103">
        <v>6298375</v>
      </c>
      <c r="AI13" s="106">
        <v>6298375</v>
      </c>
      <c r="AJ13" s="100">
        <v>0</v>
      </c>
      <c r="AK13" s="104">
        <v>0</v>
      </c>
      <c r="AL13" s="103">
        <v>0</v>
      </c>
      <c r="AM13" s="100">
        <v>0</v>
      </c>
      <c r="AN13" s="104">
        <v>51149</v>
      </c>
      <c r="AO13" s="104">
        <v>11856</v>
      </c>
      <c r="AP13" s="104">
        <v>20199</v>
      </c>
      <c r="AQ13" s="104">
        <v>355564</v>
      </c>
      <c r="AR13" s="104">
        <v>431381</v>
      </c>
      <c r="AS13" s="103">
        <v>870149</v>
      </c>
      <c r="AT13" s="106">
        <v>870149</v>
      </c>
      <c r="AU13" s="100">
        <v>14011</v>
      </c>
      <c r="AV13" s="104">
        <v>84155</v>
      </c>
      <c r="AW13" s="103">
        <v>98166</v>
      </c>
      <c r="AX13" s="100">
        <v>0</v>
      </c>
      <c r="AY13" s="104">
        <v>838430</v>
      </c>
      <c r="AZ13" s="104">
        <v>878179</v>
      </c>
      <c r="BA13" s="104">
        <v>820590</v>
      </c>
      <c r="BB13" s="104">
        <v>731173</v>
      </c>
      <c r="BC13" s="104">
        <v>780122</v>
      </c>
      <c r="BD13" s="103">
        <v>4048494</v>
      </c>
      <c r="BE13" s="106">
        <v>4146660</v>
      </c>
      <c r="BF13" s="100">
        <v>18196</v>
      </c>
      <c r="BG13" s="104">
        <v>0</v>
      </c>
      <c r="BH13" s="102">
        <v>18196</v>
      </c>
      <c r="BI13" s="101">
        <v>0</v>
      </c>
      <c r="BJ13" s="104">
        <v>84247</v>
      </c>
      <c r="BK13" s="104">
        <v>210631</v>
      </c>
      <c r="BL13" s="104">
        <v>66677</v>
      </c>
      <c r="BM13" s="104">
        <v>136561</v>
      </c>
      <c r="BN13" s="104">
        <v>9309</v>
      </c>
      <c r="BO13" s="103">
        <v>507425</v>
      </c>
      <c r="BP13" s="106">
        <v>525621</v>
      </c>
      <c r="BQ13" s="100">
        <v>265629</v>
      </c>
      <c r="BR13" s="104">
        <v>61943</v>
      </c>
      <c r="BS13" s="103">
        <v>327572</v>
      </c>
      <c r="BT13" s="100">
        <v>0</v>
      </c>
      <c r="BU13" s="104">
        <v>666211</v>
      </c>
      <c r="BV13" s="104">
        <v>518742</v>
      </c>
      <c r="BW13" s="104">
        <v>464233</v>
      </c>
      <c r="BX13" s="104">
        <v>551705</v>
      </c>
      <c r="BY13" s="104">
        <v>454321</v>
      </c>
      <c r="BZ13" s="103">
        <v>2655212</v>
      </c>
      <c r="CA13" s="106">
        <v>2982784</v>
      </c>
      <c r="CB13" s="100">
        <v>37226</v>
      </c>
      <c r="CC13" s="104">
        <v>129375</v>
      </c>
      <c r="CD13" s="103">
        <v>166601</v>
      </c>
      <c r="CE13" s="100">
        <v>0</v>
      </c>
      <c r="CF13" s="104">
        <v>3493863</v>
      </c>
      <c r="CG13" s="104">
        <v>2681846</v>
      </c>
      <c r="CH13" s="104">
        <v>1435451</v>
      </c>
      <c r="CI13" s="104">
        <v>946389</v>
      </c>
      <c r="CJ13" s="104">
        <v>597779</v>
      </c>
      <c r="CK13" s="103">
        <v>9155328</v>
      </c>
      <c r="CL13" s="106">
        <v>9321929</v>
      </c>
      <c r="CM13" s="100">
        <v>0</v>
      </c>
      <c r="CN13" s="104">
        <v>0</v>
      </c>
      <c r="CO13" s="103">
        <v>0</v>
      </c>
      <c r="CP13" s="101">
        <v>0</v>
      </c>
      <c r="CQ13" s="104">
        <v>2904620</v>
      </c>
      <c r="CR13" s="104">
        <v>2054323</v>
      </c>
      <c r="CS13" s="104">
        <v>852884</v>
      </c>
      <c r="CT13" s="104">
        <v>571382</v>
      </c>
      <c r="CU13" s="104">
        <v>419814</v>
      </c>
      <c r="CV13" s="103">
        <v>6803023</v>
      </c>
      <c r="CW13" s="106">
        <v>6803023</v>
      </c>
      <c r="CX13" s="100">
        <v>37226</v>
      </c>
      <c r="CY13" s="104">
        <v>129375</v>
      </c>
      <c r="CZ13" s="103">
        <v>166601</v>
      </c>
      <c r="DA13" s="100">
        <v>0</v>
      </c>
      <c r="DB13" s="104">
        <v>589243</v>
      </c>
      <c r="DC13" s="104">
        <v>627523</v>
      </c>
      <c r="DD13" s="104">
        <v>582567</v>
      </c>
      <c r="DE13" s="104">
        <v>375007</v>
      </c>
      <c r="DF13" s="104">
        <v>177965</v>
      </c>
      <c r="DG13" s="103">
        <v>2352305</v>
      </c>
      <c r="DH13" s="106">
        <v>2518906</v>
      </c>
      <c r="DI13" s="100">
        <v>0</v>
      </c>
      <c r="DJ13" s="104">
        <v>0</v>
      </c>
      <c r="DK13" s="102">
        <v>0</v>
      </c>
      <c r="DL13" s="101">
        <v>0</v>
      </c>
      <c r="DM13" s="104">
        <v>547941</v>
      </c>
      <c r="DN13" s="104">
        <v>717688</v>
      </c>
      <c r="DO13" s="104">
        <v>84402</v>
      </c>
      <c r="DP13" s="104">
        <v>568770</v>
      </c>
      <c r="DQ13" s="104">
        <v>278204</v>
      </c>
      <c r="DR13" s="103">
        <v>2197005</v>
      </c>
      <c r="DS13" s="106">
        <v>2197005</v>
      </c>
      <c r="DT13" s="100">
        <v>0</v>
      </c>
      <c r="DU13" s="104">
        <v>0</v>
      </c>
      <c r="DV13" s="103">
        <v>0</v>
      </c>
      <c r="DW13" s="100">
        <v>0</v>
      </c>
      <c r="DX13" s="104">
        <v>449160</v>
      </c>
      <c r="DY13" s="104">
        <v>576986</v>
      </c>
      <c r="DZ13" s="104">
        <v>84402</v>
      </c>
      <c r="EA13" s="104">
        <v>568770</v>
      </c>
      <c r="EB13" s="104">
        <v>278204</v>
      </c>
      <c r="EC13" s="103">
        <v>1957522</v>
      </c>
      <c r="ED13" s="106">
        <v>1957522</v>
      </c>
      <c r="EE13" s="100">
        <v>0</v>
      </c>
      <c r="EF13" s="102">
        <v>0</v>
      </c>
      <c r="EG13" s="103">
        <v>0</v>
      </c>
      <c r="EH13" s="100">
        <v>0</v>
      </c>
      <c r="EI13" s="104">
        <v>98781</v>
      </c>
      <c r="EJ13" s="104">
        <v>140702</v>
      </c>
      <c r="EK13" s="104">
        <v>0</v>
      </c>
      <c r="EL13" s="104">
        <v>0</v>
      </c>
      <c r="EM13" s="104">
        <v>0</v>
      </c>
      <c r="EN13" s="102">
        <v>239483</v>
      </c>
      <c r="EO13" s="106">
        <v>239483</v>
      </c>
      <c r="EP13" s="100">
        <v>0</v>
      </c>
      <c r="EQ13" s="104">
        <v>0</v>
      </c>
      <c r="ER13" s="102">
        <v>0</v>
      </c>
      <c r="ES13" s="101">
        <v>0</v>
      </c>
      <c r="ET13" s="104">
        <v>0</v>
      </c>
      <c r="EU13" s="104">
        <v>0</v>
      </c>
      <c r="EV13" s="104">
        <v>0</v>
      </c>
      <c r="EW13" s="104">
        <v>0</v>
      </c>
      <c r="EX13" s="104">
        <v>0</v>
      </c>
      <c r="EY13" s="103">
        <v>0</v>
      </c>
      <c r="EZ13" s="106">
        <v>0</v>
      </c>
      <c r="FA13" s="100">
        <v>0</v>
      </c>
      <c r="FB13" s="104">
        <v>0</v>
      </c>
      <c r="FC13" s="102">
        <v>0</v>
      </c>
      <c r="FD13" s="470">
        <v>0</v>
      </c>
      <c r="FE13" s="104">
        <v>0</v>
      </c>
      <c r="FF13" s="104">
        <v>0</v>
      </c>
      <c r="FG13" s="104">
        <v>0</v>
      </c>
      <c r="FH13" s="104">
        <v>0</v>
      </c>
      <c r="FI13" s="104">
        <v>0</v>
      </c>
      <c r="FJ13" s="103">
        <v>0</v>
      </c>
      <c r="FK13" s="106">
        <v>0</v>
      </c>
      <c r="FL13" s="100">
        <v>279562</v>
      </c>
      <c r="FM13" s="104">
        <v>86702</v>
      </c>
      <c r="FN13" s="103">
        <v>366264</v>
      </c>
      <c r="FO13" s="100">
        <v>0</v>
      </c>
      <c r="FP13" s="104">
        <v>695385</v>
      </c>
      <c r="FQ13" s="104">
        <v>872767</v>
      </c>
      <c r="FR13" s="104">
        <v>579257</v>
      </c>
      <c r="FS13" s="104">
        <v>555611</v>
      </c>
      <c r="FT13" s="104">
        <v>304591</v>
      </c>
      <c r="FU13" s="103">
        <v>3007611</v>
      </c>
      <c r="FV13" s="106">
        <v>3373875</v>
      </c>
      <c r="FW13" s="105">
        <v>27580</v>
      </c>
      <c r="FX13" s="104">
        <v>76692</v>
      </c>
      <c r="FY13" s="102">
        <v>104272</v>
      </c>
      <c r="FZ13" s="101">
        <v>0</v>
      </c>
      <c r="GA13" s="104">
        <v>484652</v>
      </c>
      <c r="GB13" s="104">
        <v>799449</v>
      </c>
      <c r="GC13" s="104">
        <v>546329</v>
      </c>
      <c r="GD13" s="104">
        <v>555611</v>
      </c>
      <c r="GE13" s="104">
        <v>304591</v>
      </c>
      <c r="GF13" s="103">
        <v>2690632</v>
      </c>
      <c r="GG13" s="290">
        <v>2794904</v>
      </c>
      <c r="GH13" s="105">
        <v>36382</v>
      </c>
      <c r="GI13" s="104">
        <v>10010</v>
      </c>
      <c r="GJ13" s="102">
        <v>46392</v>
      </c>
      <c r="GK13" s="101">
        <v>0</v>
      </c>
      <c r="GL13" s="104">
        <v>70733</v>
      </c>
      <c r="GM13" s="104">
        <v>12936</v>
      </c>
      <c r="GN13" s="104">
        <v>32928</v>
      </c>
      <c r="GO13" s="104">
        <v>0</v>
      </c>
      <c r="GP13" s="104">
        <v>0</v>
      </c>
      <c r="GQ13" s="103">
        <v>116597</v>
      </c>
      <c r="GR13" s="106">
        <v>162989</v>
      </c>
      <c r="GS13" s="100">
        <v>215600</v>
      </c>
      <c r="GT13" s="104">
        <v>0</v>
      </c>
      <c r="GU13" s="103">
        <v>215600</v>
      </c>
      <c r="GV13" s="100">
        <v>0</v>
      </c>
      <c r="GW13" s="104">
        <v>140000</v>
      </c>
      <c r="GX13" s="104">
        <v>60382</v>
      </c>
      <c r="GY13" s="104">
        <v>0</v>
      </c>
      <c r="GZ13" s="104">
        <v>0</v>
      </c>
      <c r="HA13" s="104">
        <v>0</v>
      </c>
      <c r="HB13" s="102">
        <v>200382</v>
      </c>
      <c r="HC13" s="106">
        <v>415982</v>
      </c>
      <c r="HD13" s="100">
        <v>645255</v>
      </c>
      <c r="HE13" s="104">
        <v>194314</v>
      </c>
      <c r="HF13" s="102">
        <v>839569</v>
      </c>
      <c r="HG13" s="101">
        <v>0</v>
      </c>
      <c r="HH13" s="104">
        <v>3996089</v>
      </c>
      <c r="HI13" s="104">
        <v>2688540</v>
      </c>
      <c r="HJ13" s="104">
        <v>2770520</v>
      </c>
      <c r="HK13" s="104">
        <v>2873020</v>
      </c>
      <c r="HL13" s="104">
        <v>4144944</v>
      </c>
      <c r="HM13" s="103">
        <v>16473113</v>
      </c>
      <c r="HN13" s="99">
        <v>17312682</v>
      </c>
      <c r="HO13" s="456">
        <v>0</v>
      </c>
      <c r="HP13" s="457">
        <v>0</v>
      </c>
      <c r="HQ13" s="458">
        <v>0</v>
      </c>
      <c r="HR13" s="459">
        <v>0</v>
      </c>
      <c r="HS13" s="457">
        <v>0</v>
      </c>
      <c r="HT13" s="457">
        <v>0</v>
      </c>
      <c r="HU13" s="457">
        <v>0</v>
      </c>
      <c r="HV13" s="457">
        <v>0</v>
      </c>
      <c r="HW13" s="457">
        <v>0</v>
      </c>
      <c r="HX13" s="460">
        <v>0</v>
      </c>
      <c r="HY13" s="461">
        <v>0</v>
      </c>
      <c r="HZ13" s="118">
        <v>42744</v>
      </c>
      <c r="IA13" s="119">
        <v>0</v>
      </c>
      <c r="IB13" s="120">
        <v>42744</v>
      </c>
      <c r="IC13" s="131">
        <v>0</v>
      </c>
      <c r="ID13" s="119">
        <v>1844126</v>
      </c>
      <c r="IE13" s="132">
        <v>1642106</v>
      </c>
      <c r="IF13" s="120">
        <v>2097138</v>
      </c>
      <c r="IG13" s="119">
        <v>1438474</v>
      </c>
      <c r="IH13" s="120">
        <v>1078970</v>
      </c>
      <c r="II13" s="133">
        <v>8100814</v>
      </c>
      <c r="IJ13" s="126">
        <v>8143558</v>
      </c>
      <c r="IK13" s="215">
        <v>0</v>
      </c>
      <c r="IL13" s="219">
        <v>0</v>
      </c>
      <c r="IM13" s="220">
        <v>0</v>
      </c>
      <c r="IN13" s="470">
        <v>0</v>
      </c>
      <c r="IO13" s="109">
        <v>0</v>
      </c>
      <c r="IP13" s="109">
        <v>118686</v>
      </c>
      <c r="IQ13" s="109">
        <v>0</v>
      </c>
      <c r="IR13" s="109">
        <v>0</v>
      </c>
      <c r="IS13" s="109">
        <v>0</v>
      </c>
      <c r="IT13" s="128">
        <v>118686</v>
      </c>
      <c r="IU13" s="292">
        <v>118686</v>
      </c>
      <c r="IV13" s="129">
        <v>0</v>
      </c>
      <c r="IW13" s="109">
        <v>0</v>
      </c>
      <c r="IX13" s="110">
        <v>0</v>
      </c>
      <c r="IY13" s="470">
        <v>0</v>
      </c>
      <c r="IZ13" s="109">
        <v>0</v>
      </c>
      <c r="JA13" s="109">
        <v>0</v>
      </c>
      <c r="JB13" s="109">
        <v>0</v>
      </c>
      <c r="JC13" s="109">
        <v>0</v>
      </c>
      <c r="JD13" s="109">
        <v>0</v>
      </c>
      <c r="JE13" s="110">
        <v>0</v>
      </c>
      <c r="JF13" s="111">
        <v>0</v>
      </c>
      <c r="JG13" s="129">
        <v>0</v>
      </c>
      <c r="JH13" s="109">
        <v>0</v>
      </c>
      <c r="JI13" s="128">
        <v>0</v>
      </c>
      <c r="JJ13" s="108">
        <v>0</v>
      </c>
      <c r="JK13" s="109">
        <v>1121812</v>
      </c>
      <c r="JL13" s="109">
        <v>777046</v>
      </c>
      <c r="JM13" s="109">
        <v>520648</v>
      </c>
      <c r="JN13" s="109">
        <v>113322</v>
      </c>
      <c r="JO13" s="109">
        <v>220311</v>
      </c>
      <c r="JP13" s="110">
        <v>2753139</v>
      </c>
      <c r="JQ13" s="292">
        <v>2753139</v>
      </c>
      <c r="JR13" s="129">
        <v>0</v>
      </c>
      <c r="JS13" s="109">
        <v>0</v>
      </c>
      <c r="JT13" s="128">
        <v>0</v>
      </c>
      <c r="JU13" s="108">
        <v>0</v>
      </c>
      <c r="JV13" s="109">
        <v>258575</v>
      </c>
      <c r="JW13" s="109">
        <v>306349</v>
      </c>
      <c r="JX13" s="109">
        <v>486512</v>
      </c>
      <c r="JY13" s="109">
        <v>189742</v>
      </c>
      <c r="JZ13" s="109">
        <v>0</v>
      </c>
      <c r="KA13" s="110">
        <v>1241178</v>
      </c>
      <c r="KB13" s="292">
        <v>1241178</v>
      </c>
      <c r="KC13" s="217">
        <v>42744</v>
      </c>
      <c r="KD13" s="213">
        <v>0</v>
      </c>
      <c r="KE13" s="110">
        <v>42744</v>
      </c>
      <c r="KF13" s="108">
        <v>0</v>
      </c>
      <c r="KG13" s="109">
        <v>95746</v>
      </c>
      <c r="KH13" s="109">
        <v>0</v>
      </c>
      <c r="KI13" s="109">
        <v>184144</v>
      </c>
      <c r="KJ13" s="109">
        <v>214105</v>
      </c>
      <c r="KK13" s="109">
        <v>60948</v>
      </c>
      <c r="KL13" s="110">
        <v>554943</v>
      </c>
      <c r="KM13" s="130">
        <v>597687</v>
      </c>
      <c r="KN13" s="215">
        <v>0</v>
      </c>
      <c r="KO13" s="219">
        <v>0</v>
      </c>
      <c r="KP13" s="220">
        <v>0</v>
      </c>
      <c r="KQ13" s="470">
        <v>0</v>
      </c>
      <c r="KR13" s="109">
        <v>243113</v>
      </c>
      <c r="KS13" s="109">
        <v>440025</v>
      </c>
      <c r="KT13" s="109">
        <v>905834</v>
      </c>
      <c r="KU13" s="109">
        <v>921305</v>
      </c>
      <c r="KV13" s="109">
        <v>529208</v>
      </c>
      <c r="KW13" s="110">
        <v>3039485</v>
      </c>
      <c r="KX13" s="292">
        <v>3039485</v>
      </c>
      <c r="KY13" s="129">
        <v>0</v>
      </c>
      <c r="KZ13" s="109">
        <v>0</v>
      </c>
      <c r="LA13" s="110">
        <v>0</v>
      </c>
      <c r="LB13" s="470">
        <v>0</v>
      </c>
      <c r="LC13" s="109">
        <v>0</v>
      </c>
      <c r="LD13" s="109">
        <v>0</v>
      </c>
      <c r="LE13" s="109">
        <v>0</v>
      </c>
      <c r="LF13" s="109">
        <v>0</v>
      </c>
      <c r="LG13" s="109">
        <v>0</v>
      </c>
      <c r="LH13" s="110">
        <v>0</v>
      </c>
      <c r="LI13" s="111">
        <v>0</v>
      </c>
      <c r="LJ13" s="129">
        <v>0</v>
      </c>
      <c r="LK13" s="109">
        <v>0</v>
      </c>
      <c r="LL13" s="110">
        <v>0</v>
      </c>
      <c r="LM13" s="470">
        <v>0</v>
      </c>
      <c r="LN13" s="109">
        <v>0</v>
      </c>
      <c r="LO13" s="109">
        <v>0</v>
      </c>
      <c r="LP13" s="109">
        <v>0</v>
      </c>
      <c r="LQ13" s="109">
        <v>0</v>
      </c>
      <c r="LR13" s="109">
        <v>0</v>
      </c>
      <c r="LS13" s="110">
        <v>0</v>
      </c>
      <c r="LT13" s="292">
        <v>0</v>
      </c>
      <c r="LU13" s="129">
        <v>0</v>
      </c>
      <c r="LV13" s="109">
        <v>0</v>
      </c>
      <c r="LW13" s="110">
        <v>0</v>
      </c>
      <c r="LX13" s="470">
        <v>0</v>
      </c>
      <c r="LY13" s="109">
        <v>124880</v>
      </c>
      <c r="LZ13" s="109">
        <v>0</v>
      </c>
      <c r="MA13" s="109">
        <v>0</v>
      </c>
      <c r="MB13" s="109">
        <v>0</v>
      </c>
      <c r="MC13" s="109">
        <v>268503</v>
      </c>
      <c r="MD13" s="110">
        <v>393383</v>
      </c>
      <c r="ME13" s="111">
        <v>393383</v>
      </c>
      <c r="MF13" s="129">
        <v>0</v>
      </c>
      <c r="MG13" s="109">
        <v>0</v>
      </c>
      <c r="MH13" s="110">
        <v>0</v>
      </c>
      <c r="MI13" s="470">
        <v>0</v>
      </c>
      <c r="MJ13" s="109">
        <v>210210</v>
      </c>
      <c r="MK13" s="109">
        <v>369822</v>
      </c>
      <c r="ML13" s="109">
        <v>2681697</v>
      </c>
      <c r="MM13" s="109">
        <v>5719318</v>
      </c>
      <c r="MN13" s="109">
        <v>3177450</v>
      </c>
      <c r="MO13" s="110">
        <v>12158497</v>
      </c>
      <c r="MP13" s="130">
        <v>12158497</v>
      </c>
      <c r="MQ13" s="129">
        <v>0</v>
      </c>
      <c r="MR13" s="109">
        <v>0</v>
      </c>
      <c r="MS13" s="110">
        <v>0</v>
      </c>
      <c r="MT13" s="470">
        <v>0</v>
      </c>
      <c r="MU13" s="109">
        <v>0</v>
      </c>
      <c r="MV13" s="109">
        <v>209610</v>
      </c>
      <c r="MW13" s="109">
        <v>1729009</v>
      </c>
      <c r="MX13" s="109">
        <v>3804767</v>
      </c>
      <c r="MY13" s="109">
        <v>2618176</v>
      </c>
      <c r="MZ13" s="110">
        <v>8361562</v>
      </c>
      <c r="NA13" s="130">
        <v>8361562</v>
      </c>
      <c r="NB13" s="129">
        <v>0</v>
      </c>
      <c r="NC13" s="109">
        <v>0</v>
      </c>
      <c r="ND13" s="110">
        <v>0</v>
      </c>
      <c r="NE13" s="470">
        <v>0</v>
      </c>
      <c r="NF13" s="109">
        <v>210210</v>
      </c>
      <c r="NG13" s="109">
        <v>160212</v>
      </c>
      <c r="NH13" s="109">
        <v>952688</v>
      </c>
      <c r="NI13" s="109">
        <v>1914551</v>
      </c>
      <c r="NJ13" s="109">
        <v>559274</v>
      </c>
      <c r="NK13" s="110">
        <v>3796935</v>
      </c>
      <c r="NL13" s="292">
        <v>3796935</v>
      </c>
      <c r="NM13" s="129">
        <v>0</v>
      </c>
      <c r="NN13" s="109">
        <v>0</v>
      </c>
      <c r="NO13" s="110">
        <v>0</v>
      </c>
      <c r="NP13" s="470">
        <v>0</v>
      </c>
      <c r="NQ13" s="109">
        <v>0</v>
      </c>
      <c r="NR13" s="109">
        <v>0</v>
      </c>
      <c r="NS13" s="109">
        <v>0</v>
      </c>
      <c r="NT13" s="109">
        <v>0</v>
      </c>
      <c r="NU13" s="109">
        <v>0</v>
      </c>
      <c r="NV13" s="110">
        <v>0</v>
      </c>
      <c r="NW13" s="111">
        <v>0</v>
      </c>
      <c r="NX13" s="129">
        <v>0</v>
      </c>
      <c r="NY13" s="109">
        <v>0</v>
      </c>
      <c r="NZ13" s="110">
        <v>0</v>
      </c>
      <c r="OA13" s="470">
        <v>0</v>
      </c>
      <c r="OB13" s="109">
        <v>0</v>
      </c>
      <c r="OC13" s="109">
        <v>0</v>
      </c>
      <c r="OD13" s="109">
        <v>0</v>
      </c>
      <c r="OE13" s="109">
        <v>0</v>
      </c>
      <c r="OF13" s="109">
        <v>0</v>
      </c>
      <c r="OG13" s="110">
        <v>0</v>
      </c>
      <c r="OH13" s="111">
        <v>0</v>
      </c>
      <c r="OI13" s="129">
        <v>1302623</v>
      </c>
      <c r="OJ13" s="109">
        <v>556489</v>
      </c>
      <c r="OK13" s="128">
        <v>1859112</v>
      </c>
      <c r="OL13" s="108">
        <v>0</v>
      </c>
      <c r="OM13" s="109">
        <v>13799573</v>
      </c>
      <c r="ON13" s="109">
        <v>11722882</v>
      </c>
      <c r="OO13" s="109">
        <v>12283059</v>
      </c>
      <c r="OP13" s="109">
        <v>15444905</v>
      </c>
      <c r="OQ13" s="109">
        <v>12221604</v>
      </c>
      <c r="OR13" s="110">
        <v>65472023</v>
      </c>
      <c r="OS13" s="130">
        <v>67331135</v>
      </c>
    </row>
    <row r="14" spans="2:409" ht="21" customHeight="1" x14ac:dyDescent="0.2">
      <c r="B14" s="437" t="s">
        <v>8</v>
      </c>
      <c r="C14" s="100">
        <v>914075</v>
      </c>
      <c r="D14" s="104">
        <v>607324</v>
      </c>
      <c r="E14" s="103">
        <v>1521399</v>
      </c>
      <c r="F14" s="99">
        <v>0</v>
      </c>
      <c r="G14" s="104">
        <v>5978797</v>
      </c>
      <c r="H14" s="104">
        <v>6933811</v>
      </c>
      <c r="I14" s="104">
        <v>6164143</v>
      </c>
      <c r="J14" s="104">
        <v>5342161</v>
      </c>
      <c r="K14" s="104">
        <v>4315514</v>
      </c>
      <c r="L14" s="99">
        <v>28734426</v>
      </c>
      <c r="M14" s="106">
        <v>30255825</v>
      </c>
      <c r="N14" s="100">
        <v>119587</v>
      </c>
      <c r="O14" s="104">
        <v>193260</v>
      </c>
      <c r="P14" s="103">
        <v>312847</v>
      </c>
      <c r="Q14" s="100">
        <v>0</v>
      </c>
      <c r="R14" s="104">
        <v>1847361</v>
      </c>
      <c r="S14" s="104">
        <v>2654819</v>
      </c>
      <c r="T14" s="104">
        <v>1586111</v>
      </c>
      <c r="U14" s="104">
        <v>1783955</v>
      </c>
      <c r="V14" s="104">
        <v>1829200</v>
      </c>
      <c r="W14" s="103">
        <v>9701446</v>
      </c>
      <c r="X14" s="106">
        <v>10014293</v>
      </c>
      <c r="Y14" s="100">
        <v>0</v>
      </c>
      <c r="Z14" s="104">
        <v>0</v>
      </c>
      <c r="AA14" s="103">
        <v>0</v>
      </c>
      <c r="AB14" s="100">
        <v>0</v>
      </c>
      <c r="AC14" s="104">
        <v>822059</v>
      </c>
      <c r="AD14" s="104">
        <v>1450785</v>
      </c>
      <c r="AE14" s="104">
        <v>964920</v>
      </c>
      <c r="AF14" s="104">
        <v>858863</v>
      </c>
      <c r="AG14" s="104">
        <v>1039512</v>
      </c>
      <c r="AH14" s="103">
        <v>5136139</v>
      </c>
      <c r="AI14" s="106">
        <v>5136139</v>
      </c>
      <c r="AJ14" s="100">
        <v>0</v>
      </c>
      <c r="AK14" s="104">
        <v>0</v>
      </c>
      <c r="AL14" s="103">
        <v>0</v>
      </c>
      <c r="AM14" s="100">
        <v>0</v>
      </c>
      <c r="AN14" s="104">
        <v>0</v>
      </c>
      <c r="AO14" s="104">
        <v>0</v>
      </c>
      <c r="AP14" s="104">
        <v>0</v>
      </c>
      <c r="AQ14" s="104">
        <v>97444</v>
      </c>
      <c r="AR14" s="104">
        <v>126085</v>
      </c>
      <c r="AS14" s="103">
        <v>223529</v>
      </c>
      <c r="AT14" s="106">
        <v>223529</v>
      </c>
      <c r="AU14" s="100">
        <v>50997</v>
      </c>
      <c r="AV14" s="104">
        <v>104151</v>
      </c>
      <c r="AW14" s="103">
        <v>155148</v>
      </c>
      <c r="AX14" s="100">
        <v>0</v>
      </c>
      <c r="AY14" s="104">
        <v>660252</v>
      </c>
      <c r="AZ14" s="104">
        <v>729678</v>
      </c>
      <c r="BA14" s="104">
        <v>348465</v>
      </c>
      <c r="BB14" s="104">
        <v>558320</v>
      </c>
      <c r="BC14" s="104">
        <v>352263</v>
      </c>
      <c r="BD14" s="103">
        <v>2648978</v>
      </c>
      <c r="BE14" s="106">
        <v>2804126</v>
      </c>
      <c r="BF14" s="100">
        <v>18491</v>
      </c>
      <c r="BG14" s="104">
        <v>71931</v>
      </c>
      <c r="BH14" s="102">
        <v>90422</v>
      </c>
      <c r="BI14" s="101">
        <v>0</v>
      </c>
      <c r="BJ14" s="104">
        <v>96033</v>
      </c>
      <c r="BK14" s="104">
        <v>211289</v>
      </c>
      <c r="BL14" s="104">
        <v>97488</v>
      </c>
      <c r="BM14" s="104">
        <v>57704</v>
      </c>
      <c r="BN14" s="104">
        <v>70876</v>
      </c>
      <c r="BO14" s="103">
        <v>533390</v>
      </c>
      <c r="BP14" s="106">
        <v>623812</v>
      </c>
      <c r="BQ14" s="100">
        <v>50099</v>
      </c>
      <c r="BR14" s="104">
        <v>17178</v>
      </c>
      <c r="BS14" s="103">
        <v>67277</v>
      </c>
      <c r="BT14" s="100">
        <v>0</v>
      </c>
      <c r="BU14" s="104">
        <v>269017</v>
      </c>
      <c r="BV14" s="104">
        <v>263067</v>
      </c>
      <c r="BW14" s="104">
        <v>175238</v>
      </c>
      <c r="BX14" s="104">
        <v>211624</v>
      </c>
      <c r="BY14" s="104">
        <v>240464</v>
      </c>
      <c r="BZ14" s="103">
        <v>1159410</v>
      </c>
      <c r="CA14" s="106">
        <v>1226687</v>
      </c>
      <c r="CB14" s="100">
        <v>52846</v>
      </c>
      <c r="CC14" s="104">
        <v>172489</v>
      </c>
      <c r="CD14" s="103">
        <v>225335</v>
      </c>
      <c r="CE14" s="100">
        <v>0</v>
      </c>
      <c r="CF14" s="104">
        <v>1476363</v>
      </c>
      <c r="CG14" s="104">
        <v>1774829</v>
      </c>
      <c r="CH14" s="104">
        <v>1630883</v>
      </c>
      <c r="CI14" s="104">
        <v>919466</v>
      </c>
      <c r="CJ14" s="104">
        <v>570497</v>
      </c>
      <c r="CK14" s="103">
        <v>6372038</v>
      </c>
      <c r="CL14" s="106">
        <v>6597373</v>
      </c>
      <c r="CM14" s="100">
        <v>0</v>
      </c>
      <c r="CN14" s="104">
        <v>0</v>
      </c>
      <c r="CO14" s="103">
        <v>0</v>
      </c>
      <c r="CP14" s="101">
        <v>0</v>
      </c>
      <c r="CQ14" s="104">
        <v>1032685</v>
      </c>
      <c r="CR14" s="104">
        <v>1499749</v>
      </c>
      <c r="CS14" s="104">
        <v>964269</v>
      </c>
      <c r="CT14" s="104">
        <v>524580</v>
      </c>
      <c r="CU14" s="104">
        <v>362870</v>
      </c>
      <c r="CV14" s="103">
        <v>4384153</v>
      </c>
      <c r="CW14" s="106">
        <v>4384153</v>
      </c>
      <c r="CX14" s="100">
        <v>52846</v>
      </c>
      <c r="CY14" s="104">
        <v>172489</v>
      </c>
      <c r="CZ14" s="103">
        <v>225335</v>
      </c>
      <c r="DA14" s="100">
        <v>0</v>
      </c>
      <c r="DB14" s="104">
        <v>443678</v>
      </c>
      <c r="DC14" s="104">
        <v>275080</v>
      </c>
      <c r="DD14" s="104">
        <v>666614</v>
      </c>
      <c r="DE14" s="104">
        <v>394886</v>
      </c>
      <c r="DF14" s="104">
        <v>207627</v>
      </c>
      <c r="DG14" s="103">
        <v>1987885</v>
      </c>
      <c r="DH14" s="106">
        <v>2213220</v>
      </c>
      <c r="DI14" s="100">
        <v>0</v>
      </c>
      <c r="DJ14" s="104">
        <v>0</v>
      </c>
      <c r="DK14" s="102">
        <v>0</v>
      </c>
      <c r="DL14" s="101">
        <v>0</v>
      </c>
      <c r="DM14" s="104">
        <v>220996</v>
      </c>
      <c r="DN14" s="104">
        <v>251841</v>
      </c>
      <c r="DO14" s="104">
        <v>958665</v>
      </c>
      <c r="DP14" s="104">
        <v>359046</v>
      </c>
      <c r="DQ14" s="104">
        <v>625481</v>
      </c>
      <c r="DR14" s="103">
        <v>2416029</v>
      </c>
      <c r="DS14" s="106">
        <v>2416029</v>
      </c>
      <c r="DT14" s="100">
        <v>0</v>
      </c>
      <c r="DU14" s="104">
        <v>0</v>
      </c>
      <c r="DV14" s="103">
        <v>0</v>
      </c>
      <c r="DW14" s="100">
        <v>0</v>
      </c>
      <c r="DX14" s="104">
        <v>220996</v>
      </c>
      <c r="DY14" s="104">
        <v>208720</v>
      </c>
      <c r="DZ14" s="104">
        <v>917204</v>
      </c>
      <c r="EA14" s="104">
        <v>305641</v>
      </c>
      <c r="EB14" s="104">
        <v>625481</v>
      </c>
      <c r="EC14" s="103">
        <v>2278042</v>
      </c>
      <c r="ED14" s="106">
        <v>2278042</v>
      </c>
      <c r="EE14" s="100">
        <v>0</v>
      </c>
      <c r="EF14" s="102">
        <v>0</v>
      </c>
      <c r="EG14" s="103">
        <v>0</v>
      </c>
      <c r="EH14" s="100">
        <v>0</v>
      </c>
      <c r="EI14" s="104">
        <v>0</v>
      </c>
      <c r="EJ14" s="104">
        <v>43121</v>
      </c>
      <c r="EK14" s="104">
        <v>41461</v>
      </c>
      <c r="EL14" s="104">
        <v>53405</v>
      </c>
      <c r="EM14" s="104">
        <v>0</v>
      </c>
      <c r="EN14" s="102">
        <v>137987</v>
      </c>
      <c r="EO14" s="106">
        <v>137987</v>
      </c>
      <c r="EP14" s="100">
        <v>0</v>
      </c>
      <c r="EQ14" s="104">
        <v>0</v>
      </c>
      <c r="ER14" s="102">
        <v>0</v>
      </c>
      <c r="ES14" s="101">
        <v>0</v>
      </c>
      <c r="ET14" s="104">
        <v>0</v>
      </c>
      <c r="EU14" s="104">
        <v>0</v>
      </c>
      <c r="EV14" s="104">
        <v>0</v>
      </c>
      <c r="EW14" s="104">
        <v>0</v>
      </c>
      <c r="EX14" s="104">
        <v>0</v>
      </c>
      <c r="EY14" s="103">
        <v>0</v>
      </c>
      <c r="EZ14" s="106">
        <v>0</v>
      </c>
      <c r="FA14" s="100">
        <v>0</v>
      </c>
      <c r="FB14" s="104">
        <v>0</v>
      </c>
      <c r="FC14" s="102">
        <v>0</v>
      </c>
      <c r="FD14" s="470">
        <v>0</v>
      </c>
      <c r="FE14" s="104">
        <v>0</v>
      </c>
      <c r="FF14" s="104">
        <v>0</v>
      </c>
      <c r="FG14" s="104">
        <v>0</v>
      </c>
      <c r="FH14" s="104">
        <v>0</v>
      </c>
      <c r="FI14" s="104">
        <v>0</v>
      </c>
      <c r="FJ14" s="103">
        <v>0</v>
      </c>
      <c r="FK14" s="106">
        <v>0</v>
      </c>
      <c r="FL14" s="100">
        <v>348815</v>
      </c>
      <c r="FM14" s="104">
        <v>73031</v>
      </c>
      <c r="FN14" s="103">
        <v>421846</v>
      </c>
      <c r="FO14" s="100">
        <v>0</v>
      </c>
      <c r="FP14" s="104">
        <v>308558</v>
      </c>
      <c r="FQ14" s="104">
        <v>697144</v>
      </c>
      <c r="FR14" s="104">
        <v>489741</v>
      </c>
      <c r="FS14" s="104">
        <v>611054</v>
      </c>
      <c r="FT14" s="104">
        <v>326333</v>
      </c>
      <c r="FU14" s="103">
        <v>2432830</v>
      </c>
      <c r="FV14" s="106">
        <v>2854676</v>
      </c>
      <c r="FW14" s="105">
        <v>111958</v>
      </c>
      <c r="FX14" s="104">
        <v>73031</v>
      </c>
      <c r="FY14" s="102">
        <v>184989</v>
      </c>
      <c r="FZ14" s="101">
        <v>0</v>
      </c>
      <c r="GA14" s="104">
        <v>291058</v>
      </c>
      <c r="GB14" s="104">
        <v>641844</v>
      </c>
      <c r="GC14" s="104">
        <v>454321</v>
      </c>
      <c r="GD14" s="104">
        <v>492212</v>
      </c>
      <c r="GE14" s="104">
        <v>326333</v>
      </c>
      <c r="GF14" s="103">
        <v>2205768</v>
      </c>
      <c r="GG14" s="290">
        <v>2390757</v>
      </c>
      <c r="GH14" s="105">
        <v>11911</v>
      </c>
      <c r="GI14" s="104">
        <v>0</v>
      </c>
      <c r="GJ14" s="102">
        <v>11911</v>
      </c>
      <c r="GK14" s="101">
        <v>0</v>
      </c>
      <c r="GL14" s="104">
        <v>0</v>
      </c>
      <c r="GM14" s="104">
        <v>0</v>
      </c>
      <c r="GN14" s="104">
        <v>35420</v>
      </c>
      <c r="GO14" s="104">
        <v>20020</v>
      </c>
      <c r="GP14" s="104">
        <v>0</v>
      </c>
      <c r="GQ14" s="103">
        <v>55440</v>
      </c>
      <c r="GR14" s="106">
        <v>67351</v>
      </c>
      <c r="GS14" s="100">
        <v>224946</v>
      </c>
      <c r="GT14" s="104">
        <v>0</v>
      </c>
      <c r="GU14" s="103">
        <v>224946</v>
      </c>
      <c r="GV14" s="100">
        <v>0</v>
      </c>
      <c r="GW14" s="104">
        <v>17500</v>
      </c>
      <c r="GX14" s="104">
        <v>55300</v>
      </c>
      <c r="GY14" s="104">
        <v>0</v>
      </c>
      <c r="GZ14" s="104">
        <v>98822</v>
      </c>
      <c r="HA14" s="104">
        <v>0</v>
      </c>
      <c r="HB14" s="102">
        <v>171622</v>
      </c>
      <c r="HC14" s="106">
        <v>396568</v>
      </c>
      <c r="HD14" s="100">
        <v>392827</v>
      </c>
      <c r="HE14" s="104">
        <v>168544</v>
      </c>
      <c r="HF14" s="102">
        <v>561371</v>
      </c>
      <c r="HG14" s="101">
        <v>0</v>
      </c>
      <c r="HH14" s="104">
        <v>2125519</v>
      </c>
      <c r="HI14" s="104">
        <v>1555178</v>
      </c>
      <c r="HJ14" s="104">
        <v>1498743</v>
      </c>
      <c r="HK14" s="104">
        <v>1668640</v>
      </c>
      <c r="HL14" s="104">
        <v>964003</v>
      </c>
      <c r="HM14" s="103">
        <v>7812083</v>
      </c>
      <c r="HN14" s="99">
        <v>8373454</v>
      </c>
      <c r="HO14" s="456">
        <v>0</v>
      </c>
      <c r="HP14" s="457">
        <v>0</v>
      </c>
      <c r="HQ14" s="458">
        <v>0</v>
      </c>
      <c r="HR14" s="459">
        <v>0</v>
      </c>
      <c r="HS14" s="457">
        <v>0</v>
      </c>
      <c r="HT14" s="457">
        <v>0</v>
      </c>
      <c r="HU14" s="457">
        <v>0</v>
      </c>
      <c r="HV14" s="457">
        <v>0</v>
      </c>
      <c r="HW14" s="457">
        <v>0</v>
      </c>
      <c r="HX14" s="460">
        <v>0</v>
      </c>
      <c r="HY14" s="461">
        <v>0</v>
      </c>
      <c r="HZ14" s="118">
        <v>0</v>
      </c>
      <c r="IA14" s="119">
        <v>0</v>
      </c>
      <c r="IB14" s="120">
        <v>0</v>
      </c>
      <c r="IC14" s="121">
        <v>0</v>
      </c>
      <c r="ID14" s="122">
        <v>1321792</v>
      </c>
      <c r="IE14" s="123">
        <v>1490319</v>
      </c>
      <c r="IF14" s="124">
        <v>1265716</v>
      </c>
      <c r="IG14" s="122">
        <v>1999621</v>
      </c>
      <c r="IH14" s="124">
        <v>336583</v>
      </c>
      <c r="II14" s="125">
        <v>6414031</v>
      </c>
      <c r="IJ14" s="126">
        <v>6414031</v>
      </c>
      <c r="IK14" s="215">
        <v>0</v>
      </c>
      <c r="IL14" s="219">
        <v>0</v>
      </c>
      <c r="IM14" s="220">
        <v>0</v>
      </c>
      <c r="IN14" s="470">
        <v>0</v>
      </c>
      <c r="IO14" s="109">
        <v>0</v>
      </c>
      <c r="IP14" s="109">
        <v>0</v>
      </c>
      <c r="IQ14" s="109">
        <v>0</v>
      </c>
      <c r="IR14" s="109">
        <v>213479</v>
      </c>
      <c r="IS14" s="109">
        <v>0</v>
      </c>
      <c r="IT14" s="128">
        <v>213479</v>
      </c>
      <c r="IU14" s="292">
        <v>213479</v>
      </c>
      <c r="IV14" s="129">
        <v>0</v>
      </c>
      <c r="IW14" s="109">
        <v>0</v>
      </c>
      <c r="IX14" s="110">
        <v>0</v>
      </c>
      <c r="IY14" s="470">
        <v>0</v>
      </c>
      <c r="IZ14" s="109">
        <v>0</v>
      </c>
      <c r="JA14" s="109">
        <v>0</v>
      </c>
      <c r="JB14" s="109">
        <v>0</v>
      </c>
      <c r="JC14" s="109">
        <v>0</v>
      </c>
      <c r="JD14" s="109">
        <v>0</v>
      </c>
      <c r="JE14" s="110">
        <v>0</v>
      </c>
      <c r="JF14" s="111">
        <v>0</v>
      </c>
      <c r="JG14" s="129">
        <v>0</v>
      </c>
      <c r="JH14" s="109">
        <v>0</v>
      </c>
      <c r="JI14" s="128">
        <v>0</v>
      </c>
      <c r="JJ14" s="108">
        <v>0</v>
      </c>
      <c r="JK14" s="109">
        <v>1100856</v>
      </c>
      <c r="JL14" s="109">
        <v>620350</v>
      </c>
      <c r="JM14" s="109">
        <v>227806</v>
      </c>
      <c r="JN14" s="109">
        <v>544275</v>
      </c>
      <c r="JO14" s="109">
        <v>130915</v>
      </c>
      <c r="JP14" s="110">
        <v>2624202</v>
      </c>
      <c r="JQ14" s="292">
        <v>2624202</v>
      </c>
      <c r="JR14" s="129">
        <v>0</v>
      </c>
      <c r="JS14" s="109">
        <v>0</v>
      </c>
      <c r="JT14" s="128">
        <v>0</v>
      </c>
      <c r="JU14" s="108">
        <v>0</v>
      </c>
      <c r="JV14" s="109">
        <v>0</v>
      </c>
      <c r="JW14" s="109">
        <v>0</v>
      </c>
      <c r="JX14" s="109">
        <v>0</v>
      </c>
      <c r="JY14" s="109">
        <v>0</v>
      </c>
      <c r="JZ14" s="109">
        <v>0</v>
      </c>
      <c r="KA14" s="110">
        <v>0</v>
      </c>
      <c r="KB14" s="292">
        <v>0</v>
      </c>
      <c r="KC14" s="217">
        <v>0</v>
      </c>
      <c r="KD14" s="213">
        <v>0</v>
      </c>
      <c r="KE14" s="110">
        <v>0</v>
      </c>
      <c r="KF14" s="108">
        <v>0</v>
      </c>
      <c r="KG14" s="109">
        <v>95746</v>
      </c>
      <c r="KH14" s="109">
        <v>0</v>
      </c>
      <c r="KI14" s="109">
        <v>588331</v>
      </c>
      <c r="KJ14" s="109">
        <v>252935</v>
      </c>
      <c r="KK14" s="109">
        <v>0</v>
      </c>
      <c r="KL14" s="110">
        <v>937012</v>
      </c>
      <c r="KM14" s="130">
        <v>937012</v>
      </c>
      <c r="KN14" s="215">
        <v>0</v>
      </c>
      <c r="KO14" s="219">
        <v>0</v>
      </c>
      <c r="KP14" s="220">
        <v>0</v>
      </c>
      <c r="KQ14" s="470">
        <v>0</v>
      </c>
      <c r="KR14" s="109">
        <v>0</v>
      </c>
      <c r="KS14" s="109">
        <v>869969</v>
      </c>
      <c r="KT14" s="109">
        <v>449579</v>
      </c>
      <c r="KU14" s="109">
        <v>457361</v>
      </c>
      <c r="KV14" s="109">
        <v>0</v>
      </c>
      <c r="KW14" s="110">
        <v>1776909</v>
      </c>
      <c r="KX14" s="292">
        <v>1776909</v>
      </c>
      <c r="KY14" s="129">
        <v>0</v>
      </c>
      <c r="KZ14" s="109">
        <v>0</v>
      </c>
      <c r="LA14" s="110">
        <v>0</v>
      </c>
      <c r="LB14" s="470">
        <v>0</v>
      </c>
      <c r="LC14" s="109">
        <v>0</v>
      </c>
      <c r="LD14" s="109">
        <v>0</v>
      </c>
      <c r="LE14" s="109">
        <v>0</v>
      </c>
      <c r="LF14" s="109">
        <v>192347</v>
      </c>
      <c r="LG14" s="109">
        <v>205668</v>
      </c>
      <c r="LH14" s="110">
        <v>398015</v>
      </c>
      <c r="LI14" s="111">
        <v>398015</v>
      </c>
      <c r="LJ14" s="129">
        <v>0</v>
      </c>
      <c r="LK14" s="109">
        <v>0</v>
      </c>
      <c r="LL14" s="110">
        <v>0</v>
      </c>
      <c r="LM14" s="470">
        <v>0</v>
      </c>
      <c r="LN14" s="109">
        <v>0</v>
      </c>
      <c r="LO14" s="109">
        <v>0</v>
      </c>
      <c r="LP14" s="109">
        <v>0</v>
      </c>
      <c r="LQ14" s="109">
        <v>339224</v>
      </c>
      <c r="LR14" s="109">
        <v>0</v>
      </c>
      <c r="LS14" s="110">
        <v>339224</v>
      </c>
      <c r="LT14" s="292">
        <v>339224</v>
      </c>
      <c r="LU14" s="129">
        <v>0</v>
      </c>
      <c r="LV14" s="109">
        <v>0</v>
      </c>
      <c r="LW14" s="110">
        <v>0</v>
      </c>
      <c r="LX14" s="470">
        <v>0</v>
      </c>
      <c r="LY14" s="109">
        <v>125190</v>
      </c>
      <c r="LZ14" s="109">
        <v>0</v>
      </c>
      <c r="MA14" s="109">
        <v>0</v>
      </c>
      <c r="MB14" s="109">
        <v>0</v>
      </c>
      <c r="MC14" s="109">
        <v>0</v>
      </c>
      <c r="MD14" s="110">
        <v>125190</v>
      </c>
      <c r="ME14" s="111">
        <v>125190</v>
      </c>
      <c r="MF14" s="129">
        <v>0</v>
      </c>
      <c r="MG14" s="109">
        <v>0</v>
      </c>
      <c r="MH14" s="110">
        <v>0</v>
      </c>
      <c r="MI14" s="470">
        <v>0</v>
      </c>
      <c r="MJ14" s="109">
        <v>653630</v>
      </c>
      <c r="MK14" s="109">
        <v>1154621</v>
      </c>
      <c r="ML14" s="109">
        <v>3491657</v>
      </c>
      <c r="MM14" s="109">
        <v>3009410</v>
      </c>
      <c r="MN14" s="109">
        <v>1466788</v>
      </c>
      <c r="MO14" s="110">
        <v>9776106</v>
      </c>
      <c r="MP14" s="130">
        <v>9776106</v>
      </c>
      <c r="MQ14" s="129">
        <v>0</v>
      </c>
      <c r="MR14" s="109">
        <v>0</v>
      </c>
      <c r="MS14" s="110">
        <v>0</v>
      </c>
      <c r="MT14" s="470">
        <v>0</v>
      </c>
      <c r="MU14" s="109">
        <v>0</v>
      </c>
      <c r="MV14" s="109">
        <v>208660</v>
      </c>
      <c r="MW14" s="109">
        <v>1512546</v>
      </c>
      <c r="MX14" s="109">
        <v>1764680</v>
      </c>
      <c r="MY14" s="109">
        <v>1188731</v>
      </c>
      <c r="MZ14" s="110">
        <v>4674617</v>
      </c>
      <c r="NA14" s="130">
        <v>4674617</v>
      </c>
      <c r="NB14" s="129">
        <v>0</v>
      </c>
      <c r="NC14" s="109">
        <v>0</v>
      </c>
      <c r="ND14" s="110">
        <v>0</v>
      </c>
      <c r="NE14" s="470">
        <v>0</v>
      </c>
      <c r="NF14" s="109">
        <v>653630</v>
      </c>
      <c r="NG14" s="109">
        <v>711821</v>
      </c>
      <c r="NH14" s="109">
        <v>1979111</v>
      </c>
      <c r="NI14" s="109">
        <v>1244730</v>
      </c>
      <c r="NJ14" s="109">
        <v>278057</v>
      </c>
      <c r="NK14" s="110">
        <v>4867349</v>
      </c>
      <c r="NL14" s="292">
        <v>4867349</v>
      </c>
      <c r="NM14" s="129">
        <v>0</v>
      </c>
      <c r="NN14" s="109">
        <v>0</v>
      </c>
      <c r="NO14" s="110">
        <v>0</v>
      </c>
      <c r="NP14" s="470">
        <v>0</v>
      </c>
      <c r="NQ14" s="109">
        <v>0</v>
      </c>
      <c r="NR14" s="109">
        <v>0</v>
      </c>
      <c r="NS14" s="109">
        <v>0</v>
      </c>
      <c r="NT14" s="109">
        <v>0</v>
      </c>
      <c r="NU14" s="109">
        <v>0</v>
      </c>
      <c r="NV14" s="110">
        <v>0</v>
      </c>
      <c r="NW14" s="111">
        <v>0</v>
      </c>
      <c r="NX14" s="129">
        <v>0</v>
      </c>
      <c r="NY14" s="109">
        <v>0</v>
      </c>
      <c r="NZ14" s="110">
        <v>0</v>
      </c>
      <c r="OA14" s="470">
        <v>0</v>
      </c>
      <c r="OB14" s="109">
        <v>0</v>
      </c>
      <c r="OC14" s="109">
        <v>234140</v>
      </c>
      <c r="OD14" s="109">
        <v>0</v>
      </c>
      <c r="OE14" s="109">
        <v>0</v>
      </c>
      <c r="OF14" s="109">
        <v>0</v>
      </c>
      <c r="OG14" s="110">
        <v>234140</v>
      </c>
      <c r="OH14" s="111">
        <v>234140</v>
      </c>
      <c r="OI14" s="129">
        <v>914075</v>
      </c>
      <c r="OJ14" s="109">
        <v>607324</v>
      </c>
      <c r="OK14" s="128">
        <v>1521399</v>
      </c>
      <c r="OL14" s="108">
        <v>0</v>
      </c>
      <c r="OM14" s="109">
        <v>7954219</v>
      </c>
      <c r="ON14" s="109">
        <v>9578751</v>
      </c>
      <c r="OO14" s="109">
        <v>10921516</v>
      </c>
      <c r="OP14" s="109">
        <v>10351192</v>
      </c>
      <c r="OQ14" s="109">
        <v>6118885</v>
      </c>
      <c r="OR14" s="110">
        <v>44924563</v>
      </c>
      <c r="OS14" s="130">
        <v>46445962</v>
      </c>
    </row>
    <row r="15" spans="2:409" ht="21" customHeight="1" x14ac:dyDescent="0.2">
      <c r="B15" s="437" t="s">
        <v>9</v>
      </c>
      <c r="C15" s="100">
        <v>1473095</v>
      </c>
      <c r="D15" s="104">
        <v>1827004</v>
      </c>
      <c r="E15" s="103">
        <v>3300099</v>
      </c>
      <c r="F15" s="101">
        <v>0</v>
      </c>
      <c r="G15" s="104">
        <v>12256012</v>
      </c>
      <c r="H15" s="104">
        <v>13130138</v>
      </c>
      <c r="I15" s="104">
        <v>14129616</v>
      </c>
      <c r="J15" s="104">
        <v>13677034</v>
      </c>
      <c r="K15" s="104">
        <v>8064580</v>
      </c>
      <c r="L15" s="99">
        <v>61257380</v>
      </c>
      <c r="M15" s="106">
        <v>64557479</v>
      </c>
      <c r="N15" s="100">
        <v>479593</v>
      </c>
      <c r="O15" s="104">
        <v>473347</v>
      </c>
      <c r="P15" s="103">
        <v>952940</v>
      </c>
      <c r="Q15" s="100">
        <v>0</v>
      </c>
      <c r="R15" s="104">
        <v>4277072</v>
      </c>
      <c r="S15" s="104">
        <v>4409832</v>
      </c>
      <c r="T15" s="104">
        <v>4801822</v>
      </c>
      <c r="U15" s="104">
        <v>6675150</v>
      </c>
      <c r="V15" s="104">
        <v>4656155</v>
      </c>
      <c r="W15" s="103">
        <v>24820031</v>
      </c>
      <c r="X15" s="106">
        <v>25772971</v>
      </c>
      <c r="Y15" s="100">
        <v>0</v>
      </c>
      <c r="Z15" s="104">
        <v>0</v>
      </c>
      <c r="AA15" s="103">
        <v>0</v>
      </c>
      <c r="AB15" s="100">
        <v>0</v>
      </c>
      <c r="AC15" s="104">
        <v>1656535</v>
      </c>
      <c r="AD15" s="104">
        <v>1473503</v>
      </c>
      <c r="AE15" s="104">
        <v>2596281</v>
      </c>
      <c r="AF15" s="104">
        <v>4275759</v>
      </c>
      <c r="AG15" s="104">
        <v>2942410</v>
      </c>
      <c r="AH15" s="103">
        <v>12944488</v>
      </c>
      <c r="AI15" s="106">
        <v>12944488</v>
      </c>
      <c r="AJ15" s="100">
        <v>0</v>
      </c>
      <c r="AK15" s="104">
        <v>0</v>
      </c>
      <c r="AL15" s="103">
        <v>0</v>
      </c>
      <c r="AM15" s="100">
        <v>0</v>
      </c>
      <c r="AN15" s="104">
        <v>52822</v>
      </c>
      <c r="AO15" s="104">
        <v>0</v>
      </c>
      <c r="AP15" s="104">
        <v>52822</v>
      </c>
      <c r="AQ15" s="104">
        <v>483532</v>
      </c>
      <c r="AR15" s="104">
        <v>409750</v>
      </c>
      <c r="AS15" s="103">
        <v>998926</v>
      </c>
      <c r="AT15" s="106">
        <v>998926</v>
      </c>
      <c r="AU15" s="100">
        <v>198874</v>
      </c>
      <c r="AV15" s="104">
        <v>331325</v>
      </c>
      <c r="AW15" s="103">
        <v>530199</v>
      </c>
      <c r="AX15" s="100">
        <v>0</v>
      </c>
      <c r="AY15" s="104">
        <v>1862355</v>
      </c>
      <c r="AZ15" s="104">
        <v>1896386</v>
      </c>
      <c r="BA15" s="104">
        <v>1044380</v>
      </c>
      <c r="BB15" s="104">
        <v>944173</v>
      </c>
      <c r="BC15" s="104">
        <v>821737</v>
      </c>
      <c r="BD15" s="103">
        <v>6569031</v>
      </c>
      <c r="BE15" s="106">
        <v>7099230</v>
      </c>
      <c r="BF15" s="100">
        <v>18982</v>
      </c>
      <c r="BG15" s="104">
        <v>70349</v>
      </c>
      <c r="BH15" s="102">
        <v>89331</v>
      </c>
      <c r="BI15" s="101">
        <v>0</v>
      </c>
      <c r="BJ15" s="104">
        <v>71720</v>
      </c>
      <c r="BK15" s="104">
        <v>246227</v>
      </c>
      <c r="BL15" s="104">
        <v>239121</v>
      </c>
      <c r="BM15" s="104">
        <v>187084</v>
      </c>
      <c r="BN15" s="104">
        <v>71519</v>
      </c>
      <c r="BO15" s="103">
        <v>815671</v>
      </c>
      <c r="BP15" s="106">
        <v>905002</v>
      </c>
      <c r="BQ15" s="100">
        <v>261737</v>
      </c>
      <c r="BR15" s="104">
        <v>71673</v>
      </c>
      <c r="BS15" s="103">
        <v>333410</v>
      </c>
      <c r="BT15" s="100">
        <v>0</v>
      </c>
      <c r="BU15" s="104">
        <v>633640</v>
      </c>
      <c r="BV15" s="104">
        <v>793716</v>
      </c>
      <c r="BW15" s="104">
        <v>869218</v>
      </c>
      <c r="BX15" s="104">
        <v>784602</v>
      </c>
      <c r="BY15" s="104">
        <v>410739</v>
      </c>
      <c r="BZ15" s="103">
        <v>3491915</v>
      </c>
      <c r="CA15" s="106">
        <v>3825325</v>
      </c>
      <c r="CB15" s="100">
        <v>111669</v>
      </c>
      <c r="CC15" s="104">
        <v>309823</v>
      </c>
      <c r="CD15" s="103">
        <v>421492</v>
      </c>
      <c r="CE15" s="100">
        <v>0</v>
      </c>
      <c r="CF15" s="104">
        <v>2833024</v>
      </c>
      <c r="CG15" s="104">
        <v>2729044</v>
      </c>
      <c r="CH15" s="104">
        <v>1727523</v>
      </c>
      <c r="CI15" s="104">
        <v>1432963</v>
      </c>
      <c r="CJ15" s="104">
        <v>316960</v>
      </c>
      <c r="CK15" s="103">
        <v>9039514</v>
      </c>
      <c r="CL15" s="106">
        <v>9461006</v>
      </c>
      <c r="CM15" s="100">
        <v>0</v>
      </c>
      <c r="CN15" s="104">
        <v>0</v>
      </c>
      <c r="CO15" s="103">
        <v>0</v>
      </c>
      <c r="CP15" s="101">
        <v>0</v>
      </c>
      <c r="CQ15" s="104">
        <v>2206665</v>
      </c>
      <c r="CR15" s="104">
        <v>1248094</v>
      </c>
      <c r="CS15" s="104">
        <v>1078537</v>
      </c>
      <c r="CT15" s="104">
        <v>940708</v>
      </c>
      <c r="CU15" s="104">
        <v>244189</v>
      </c>
      <c r="CV15" s="103">
        <v>5718193</v>
      </c>
      <c r="CW15" s="106">
        <v>5718193</v>
      </c>
      <c r="CX15" s="100">
        <v>111669</v>
      </c>
      <c r="CY15" s="104">
        <v>309823</v>
      </c>
      <c r="CZ15" s="103">
        <v>421492</v>
      </c>
      <c r="DA15" s="100">
        <v>0</v>
      </c>
      <c r="DB15" s="104">
        <v>626359</v>
      </c>
      <c r="DC15" s="104">
        <v>1480950</v>
      </c>
      <c r="DD15" s="104">
        <v>648986</v>
      </c>
      <c r="DE15" s="104">
        <v>492255</v>
      </c>
      <c r="DF15" s="104">
        <v>72771</v>
      </c>
      <c r="DG15" s="103">
        <v>3321321</v>
      </c>
      <c r="DH15" s="106">
        <v>3742813</v>
      </c>
      <c r="DI15" s="100">
        <v>0</v>
      </c>
      <c r="DJ15" s="104">
        <v>0</v>
      </c>
      <c r="DK15" s="102">
        <v>0</v>
      </c>
      <c r="DL15" s="101">
        <v>0</v>
      </c>
      <c r="DM15" s="104">
        <v>522501</v>
      </c>
      <c r="DN15" s="104">
        <v>765706</v>
      </c>
      <c r="DO15" s="104">
        <v>1605989</v>
      </c>
      <c r="DP15" s="104">
        <v>614155</v>
      </c>
      <c r="DQ15" s="104">
        <v>435789</v>
      </c>
      <c r="DR15" s="103">
        <v>3944140</v>
      </c>
      <c r="DS15" s="106">
        <v>3944140</v>
      </c>
      <c r="DT15" s="100">
        <v>0</v>
      </c>
      <c r="DU15" s="104">
        <v>0</v>
      </c>
      <c r="DV15" s="103">
        <v>0</v>
      </c>
      <c r="DW15" s="100">
        <v>0</v>
      </c>
      <c r="DX15" s="104">
        <v>484292</v>
      </c>
      <c r="DY15" s="104">
        <v>721756</v>
      </c>
      <c r="DZ15" s="104">
        <v>805766</v>
      </c>
      <c r="EA15" s="104">
        <v>544775</v>
      </c>
      <c r="EB15" s="104">
        <v>435789</v>
      </c>
      <c r="EC15" s="103">
        <v>2992378</v>
      </c>
      <c r="ED15" s="106">
        <v>2992378</v>
      </c>
      <c r="EE15" s="100">
        <v>0</v>
      </c>
      <c r="EF15" s="102">
        <v>0</v>
      </c>
      <c r="EG15" s="103">
        <v>0</v>
      </c>
      <c r="EH15" s="100">
        <v>0</v>
      </c>
      <c r="EI15" s="104">
        <v>38209</v>
      </c>
      <c r="EJ15" s="104">
        <v>43950</v>
      </c>
      <c r="EK15" s="104">
        <v>800223</v>
      </c>
      <c r="EL15" s="104">
        <v>69380</v>
      </c>
      <c r="EM15" s="104">
        <v>0</v>
      </c>
      <c r="EN15" s="102">
        <v>951762</v>
      </c>
      <c r="EO15" s="106">
        <v>951762</v>
      </c>
      <c r="EP15" s="100">
        <v>0</v>
      </c>
      <c r="EQ15" s="104">
        <v>0</v>
      </c>
      <c r="ER15" s="102">
        <v>0</v>
      </c>
      <c r="ES15" s="101">
        <v>0</v>
      </c>
      <c r="ET15" s="104">
        <v>0</v>
      </c>
      <c r="EU15" s="104">
        <v>0</v>
      </c>
      <c r="EV15" s="104">
        <v>0</v>
      </c>
      <c r="EW15" s="104">
        <v>0</v>
      </c>
      <c r="EX15" s="104">
        <v>0</v>
      </c>
      <c r="EY15" s="103">
        <v>0</v>
      </c>
      <c r="EZ15" s="106">
        <v>0</v>
      </c>
      <c r="FA15" s="100">
        <v>0</v>
      </c>
      <c r="FB15" s="104">
        <v>0</v>
      </c>
      <c r="FC15" s="102">
        <v>0</v>
      </c>
      <c r="FD15" s="470">
        <v>0</v>
      </c>
      <c r="FE15" s="104">
        <v>0</v>
      </c>
      <c r="FF15" s="104">
        <v>0</v>
      </c>
      <c r="FG15" s="104">
        <v>0</v>
      </c>
      <c r="FH15" s="104">
        <v>0</v>
      </c>
      <c r="FI15" s="104">
        <v>0</v>
      </c>
      <c r="FJ15" s="103">
        <v>0</v>
      </c>
      <c r="FK15" s="106">
        <v>0</v>
      </c>
      <c r="FL15" s="100">
        <v>220283</v>
      </c>
      <c r="FM15" s="104">
        <v>319732</v>
      </c>
      <c r="FN15" s="103">
        <v>540015</v>
      </c>
      <c r="FO15" s="100">
        <v>0</v>
      </c>
      <c r="FP15" s="104">
        <v>794258</v>
      </c>
      <c r="FQ15" s="104">
        <v>1087065</v>
      </c>
      <c r="FR15" s="104">
        <v>831852</v>
      </c>
      <c r="FS15" s="104">
        <v>959791</v>
      </c>
      <c r="FT15" s="104">
        <v>599732</v>
      </c>
      <c r="FU15" s="103">
        <v>4272698</v>
      </c>
      <c r="FV15" s="106">
        <v>4812713</v>
      </c>
      <c r="FW15" s="105">
        <v>114583</v>
      </c>
      <c r="FX15" s="104">
        <v>162715</v>
      </c>
      <c r="FY15" s="102">
        <v>277298</v>
      </c>
      <c r="FZ15" s="101">
        <v>0</v>
      </c>
      <c r="GA15" s="104">
        <v>541530</v>
      </c>
      <c r="GB15" s="104">
        <v>1002379</v>
      </c>
      <c r="GC15" s="104">
        <v>775180</v>
      </c>
      <c r="GD15" s="104">
        <v>908201</v>
      </c>
      <c r="GE15" s="104">
        <v>599732</v>
      </c>
      <c r="GF15" s="103">
        <v>3827022</v>
      </c>
      <c r="GG15" s="290">
        <v>4104320</v>
      </c>
      <c r="GH15" s="105">
        <v>14700</v>
      </c>
      <c r="GI15" s="104">
        <v>17017</v>
      </c>
      <c r="GJ15" s="102">
        <v>31717</v>
      </c>
      <c r="GK15" s="101">
        <v>0</v>
      </c>
      <c r="GL15" s="104">
        <v>56728</v>
      </c>
      <c r="GM15" s="104">
        <v>60186</v>
      </c>
      <c r="GN15" s="104">
        <v>56672</v>
      </c>
      <c r="GO15" s="104">
        <v>40040</v>
      </c>
      <c r="GP15" s="104">
        <v>0</v>
      </c>
      <c r="GQ15" s="103">
        <v>213626</v>
      </c>
      <c r="GR15" s="106">
        <v>245343</v>
      </c>
      <c r="GS15" s="100">
        <v>91000</v>
      </c>
      <c r="GT15" s="104">
        <v>140000</v>
      </c>
      <c r="GU15" s="103">
        <v>231000</v>
      </c>
      <c r="GV15" s="100">
        <v>0</v>
      </c>
      <c r="GW15" s="104">
        <v>196000</v>
      </c>
      <c r="GX15" s="104">
        <v>24500</v>
      </c>
      <c r="GY15" s="104">
        <v>0</v>
      </c>
      <c r="GZ15" s="104">
        <v>11550</v>
      </c>
      <c r="HA15" s="104">
        <v>0</v>
      </c>
      <c r="HB15" s="102">
        <v>232050</v>
      </c>
      <c r="HC15" s="106">
        <v>463050</v>
      </c>
      <c r="HD15" s="100">
        <v>661550</v>
      </c>
      <c r="HE15" s="104">
        <v>724102</v>
      </c>
      <c r="HF15" s="102">
        <v>1385652</v>
      </c>
      <c r="HG15" s="101">
        <v>0</v>
      </c>
      <c r="HH15" s="104">
        <v>3829157</v>
      </c>
      <c r="HI15" s="104">
        <v>4138491</v>
      </c>
      <c r="HJ15" s="104">
        <v>5162430</v>
      </c>
      <c r="HK15" s="104">
        <v>3994975</v>
      </c>
      <c r="HL15" s="104">
        <v>2055944</v>
      </c>
      <c r="HM15" s="103">
        <v>19180997</v>
      </c>
      <c r="HN15" s="99">
        <v>20566649</v>
      </c>
      <c r="HO15" s="456">
        <v>0</v>
      </c>
      <c r="HP15" s="457">
        <v>0</v>
      </c>
      <c r="HQ15" s="458">
        <v>0</v>
      </c>
      <c r="HR15" s="459">
        <v>0</v>
      </c>
      <c r="HS15" s="457">
        <v>0</v>
      </c>
      <c r="HT15" s="457">
        <v>0</v>
      </c>
      <c r="HU15" s="457">
        <v>0</v>
      </c>
      <c r="HV15" s="457">
        <v>0</v>
      </c>
      <c r="HW15" s="457">
        <v>0</v>
      </c>
      <c r="HX15" s="460">
        <v>0</v>
      </c>
      <c r="HY15" s="461">
        <v>0</v>
      </c>
      <c r="HZ15" s="115">
        <v>76794</v>
      </c>
      <c r="IA15" s="134">
        <v>68145</v>
      </c>
      <c r="IB15" s="116">
        <v>144939</v>
      </c>
      <c r="IC15" s="131">
        <v>0</v>
      </c>
      <c r="ID15" s="119">
        <v>1876704</v>
      </c>
      <c r="IE15" s="132">
        <v>1751199</v>
      </c>
      <c r="IF15" s="120">
        <v>4017207</v>
      </c>
      <c r="IG15" s="119">
        <v>1310805</v>
      </c>
      <c r="IH15" s="120">
        <v>1348405</v>
      </c>
      <c r="II15" s="133">
        <v>10304320</v>
      </c>
      <c r="IJ15" s="117">
        <v>10449259</v>
      </c>
      <c r="IK15" s="215">
        <v>0</v>
      </c>
      <c r="IL15" s="219">
        <v>0</v>
      </c>
      <c r="IM15" s="220">
        <v>0</v>
      </c>
      <c r="IN15" s="470">
        <v>0</v>
      </c>
      <c r="IO15" s="109">
        <v>0</v>
      </c>
      <c r="IP15" s="109">
        <v>120317</v>
      </c>
      <c r="IQ15" s="109">
        <v>144783</v>
      </c>
      <c r="IR15" s="109">
        <v>200073</v>
      </c>
      <c r="IS15" s="109">
        <v>260066</v>
      </c>
      <c r="IT15" s="128">
        <v>725239</v>
      </c>
      <c r="IU15" s="292">
        <v>725239</v>
      </c>
      <c r="IV15" s="129">
        <v>0</v>
      </c>
      <c r="IW15" s="109">
        <v>0</v>
      </c>
      <c r="IX15" s="110">
        <v>0</v>
      </c>
      <c r="IY15" s="470">
        <v>0</v>
      </c>
      <c r="IZ15" s="109">
        <v>0</v>
      </c>
      <c r="JA15" s="109">
        <v>0</v>
      </c>
      <c r="JB15" s="109">
        <v>0</v>
      </c>
      <c r="JC15" s="109">
        <v>0</v>
      </c>
      <c r="JD15" s="109">
        <v>0</v>
      </c>
      <c r="JE15" s="110">
        <v>0</v>
      </c>
      <c r="JF15" s="111">
        <v>0</v>
      </c>
      <c r="JG15" s="129">
        <v>0</v>
      </c>
      <c r="JH15" s="109">
        <v>0</v>
      </c>
      <c r="JI15" s="128">
        <v>0</v>
      </c>
      <c r="JJ15" s="108">
        <v>0</v>
      </c>
      <c r="JK15" s="109">
        <v>1444650</v>
      </c>
      <c r="JL15" s="109">
        <v>917525</v>
      </c>
      <c r="JM15" s="109">
        <v>2197859</v>
      </c>
      <c r="JN15" s="109">
        <v>404521</v>
      </c>
      <c r="JO15" s="109">
        <v>184520</v>
      </c>
      <c r="JP15" s="110">
        <v>5149075</v>
      </c>
      <c r="JQ15" s="292">
        <v>5149075</v>
      </c>
      <c r="JR15" s="129">
        <v>0</v>
      </c>
      <c r="JS15" s="109">
        <v>0</v>
      </c>
      <c r="JT15" s="128">
        <v>0</v>
      </c>
      <c r="JU15" s="108">
        <v>0</v>
      </c>
      <c r="JV15" s="109">
        <v>0</v>
      </c>
      <c r="JW15" s="109">
        <v>69638</v>
      </c>
      <c r="JX15" s="109">
        <v>0</v>
      </c>
      <c r="JY15" s="109">
        <v>0</v>
      </c>
      <c r="JZ15" s="109">
        <v>0</v>
      </c>
      <c r="KA15" s="110">
        <v>69638</v>
      </c>
      <c r="KB15" s="292">
        <v>69638</v>
      </c>
      <c r="KC15" s="217">
        <v>76794</v>
      </c>
      <c r="KD15" s="213">
        <v>68145</v>
      </c>
      <c r="KE15" s="110">
        <v>144939</v>
      </c>
      <c r="KF15" s="108">
        <v>0</v>
      </c>
      <c r="KG15" s="109">
        <v>432054</v>
      </c>
      <c r="KH15" s="109">
        <v>0</v>
      </c>
      <c r="KI15" s="109">
        <v>380337</v>
      </c>
      <c r="KJ15" s="109">
        <v>0</v>
      </c>
      <c r="KK15" s="109">
        <v>263280</v>
      </c>
      <c r="KL15" s="110">
        <v>1075671</v>
      </c>
      <c r="KM15" s="130">
        <v>1220610</v>
      </c>
      <c r="KN15" s="215">
        <v>0</v>
      </c>
      <c r="KO15" s="219">
        <v>0</v>
      </c>
      <c r="KP15" s="220">
        <v>0</v>
      </c>
      <c r="KQ15" s="470">
        <v>0</v>
      </c>
      <c r="KR15" s="109">
        <v>0</v>
      </c>
      <c r="KS15" s="109">
        <v>444984</v>
      </c>
      <c r="KT15" s="109">
        <v>1294228</v>
      </c>
      <c r="KU15" s="109">
        <v>706211</v>
      </c>
      <c r="KV15" s="109">
        <v>0</v>
      </c>
      <c r="KW15" s="110">
        <v>2445423</v>
      </c>
      <c r="KX15" s="292">
        <v>2445423</v>
      </c>
      <c r="KY15" s="129">
        <v>0</v>
      </c>
      <c r="KZ15" s="109">
        <v>0</v>
      </c>
      <c r="LA15" s="110">
        <v>0</v>
      </c>
      <c r="LB15" s="470">
        <v>0</v>
      </c>
      <c r="LC15" s="109">
        <v>0</v>
      </c>
      <c r="LD15" s="109">
        <v>0</v>
      </c>
      <c r="LE15" s="109">
        <v>0</v>
      </c>
      <c r="LF15" s="109">
        <v>0</v>
      </c>
      <c r="LG15" s="109">
        <v>0</v>
      </c>
      <c r="LH15" s="110">
        <v>0</v>
      </c>
      <c r="LI15" s="111">
        <v>0</v>
      </c>
      <c r="LJ15" s="129">
        <v>0</v>
      </c>
      <c r="LK15" s="109">
        <v>0</v>
      </c>
      <c r="LL15" s="110">
        <v>0</v>
      </c>
      <c r="LM15" s="470">
        <v>0</v>
      </c>
      <c r="LN15" s="109">
        <v>0</v>
      </c>
      <c r="LO15" s="109">
        <v>0</v>
      </c>
      <c r="LP15" s="109">
        <v>0</v>
      </c>
      <c r="LQ15" s="109">
        <v>0</v>
      </c>
      <c r="LR15" s="109">
        <v>0</v>
      </c>
      <c r="LS15" s="110">
        <v>0</v>
      </c>
      <c r="LT15" s="292">
        <v>0</v>
      </c>
      <c r="LU15" s="129">
        <v>0</v>
      </c>
      <c r="LV15" s="109">
        <v>0</v>
      </c>
      <c r="LW15" s="110">
        <v>0</v>
      </c>
      <c r="LX15" s="470">
        <v>0</v>
      </c>
      <c r="LY15" s="109">
        <v>0</v>
      </c>
      <c r="LZ15" s="109">
        <v>198735</v>
      </c>
      <c r="MA15" s="109">
        <v>0</v>
      </c>
      <c r="MB15" s="109">
        <v>0</v>
      </c>
      <c r="MC15" s="109">
        <v>640539</v>
      </c>
      <c r="MD15" s="110">
        <v>839274</v>
      </c>
      <c r="ME15" s="111">
        <v>839274</v>
      </c>
      <c r="MF15" s="129">
        <v>0</v>
      </c>
      <c r="MG15" s="109">
        <v>0</v>
      </c>
      <c r="MH15" s="110">
        <v>0</v>
      </c>
      <c r="MI15" s="470">
        <v>0</v>
      </c>
      <c r="MJ15" s="109">
        <v>412562</v>
      </c>
      <c r="MK15" s="109">
        <v>1400233</v>
      </c>
      <c r="ML15" s="109">
        <v>3071554</v>
      </c>
      <c r="MM15" s="109">
        <v>5784264</v>
      </c>
      <c r="MN15" s="109">
        <v>5521349</v>
      </c>
      <c r="MO15" s="110">
        <v>16189962</v>
      </c>
      <c r="MP15" s="130">
        <v>16189962</v>
      </c>
      <c r="MQ15" s="129">
        <v>0</v>
      </c>
      <c r="MR15" s="109">
        <v>0</v>
      </c>
      <c r="MS15" s="110">
        <v>0</v>
      </c>
      <c r="MT15" s="470">
        <v>0</v>
      </c>
      <c r="MU15" s="109">
        <v>197373</v>
      </c>
      <c r="MV15" s="109">
        <v>0</v>
      </c>
      <c r="MW15" s="109">
        <v>1028145</v>
      </c>
      <c r="MX15" s="109">
        <v>3828302</v>
      </c>
      <c r="MY15" s="109">
        <v>2997228</v>
      </c>
      <c r="MZ15" s="110">
        <v>8051048</v>
      </c>
      <c r="NA15" s="130">
        <v>8051048</v>
      </c>
      <c r="NB15" s="129">
        <v>0</v>
      </c>
      <c r="NC15" s="109">
        <v>0</v>
      </c>
      <c r="ND15" s="110">
        <v>0</v>
      </c>
      <c r="NE15" s="470">
        <v>0</v>
      </c>
      <c r="NF15" s="109">
        <v>215189</v>
      </c>
      <c r="NG15" s="109">
        <v>1400233</v>
      </c>
      <c r="NH15" s="109">
        <v>2043409</v>
      </c>
      <c r="NI15" s="109">
        <v>1955962</v>
      </c>
      <c r="NJ15" s="109">
        <v>2524121</v>
      </c>
      <c r="NK15" s="110">
        <v>8138914</v>
      </c>
      <c r="NL15" s="292">
        <v>8138914</v>
      </c>
      <c r="NM15" s="129">
        <v>0</v>
      </c>
      <c r="NN15" s="109">
        <v>0</v>
      </c>
      <c r="NO15" s="110">
        <v>0</v>
      </c>
      <c r="NP15" s="470">
        <v>0</v>
      </c>
      <c r="NQ15" s="109">
        <v>0</v>
      </c>
      <c r="NR15" s="109">
        <v>0</v>
      </c>
      <c r="NS15" s="109">
        <v>0</v>
      </c>
      <c r="NT15" s="109">
        <v>0</v>
      </c>
      <c r="NU15" s="109">
        <v>0</v>
      </c>
      <c r="NV15" s="110">
        <v>0</v>
      </c>
      <c r="NW15" s="111">
        <v>0</v>
      </c>
      <c r="NX15" s="129">
        <v>0</v>
      </c>
      <c r="NY15" s="109">
        <v>0</v>
      </c>
      <c r="NZ15" s="110">
        <v>0</v>
      </c>
      <c r="OA15" s="470">
        <v>0</v>
      </c>
      <c r="OB15" s="109">
        <v>0</v>
      </c>
      <c r="OC15" s="109">
        <v>0</v>
      </c>
      <c r="OD15" s="109">
        <v>0</v>
      </c>
      <c r="OE15" s="109">
        <v>0</v>
      </c>
      <c r="OF15" s="109">
        <v>0</v>
      </c>
      <c r="OG15" s="110">
        <v>0</v>
      </c>
      <c r="OH15" s="111">
        <v>0</v>
      </c>
      <c r="OI15" s="129">
        <v>1549889</v>
      </c>
      <c r="OJ15" s="109">
        <v>1895149</v>
      </c>
      <c r="OK15" s="128">
        <v>3445038</v>
      </c>
      <c r="OL15" s="108">
        <v>0</v>
      </c>
      <c r="OM15" s="109">
        <v>14545278</v>
      </c>
      <c r="ON15" s="109">
        <v>16281570</v>
      </c>
      <c r="OO15" s="109">
        <v>21218377</v>
      </c>
      <c r="OP15" s="109">
        <v>20772103</v>
      </c>
      <c r="OQ15" s="109">
        <v>14934334</v>
      </c>
      <c r="OR15" s="110">
        <v>87751662</v>
      </c>
      <c r="OS15" s="130">
        <v>91196700</v>
      </c>
    </row>
    <row r="16" spans="2:409" ht="21" customHeight="1" x14ac:dyDescent="0.2">
      <c r="B16" s="437" t="s">
        <v>10</v>
      </c>
      <c r="C16" s="100">
        <v>1399971</v>
      </c>
      <c r="D16" s="104">
        <v>2446430</v>
      </c>
      <c r="E16" s="103">
        <v>3846401</v>
      </c>
      <c r="F16" s="155">
        <v>0</v>
      </c>
      <c r="G16" s="104">
        <v>17599063</v>
      </c>
      <c r="H16" s="104">
        <v>16082406</v>
      </c>
      <c r="I16" s="104">
        <v>14784444</v>
      </c>
      <c r="J16" s="104">
        <v>14966277</v>
      </c>
      <c r="K16" s="104">
        <v>13096642</v>
      </c>
      <c r="L16" s="99">
        <v>76528832</v>
      </c>
      <c r="M16" s="106">
        <v>80375233</v>
      </c>
      <c r="N16" s="100">
        <v>471646</v>
      </c>
      <c r="O16" s="104">
        <v>693784</v>
      </c>
      <c r="P16" s="103">
        <v>1165430</v>
      </c>
      <c r="Q16" s="100">
        <v>0</v>
      </c>
      <c r="R16" s="104">
        <v>6656483</v>
      </c>
      <c r="S16" s="104">
        <v>5389461</v>
      </c>
      <c r="T16" s="104">
        <v>5542086</v>
      </c>
      <c r="U16" s="104">
        <v>5085319</v>
      </c>
      <c r="V16" s="104">
        <v>4749581</v>
      </c>
      <c r="W16" s="103">
        <v>27422930</v>
      </c>
      <c r="X16" s="106">
        <v>28588360</v>
      </c>
      <c r="Y16" s="100">
        <v>0</v>
      </c>
      <c r="Z16" s="104">
        <v>0</v>
      </c>
      <c r="AA16" s="103">
        <v>0</v>
      </c>
      <c r="AB16" s="100">
        <v>0</v>
      </c>
      <c r="AC16" s="104">
        <v>3190519</v>
      </c>
      <c r="AD16" s="104">
        <v>2335604</v>
      </c>
      <c r="AE16" s="104">
        <v>3728894</v>
      </c>
      <c r="AF16" s="104">
        <v>3243911</v>
      </c>
      <c r="AG16" s="104">
        <v>2702983</v>
      </c>
      <c r="AH16" s="103">
        <v>15201911</v>
      </c>
      <c r="AI16" s="106">
        <v>15201911</v>
      </c>
      <c r="AJ16" s="100">
        <v>0</v>
      </c>
      <c r="AK16" s="104">
        <v>0</v>
      </c>
      <c r="AL16" s="103">
        <v>0</v>
      </c>
      <c r="AM16" s="100">
        <v>0</v>
      </c>
      <c r="AN16" s="104">
        <v>31095</v>
      </c>
      <c r="AO16" s="104">
        <v>126003</v>
      </c>
      <c r="AP16" s="104">
        <v>133684</v>
      </c>
      <c r="AQ16" s="104">
        <v>219954</v>
      </c>
      <c r="AR16" s="104">
        <v>210212</v>
      </c>
      <c r="AS16" s="103">
        <v>720948</v>
      </c>
      <c r="AT16" s="106">
        <v>720948</v>
      </c>
      <c r="AU16" s="100">
        <v>285256</v>
      </c>
      <c r="AV16" s="104">
        <v>462874</v>
      </c>
      <c r="AW16" s="103">
        <v>748130</v>
      </c>
      <c r="AX16" s="100">
        <v>0</v>
      </c>
      <c r="AY16" s="104">
        <v>2057947</v>
      </c>
      <c r="AZ16" s="104">
        <v>1593358</v>
      </c>
      <c r="BA16" s="104">
        <v>696622</v>
      </c>
      <c r="BB16" s="104">
        <v>796132</v>
      </c>
      <c r="BC16" s="104">
        <v>734850</v>
      </c>
      <c r="BD16" s="103">
        <v>5878909</v>
      </c>
      <c r="BE16" s="106">
        <v>6627039</v>
      </c>
      <c r="BF16" s="100">
        <v>32698</v>
      </c>
      <c r="BG16" s="104">
        <v>36891</v>
      </c>
      <c r="BH16" s="102">
        <v>69589</v>
      </c>
      <c r="BI16" s="101">
        <v>0</v>
      </c>
      <c r="BJ16" s="104">
        <v>183408</v>
      </c>
      <c r="BK16" s="104">
        <v>286914</v>
      </c>
      <c r="BL16" s="104">
        <v>69596</v>
      </c>
      <c r="BM16" s="104">
        <v>18684</v>
      </c>
      <c r="BN16" s="104">
        <v>95496</v>
      </c>
      <c r="BO16" s="103">
        <v>654098</v>
      </c>
      <c r="BP16" s="106">
        <v>723687</v>
      </c>
      <c r="BQ16" s="100">
        <v>153692</v>
      </c>
      <c r="BR16" s="104">
        <v>194019</v>
      </c>
      <c r="BS16" s="103">
        <v>347711</v>
      </c>
      <c r="BT16" s="100">
        <v>0</v>
      </c>
      <c r="BU16" s="104">
        <v>1193514</v>
      </c>
      <c r="BV16" s="104">
        <v>1047582</v>
      </c>
      <c r="BW16" s="104">
        <v>913290</v>
      </c>
      <c r="BX16" s="104">
        <v>806638</v>
      </c>
      <c r="BY16" s="104">
        <v>1006040</v>
      </c>
      <c r="BZ16" s="103">
        <v>4967064</v>
      </c>
      <c r="CA16" s="106">
        <v>5314775</v>
      </c>
      <c r="CB16" s="100">
        <v>54869</v>
      </c>
      <c r="CC16" s="104">
        <v>211916</v>
      </c>
      <c r="CD16" s="103">
        <v>266785</v>
      </c>
      <c r="CE16" s="100">
        <v>0</v>
      </c>
      <c r="CF16" s="104">
        <v>5127044</v>
      </c>
      <c r="CG16" s="104">
        <v>4154475</v>
      </c>
      <c r="CH16" s="104">
        <v>3052167</v>
      </c>
      <c r="CI16" s="104">
        <v>1338787</v>
      </c>
      <c r="CJ16" s="104">
        <v>503707</v>
      </c>
      <c r="CK16" s="103">
        <v>14176180</v>
      </c>
      <c r="CL16" s="106">
        <v>14442965</v>
      </c>
      <c r="CM16" s="100">
        <v>0</v>
      </c>
      <c r="CN16" s="104">
        <v>0</v>
      </c>
      <c r="CO16" s="103">
        <v>0</v>
      </c>
      <c r="CP16" s="101">
        <v>0</v>
      </c>
      <c r="CQ16" s="104">
        <v>4099016</v>
      </c>
      <c r="CR16" s="104">
        <v>3352688</v>
      </c>
      <c r="CS16" s="104">
        <v>2580055</v>
      </c>
      <c r="CT16" s="104">
        <v>1221837</v>
      </c>
      <c r="CU16" s="104">
        <v>414470</v>
      </c>
      <c r="CV16" s="103">
        <v>11668066</v>
      </c>
      <c r="CW16" s="106">
        <v>11668066</v>
      </c>
      <c r="CX16" s="100">
        <v>54869</v>
      </c>
      <c r="CY16" s="104">
        <v>211916</v>
      </c>
      <c r="CZ16" s="103">
        <v>266785</v>
      </c>
      <c r="DA16" s="100">
        <v>0</v>
      </c>
      <c r="DB16" s="104">
        <v>1028028</v>
      </c>
      <c r="DC16" s="104">
        <v>801787</v>
      </c>
      <c r="DD16" s="104">
        <v>472112</v>
      </c>
      <c r="DE16" s="104">
        <v>116950</v>
      </c>
      <c r="DF16" s="104">
        <v>89237</v>
      </c>
      <c r="DG16" s="103">
        <v>2508114</v>
      </c>
      <c r="DH16" s="106">
        <v>2774899</v>
      </c>
      <c r="DI16" s="100">
        <v>0</v>
      </c>
      <c r="DJ16" s="104">
        <v>148589</v>
      </c>
      <c r="DK16" s="102">
        <v>148589</v>
      </c>
      <c r="DL16" s="101">
        <v>0</v>
      </c>
      <c r="DM16" s="104">
        <v>501625</v>
      </c>
      <c r="DN16" s="104">
        <v>584668</v>
      </c>
      <c r="DO16" s="104">
        <v>1166570</v>
      </c>
      <c r="DP16" s="104">
        <v>1004886</v>
      </c>
      <c r="DQ16" s="104">
        <v>65998</v>
      </c>
      <c r="DR16" s="103">
        <v>3323747</v>
      </c>
      <c r="DS16" s="106">
        <v>3472336</v>
      </c>
      <c r="DT16" s="100">
        <v>0</v>
      </c>
      <c r="DU16" s="104">
        <v>148589</v>
      </c>
      <c r="DV16" s="103">
        <v>148589</v>
      </c>
      <c r="DW16" s="100">
        <v>0</v>
      </c>
      <c r="DX16" s="104">
        <v>345803</v>
      </c>
      <c r="DY16" s="104">
        <v>516319</v>
      </c>
      <c r="DZ16" s="104">
        <v>1166570</v>
      </c>
      <c r="EA16" s="104">
        <v>1004886</v>
      </c>
      <c r="EB16" s="104">
        <v>29079</v>
      </c>
      <c r="EC16" s="103">
        <v>3062657</v>
      </c>
      <c r="ED16" s="106">
        <v>3211246</v>
      </c>
      <c r="EE16" s="100">
        <v>0</v>
      </c>
      <c r="EF16" s="102">
        <v>0</v>
      </c>
      <c r="EG16" s="103">
        <v>0</v>
      </c>
      <c r="EH16" s="100">
        <v>0</v>
      </c>
      <c r="EI16" s="104">
        <v>155822</v>
      </c>
      <c r="EJ16" s="104">
        <v>68349</v>
      </c>
      <c r="EK16" s="104">
        <v>0</v>
      </c>
      <c r="EL16" s="104">
        <v>0</v>
      </c>
      <c r="EM16" s="104">
        <v>36919</v>
      </c>
      <c r="EN16" s="102">
        <v>261090</v>
      </c>
      <c r="EO16" s="106">
        <v>261090</v>
      </c>
      <c r="EP16" s="100">
        <v>0</v>
      </c>
      <c r="EQ16" s="104">
        <v>0</v>
      </c>
      <c r="ER16" s="102">
        <v>0</v>
      </c>
      <c r="ES16" s="101">
        <v>0</v>
      </c>
      <c r="ET16" s="104">
        <v>0</v>
      </c>
      <c r="EU16" s="104">
        <v>0</v>
      </c>
      <c r="EV16" s="104">
        <v>0</v>
      </c>
      <c r="EW16" s="104">
        <v>0</v>
      </c>
      <c r="EX16" s="104">
        <v>0</v>
      </c>
      <c r="EY16" s="103">
        <v>0</v>
      </c>
      <c r="EZ16" s="106">
        <v>0</v>
      </c>
      <c r="FA16" s="100">
        <v>0</v>
      </c>
      <c r="FB16" s="104">
        <v>0</v>
      </c>
      <c r="FC16" s="102">
        <v>0</v>
      </c>
      <c r="FD16" s="470">
        <v>0</v>
      </c>
      <c r="FE16" s="104">
        <v>0</v>
      </c>
      <c r="FF16" s="104">
        <v>0</v>
      </c>
      <c r="FG16" s="104">
        <v>0</v>
      </c>
      <c r="FH16" s="104">
        <v>0</v>
      </c>
      <c r="FI16" s="104">
        <v>0</v>
      </c>
      <c r="FJ16" s="103">
        <v>0</v>
      </c>
      <c r="FK16" s="106">
        <v>0</v>
      </c>
      <c r="FL16" s="100">
        <v>325423</v>
      </c>
      <c r="FM16" s="104">
        <v>651119</v>
      </c>
      <c r="FN16" s="103">
        <v>976542</v>
      </c>
      <c r="FO16" s="100">
        <v>0</v>
      </c>
      <c r="FP16" s="104">
        <v>917546</v>
      </c>
      <c r="FQ16" s="104">
        <v>1671929</v>
      </c>
      <c r="FR16" s="104">
        <v>750869</v>
      </c>
      <c r="FS16" s="104">
        <v>636132</v>
      </c>
      <c r="FT16" s="104">
        <v>449750</v>
      </c>
      <c r="FU16" s="103">
        <v>4426226</v>
      </c>
      <c r="FV16" s="106">
        <v>5402768</v>
      </c>
      <c r="FW16" s="105">
        <v>244363</v>
      </c>
      <c r="FX16" s="104">
        <v>523313</v>
      </c>
      <c r="FY16" s="102">
        <v>767676</v>
      </c>
      <c r="FZ16" s="101">
        <v>0</v>
      </c>
      <c r="GA16" s="104">
        <v>750498</v>
      </c>
      <c r="GB16" s="104">
        <v>1419845</v>
      </c>
      <c r="GC16" s="104">
        <v>726369</v>
      </c>
      <c r="GD16" s="104">
        <v>636132</v>
      </c>
      <c r="GE16" s="104">
        <v>449750</v>
      </c>
      <c r="GF16" s="103">
        <v>3982594</v>
      </c>
      <c r="GG16" s="290">
        <v>4750270</v>
      </c>
      <c r="GH16" s="105">
        <v>29260</v>
      </c>
      <c r="GI16" s="104">
        <v>12600</v>
      </c>
      <c r="GJ16" s="102">
        <v>41860</v>
      </c>
      <c r="GK16" s="101">
        <v>0</v>
      </c>
      <c r="GL16" s="104">
        <v>96138</v>
      </c>
      <c r="GM16" s="104">
        <v>115584</v>
      </c>
      <c r="GN16" s="104">
        <v>0</v>
      </c>
      <c r="GO16" s="104">
        <v>0</v>
      </c>
      <c r="GP16" s="104">
        <v>0</v>
      </c>
      <c r="GQ16" s="103">
        <v>211722</v>
      </c>
      <c r="GR16" s="106">
        <v>253582</v>
      </c>
      <c r="GS16" s="100">
        <v>51800</v>
      </c>
      <c r="GT16" s="104">
        <v>115206</v>
      </c>
      <c r="GU16" s="103">
        <v>167006</v>
      </c>
      <c r="GV16" s="100">
        <v>0</v>
      </c>
      <c r="GW16" s="104">
        <v>70910</v>
      </c>
      <c r="GX16" s="104">
        <v>136500</v>
      </c>
      <c r="GY16" s="104">
        <v>24500</v>
      </c>
      <c r="GZ16" s="104">
        <v>0</v>
      </c>
      <c r="HA16" s="104">
        <v>0</v>
      </c>
      <c r="HB16" s="102">
        <v>231910</v>
      </c>
      <c r="HC16" s="106">
        <v>398916</v>
      </c>
      <c r="HD16" s="100">
        <v>548033</v>
      </c>
      <c r="HE16" s="104">
        <v>741022</v>
      </c>
      <c r="HF16" s="102">
        <v>1289055</v>
      </c>
      <c r="HG16" s="101">
        <v>0</v>
      </c>
      <c r="HH16" s="104">
        <v>4396365</v>
      </c>
      <c r="HI16" s="104">
        <v>4281873</v>
      </c>
      <c r="HJ16" s="104">
        <v>4272752</v>
      </c>
      <c r="HK16" s="104">
        <v>6901153</v>
      </c>
      <c r="HL16" s="104">
        <v>7327606</v>
      </c>
      <c r="HM16" s="103">
        <v>27179749</v>
      </c>
      <c r="HN16" s="99">
        <v>28468804</v>
      </c>
      <c r="HO16" s="456">
        <v>0</v>
      </c>
      <c r="HP16" s="457">
        <v>0</v>
      </c>
      <c r="HQ16" s="458">
        <v>0</v>
      </c>
      <c r="HR16" s="459">
        <v>0</v>
      </c>
      <c r="HS16" s="457">
        <v>0</v>
      </c>
      <c r="HT16" s="457">
        <v>0</v>
      </c>
      <c r="HU16" s="457">
        <v>0</v>
      </c>
      <c r="HV16" s="457">
        <v>0</v>
      </c>
      <c r="HW16" s="457">
        <v>0</v>
      </c>
      <c r="HX16" s="460">
        <v>0</v>
      </c>
      <c r="HY16" s="461">
        <v>0</v>
      </c>
      <c r="HZ16" s="135">
        <v>40399</v>
      </c>
      <c r="IA16" s="122">
        <v>70030</v>
      </c>
      <c r="IB16" s="135">
        <v>110429</v>
      </c>
      <c r="IC16" s="121">
        <v>0</v>
      </c>
      <c r="ID16" s="122">
        <v>2637050</v>
      </c>
      <c r="IE16" s="123">
        <v>3091489</v>
      </c>
      <c r="IF16" s="124">
        <v>3126979</v>
      </c>
      <c r="IG16" s="122">
        <v>3163618</v>
      </c>
      <c r="IH16" s="124">
        <v>2114440</v>
      </c>
      <c r="II16" s="125">
        <v>14133576</v>
      </c>
      <c r="IJ16" s="135">
        <v>14244005</v>
      </c>
      <c r="IK16" s="215">
        <v>0</v>
      </c>
      <c r="IL16" s="219">
        <v>0</v>
      </c>
      <c r="IM16" s="220">
        <v>0</v>
      </c>
      <c r="IN16" s="470">
        <v>0</v>
      </c>
      <c r="IO16" s="109">
        <v>125094</v>
      </c>
      <c r="IP16" s="109">
        <v>211355</v>
      </c>
      <c r="IQ16" s="109">
        <v>171685</v>
      </c>
      <c r="IR16" s="109">
        <v>204086</v>
      </c>
      <c r="IS16" s="109">
        <v>0</v>
      </c>
      <c r="IT16" s="128">
        <v>712220</v>
      </c>
      <c r="IU16" s="292">
        <v>712220</v>
      </c>
      <c r="IV16" s="129">
        <v>0</v>
      </c>
      <c r="IW16" s="109">
        <v>0</v>
      </c>
      <c r="IX16" s="110">
        <v>0</v>
      </c>
      <c r="IY16" s="470">
        <v>0</v>
      </c>
      <c r="IZ16" s="109">
        <v>0</v>
      </c>
      <c r="JA16" s="109">
        <v>0</v>
      </c>
      <c r="JB16" s="109">
        <v>0</v>
      </c>
      <c r="JC16" s="109">
        <v>9355</v>
      </c>
      <c r="JD16" s="109">
        <v>0</v>
      </c>
      <c r="JE16" s="110">
        <v>9355</v>
      </c>
      <c r="JF16" s="111">
        <v>9355</v>
      </c>
      <c r="JG16" s="129">
        <v>0</v>
      </c>
      <c r="JH16" s="109">
        <v>0</v>
      </c>
      <c r="JI16" s="128">
        <v>0</v>
      </c>
      <c r="JJ16" s="108">
        <v>0</v>
      </c>
      <c r="JK16" s="109">
        <v>1002259</v>
      </c>
      <c r="JL16" s="109">
        <v>711255</v>
      </c>
      <c r="JM16" s="109">
        <v>211094</v>
      </c>
      <c r="JN16" s="109">
        <v>371449</v>
      </c>
      <c r="JO16" s="109">
        <v>0</v>
      </c>
      <c r="JP16" s="110">
        <v>2296057</v>
      </c>
      <c r="JQ16" s="292">
        <v>2296057</v>
      </c>
      <c r="JR16" s="129">
        <v>0</v>
      </c>
      <c r="JS16" s="109">
        <v>0</v>
      </c>
      <c r="JT16" s="128">
        <v>0</v>
      </c>
      <c r="JU16" s="108">
        <v>0</v>
      </c>
      <c r="JV16" s="109">
        <v>221589</v>
      </c>
      <c r="JW16" s="109">
        <v>0</v>
      </c>
      <c r="JX16" s="109">
        <v>149716</v>
      </c>
      <c r="JY16" s="109">
        <v>268548</v>
      </c>
      <c r="JZ16" s="109">
        <v>0</v>
      </c>
      <c r="KA16" s="110">
        <v>639853</v>
      </c>
      <c r="KB16" s="292">
        <v>639853</v>
      </c>
      <c r="KC16" s="217">
        <v>40399</v>
      </c>
      <c r="KD16" s="213">
        <v>70030</v>
      </c>
      <c r="KE16" s="110">
        <v>110429</v>
      </c>
      <c r="KF16" s="108">
        <v>0</v>
      </c>
      <c r="KG16" s="109">
        <v>301895</v>
      </c>
      <c r="KH16" s="109">
        <v>288576</v>
      </c>
      <c r="KI16" s="109">
        <v>414635</v>
      </c>
      <c r="KJ16" s="109">
        <v>214308</v>
      </c>
      <c r="KK16" s="109">
        <v>235612</v>
      </c>
      <c r="KL16" s="110">
        <v>1455026</v>
      </c>
      <c r="KM16" s="130">
        <v>1565455</v>
      </c>
      <c r="KN16" s="215">
        <v>0</v>
      </c>
      <c r="KO16" s="219">
        <v>0</v>
      </c>
      <c r="KP16" s="220">
        <v>0</v>
      </c>
      <c r="KQ16" s="470">
        <v>0</v>
      </c>
      <c r="KR16" s="109">
        <v>847021</v>
      </c>
      <c r="KS16" s="109">
        <v>1389957</v>
      </c>
      <c r="KT16" s="109">
        <v>907034</v>
      </c>
      <c r="KU16" s="109">
        <v>1160688</v>
      </c>
      <c r="KV16" s="109">
        <v>1051723</v>
      </c>
      <c r="KW16" s="110">
        <v>5356423</v>
      </c>
      <c r="KX16" s="292">
        <v>5356423</v>
      </c>
      <c r="KY16" s="129">
        <v>0</v>
      </c>
      <c r="KZ16" s="109">
        <v>0</v>
      </c>
      <c r="LA16" s="110">
        <v>0</v>
      </c>
      <c r="LB16" s="470">
        <v>0</v>
      </c>
      <c r="LC16" s="109">
        <v>139192</v>
      </c>
      <c r="LD16" s="109">
        <v>312833</v>
      </c>
      <c r="LE16" s="109">
        <v>1044292</v>
      </c>
      <c r="LF16" s="109">
        <v>202857</v>
      </c>
      <c r="LG16" s="109">
        <v>627393</v>
      </c>
      <c r="LH16" s="110">
        <v>2326567</v>
      </c>
      <c r="LI16" s="111">
        <v>2326567</v>
      </c>
      <c r="LJ16" s="129">
        <v>0</v>
      </c>
      <c r="LK16" s="109">
        <v>0</v>
      </c>
      <c r="LL16" s="110">
        <v>0</v>
      </c>
      <c r="LM16" s="470">
        <v>0</v>
      </c>
      <c r="LN16" s="109">
        <v>0</v>
      </c>
      <c r="LO16" s="109">
        <v>0</v>
      </c>
      <c r="LP16" s="109">
        <v>0</v>
      </c>
      <c r="LQ16" s="109">
        <v>471792</v>
      </c>
      <c r="LR16" s="109">
        <v>0</v>
      </c>
      <c r="LS16" s="110">
        <v>471792</v>
      </c>
      <c r="LT16" s="292">
        <v>471792</v>
      </c>
      <c r="LU16" s="129">
        <v>0</v>
      </c>
      <c r="LV16" s="109">
        <v>0</v>
      </c>
      <c r="LW16" s="110">
        <v>0</v>
      </c>
      <c r="LX16" s="470">
        <v>0</v>
      </c>
      <c r="LY16" s="109">
        <v>0</v>
      </c>
      <c r="LZ16" s="109">
        <v>177513</v>
      </c>
      <c r="MA16" s="109">
        <v>228523</v>
      </c>
      <c r="MB16" s="109">
        <v>260535</v>
      </c>
      <c r="MC16" s="109">
        <v>199712</v>
      </c>
      <c r="MD16" s="110">
        <v>866283</v>
      </c>
      <c r="ME16" s="111">
        <v>866283</v>
      </c>
      <c r="MF16" s="129">
        <v>0</v>
      </c>
      <c r="MG16" s="109">
        <v>0</v>
      </c>
      <c r="MH16" s="110">
        <v>0</v>
      </c>
      <c r="MI16" s="470">
        <v>0</v>
      </c>
      <c r="MJ16" s="109">
        <v>214321</v>
      </c>
      <c r="MK16" s="109">
        <v>615421</v>
      </c>
      <c r="ML16" s="109">
        <v>4322988</v>
      </c>
      <c r="MM16" s="109">
        <v>6036188</v>
      </c>
      <c r="MN16" s="109">
        <v>5356761</v>
      </c>
      <c r="MO16" s="110">
        <v>16545679</v>
      </c>
      <c r="MP16" s="130">
        <v>16545679</v>
      </c>
      <c r="MQ16" s="129">
        <v>0</v>
      </c>
      <c r="MR16" s="109">
        <v>0</v>
      </c>
      <c r="MS16" s="110">
        <v>0</v>
      </c>
      <c r="MT16" s="470">
        <v>0</v>
      </c>
      <c r="MU16" s="109">
        <v>0</v>
      </c>
      <c r="MV16" s="109">
        <v>185755</v>
      </c>
      <c r="MW16" s="109">
        <v>3020776</v>
      </c>
      <c r="MX16" s="109">
        <v>3863742</v>
      </c>
      <c r="MY16" s="109">
        <v>4491491</v>
      </c>
      <c r="MZ16" s="110">
        <v>11561764</v>
      </c>
      <c r="NA16" s="130">
        <v>11561764</v>
      </c>
      <c r="NB16" s="129">
        <v>0</v>
      </c>
      <c r="NC16" s="109">
        <v>0</v>
      </c>
      <c r="ND16" s="110">
        <v>0</v>
      </c>
      <c r="NE16" s="470">
        <v>0</v>
      </c>
      <c r="NF16" s="109">
        <v>214321</v>
      </c>
      <c r="NG16" s="109">
        <v>429666</v>
      </c>
      <c r="NH16" s="109">
        <v>1302212</v>
      </c>
      <c r="NI16" s="109">
        <v>2172446</v>
      </c>
      <c r="NJ16" s="109">
        <v>542664</v>
      </c>
      <c r="NK16" s="110">
        <v>4661309</v>
      </c>
      <c r="NL16" s="292">
        <v>4661309</v>
      </c>
      <c r="NM16" s="129">
        <v>0</v>
      </c>
      <c r="NN16" s="109">
        <v>0</v>
      </c>
      <c r="NO16" s="110">
        <v>0</v>
      </c>
      <c r="NP16" s="470">
        <v>0</v>
      </c>
      <c r="NQ16" s="109">
        <v>0</v>
      </c>
      <c r="NR16" s="109">
        <v>0</v>
      </c>
      <c r="NS16" s="109">
        <v>0</v>
      </c>
      <c r="NT16" s="109">
        <v>0</v>
      </c>
      <c r="NU16" s="109">
        <v>0</v>
      </c>
      <c r="NV16" s="110">
        <v>0</v>
      </c>
      <c r="NW16" s="111">
        <v>0</v>
      </c>
      <c r="NX16" s="129">
        <v>0</v>
      </c>
      <c r="NY16" s="109">
        <v>0</v>
      </c>
      <c r="NZ16" s="110">
        <v>0</v>
      </c>
      <c r="OA16" s="470">
        <v>0</v>
      </c>
      <c r="OB16" s="109">
        <v>0</v>
      </c>
      <c r="OC16" s="109">
        <v>0</v>
      </c>
      <c r="OD16" s="109">
        <v>0</v>
      </c>
      <c r="OE16" s="109">
        <v>0</v>
      </c>
      <c r="OF16" s="109">
        <v>322606</v>
      </c>
      <c r="OG16" s="110">
        <v>322606</v>
      </c>
      <c r="OH16" s="111">
        <v>322606</v>
      </c>
      <c r="OI16" s="129">
        <v>1440370</v>
      </c>
      <c r="OJ16" s="109">
        <v>2516460</v>
      </c>
      <c r="OK16" s="128">
        <v>3956830</v>
      </c>
      <c r="OL16" s="108">
        <v>0</v>
      </c>
      <c r="OM16" s="109">
        <v>20450434</v>
      </c>
      <c r="ON16" s="109">
        <v>19789316</v>
      </c>
      <c r="OO16" s="109">
        <v>22234411</v>
      </c>
      <c r="OP16" s="109">
        <v>24166083</v>
      </c>
      <c r="OQ16" s="109">
        <v>20567843</v>
      </c>
      <c r="OR16" s="110">
        <v>107208087</v>
      </c>
      <c r="OS16" s="130">
        <v>111164917</v>
      </c>
    </row>
    <row r="17" spans="2:409" ht="21" customHeight="1" x14ac:dyDescent="0.2">
      <c r="B17" s="437" t="s">
        <v>11</v>
      </c>
      <c r="C17" s="100">
        <v>326370</v>
      </c>
      <c r="D17" s="104">
        <v>319216</v>
      </c>
      <c r="E17" s="154">
        <v>645586</v>
      </c>
      <c r="F17" s="101">
        <v>0</v>
      </c>
      <c r="G17" s="104">
        <v>5548936</v>
      </c>
      <c r="H17" s="104">
        <v>4073813</v>
      </c>
      <c r="I17" s="104">
        <v>4520487</v>
      </c>
      <c r="J17" s="104">
        <v>6731089</v>
      </c>
      <c r="K17" s="104">
        <v>2506143</v>
      </c>
      <c r="L17" s="99">
        <v>23380468</v>
      </c>
      <c r="M17" s="106">
        <v>24026054</v>
      </c>
      <c r="N17" s="100">
        <v>71658</v>
      </c>
      <c r="O17" s="104">
        <v>31321</v>
      </c>
      <c r="P17" s="103">
        <v>102979</v>
      </c>
      <c r="Q17" s="100">
        <v>0</v>
      </c>
      <c r="R17" s="104">
        <v>1499837</v>
      </c>
      <c r="S17" s="104">
        <v>1089813</v>
      </c>
      <c r="T17" s="104">
        <v>1218668</v>
      </c>
      <c r="U17" s="104">
        <v>2444839</v>
      </c>
      <c r="V17" s="104">
        <v>549304</v>
      </c>
      <c r="W17" s="103">
        <v>6802461</v>
      </c>
      <c r="X17" s="106">
        <v>6905440</v>
      </c>
      <c r="Y17" s="100">
        <v>0</v>
      </c>
      <c r="Z17" s="104">
        <v>0</v>
      </c>
      <c r="AA17" s="103">
        <v>0</v>
      </c>
      <c r="AB17" s="100">
        <v>0</v>
      </c>
      <c r="AC17" s="104">
        <v>318757</v>
      </c>
      <c r="AD17" s="104">
        <v>232896</v>
      </c>
      <c r="AE17" s="104">
        <v>685230</v>
      </c>
      <c r="AF17" s="104">
        <v>1205037</v>
      </c>
      <c r="AG17" s="104">
        <v>105548</v>
      </c>
      <c r="AH17" s="103">
        <v>2547468</v>
      </c>
      <c r="AI17" s="106">
        <v>2547468</v>
      </c>
      <c r="AJ17" s="100">
        <v>0</v>
      </c>
      <c r="AK17" s="104">
        <v>0</v>
      </c>
      <c r="AL17" s="103">
        <v>0</v>
      </c>
      <c r="AM17" s="100">
        <v>0</v>
      </c>
      <c r="AN17" s="104">
        <v>0</v>
      </c>
      <c r="AO17" s="104">
        <v>0</v>
      </c>
      <c r="AP17" s="104">
        <v>21225</v>
      </c>
      <c r="AQ17" s="104">
        <v>195888</v>
      </c>
      <c r="AR17" s="104">
        <v>118953</v>
      </c>
      <c r="AS17" s="103">
        <v>336066</v>
      </c>
      <c r="AT17" s="106">
        <v>336066</v>
      </c>
      <c r="AU17" s="100">
        <v>49461</v>
      </c>
      <c r="AV17" s="104">
        <v>20387</v>
      </c>
      <c r="AW17" s="103">
        <v>69848</v>
      </c>
      <c r="AX17" s="100">
        <v>0</v>
      </c>
      <c r="AY17" s="104">
        <v>871312</v>
      </c>
      <c r="AZ17" s="104">
        <v>563549</v>
      </c>
      <c r="BA17" s="104">
        <v>327567</v>
      </c>
      <c r="BB17" s="104">
        <v>730587</v>
      </c>
      <c r="BC17" s="104">
        <v>169669</v>
      </c>
      <c r="BD17" s="103">
        <v>2662684</v>
      </c>
      <c r="BE17" s="106">
        <v>2732532</v>
      </c>
      <c r="BF17" s="100">
        <v>0</v>
      </c>
      <c r="BG17" s="104">
        <v>0</v>
      </c>
      <c r="BH17" s="102">
        <v>0</v>
      </c>
      <c r="BI17" s="101">
        <v>0</v>
      </c>
      <c r="BJ17" s="104">
        <v>78894</v>
      </c>
      <c r="BK17" s="104">
        <v>106783</v>
      </c>
      <c r="BL17" s="104">
        <v>0</v>
      </c>
      <c r="BM17" s="104">
        <v>26768</v>
      </c>
      <c r="BN17" s="104">
        <v>53060</v>
      </c>
      <c r="BO17" s="103">
        <v>265505</v>
      </c>
      <c r="BP17" s="106">
        <v>265505</v>
      </c>
      <c r="BQ17" s="100">
        <v>22197</v>
      </c>
      <c r="BR17" s="104">
        <v>10934</v>
      </c>
      <c r="BS17" s="103">
        <v>33131</v>
      </c>
      <c r="BT17" s="100">
        <v>0</v>
      </c>
      <c r="BU17" s="104">
        <v>230874</v>
      </c>
      <c r="BV17" s="104">
        <v>186585</v>
      </c>
      <c r="BW17" s="104">
        <v>184646</v>
      </c>
      <c r="BX17" s="104">
        <v>286559</v>
      </c>
      <c r="BY17" s="104">
        <v>102074</v>
      </c>
      <c r="BZ17" s="103">
        <v>990738</v>
      </c>
      <c r="CA17" s="106">
        <v>1023869</v>
      </c>
      <c r="CB17" s="100">
        <v>0</v>
      </c>
      <c r="CC17" s="104">
        <v>101511</v>
      </c>
      <c r="CD17" s="103">
        <v>101511</v>
      </c>
      <c r="CE17" s="100">
        <v>0</v>
      </c>
      <c r="CF17" s="104">
        <v>1150864</v>
      </c>
      <c r="CG17" s="104">
        <v>954861</v>
      </c>
      <c r="CH17" s="104">
        <v>1367905</v>
      </c>
      <c r="CI17" s="104">
        <v>922064</v>
      </c>
      <c r="CJ17" s="104">
        <v>290165</v>
      </c>
      <c r="CK17" s="103">
        <v>4685859</v>
      </c>
      <c r="CL17" s="106">
        <v>4787370</v>
      </c>
      <c r="CM17" s="100">
        <v>0</v>
      </c>
      <c r="CN17" s="104">
        <v>0</v>
      </c>
      <c r="CO17" s="103">
        <v>0</v>
      </c>
      <c r="CP17" s="101">
        <v>0</v>
      </c>
      <c r="CQ17" s="104">
        <v>769024</v>
      </c>
      <c r="CR17" s="104">
        <v>717278</v>
      </c>
      <c r="CS17" s="104">
        <v>715529</v>
      </c>
      <c r="CT17" s="104">
        <v>834376</v>
      </c>
      <c r="CU17" s="104">
        <v>259629</v>
      </c>
      <c r="CV17" s="103">
        <v>3295836</v>
      </c>
      <c r="CW17" s="106">
        <v>3295836</v>
      </c>
      <c r="CX17" s="100">
        <v>0</v>
      </c>
      <c r="CY17" s="104">
        <v>101511</v>
      </c>
      <c r="CZ17" s="103">
        <v>101511</v>
      </c>
      <c r="DA17" s="100">
        <v>0</v>
      </c>
      <c r="DB17" s="104">
        <v>381840</v>
      </c>
      <c r="DC17" s="104">
        <v>237583</v>
      </c>
      <c r="DD17" s="104">
        <v>652376</v>
      </c>
      <c r="DE17" s="104">
        <v>87688</v>
      </c>
      <c r="DF17" s="104">
        <v>30536</v>
      </c>
      <c r="DG17" s="103">
        <v>1390023</v>
      </c>
      <c r="DH17" s="106">
        <v>1491534</v>
      </c>
      <c r="DI17" s="100">
        <v>0</v>
      </c>
      <c r="DJ17" s="104">
        <v>0</v>
      </c>
      <c r="DK17" s="102">
        <v>0</v>
      </c>
      <c r="DL17" s="101">
        <v>0</v>
      </c>
      <c r="DM17" s="104">
        <v>116724</v>
      </c>
      <c r="DN17" s="104">
        <v>89114</v>
      </c>
      <c r="DO17" s="104">
        <v>322130</v>
      </c>
      <c r="DP17" s="104">
        <v>123742</v>
      </c>
      <c r="DQ17" s="104">
        <v>262729</v>
      </c>
      <c r="DR17" s="103">
        <v>914439</v>
      </c>
      <c r="DS17" s="106">
        <v>914439</v>
      </c>
      <c r="DT17" s="100">
        <v>0</v>
      </c>
      <c r="DU17" s="104">
        <v>0</v>
      </c>
      <c r="DV17" s="103">
        <v>0</v>
      </c>
      <c r="DW17" s="100">
        <v>0</v>
      </c>
      <c r="DX17" s="104">
        <v>116724</v>
      </c>
      <c r="DY17" s="104">
        <v>89114</v>
      </c>
      <c r="DZ17" s="104">
        <v>283530</v>
      </c>
      <c r="EA17" s="104">
        <v>123742</v>
      </c>
      <c r="EB17" s="104">
        <v>174262</v>
      </c>
      <c r="EC17" s="103">
        <v>787372</v>
      </c>
      <c r="ED17" s="106">
        <v>787372</v>
      </c>
      <c r="EE17" s="100">
        <v>0</v>
      </c>
      <c r="EF17" s="102">
        <v>0</v>
      </c>
      <c r="EG17" s="103">
        <v>0</v>
      </c>
      <c r="EH17" s="100">
        <v>0</v>
      </c>
      <c r="EI17" s="104">
        <v>0</v>
      </c>
      <c r="EJ17" s="104">
        <v>0</v>
      </c>
      <c r="EK17" s="104">
        <v>38600</v>
      </c>
      <c r="EL17" s="104">
        <v>0</v>
      </c>
      <c r="EM17" s="104">
        <v>88467</v>
      </c>
      <c r="EN17" s="102">
        <v>127067</v>
      </c>
      <c r="EO17" s="106">
        <v>127067</v>
      </c>
      <c r="EP17" s="100">
        <v>0</v>
      </c>
      <c r="EQ17" s="104">
        <v>0</v>
      </c>
      <c r="ER17" s="102">
        <v>0</v>
      </c>
      <c r="ES17" s="101">
        <v>0</v>
      </c>
      <c r="ET17" s="104">
        <v>0</v>
      </c>
      <c r="EU17" s="104">
        <v>0</v>
      </c>
      <c r="EV17" s="104">
        <v>0</v>
      </c>
      <c r="EW17" s="104">
        <v>0</v>
      </c>
      <c r="EX17" s="104">
        <v>0</v>
      </c>
      <c r="EY17" s="103">
        <v>0</v>
      </c>
      <c r="EZ17" s="106">
        <v>0</v>
      </c>
      <c r="FA17" s="100">
        <v>0</v>
      </c>
      <c r="FB17" s="104">
        <v>0</v>
      </c>
      <c r="FC17" s="102">
        <v>0</v>
      </c>
      <c r="FD17" s="470">
        <v>0</v>
      </c>
      <c r="FE17" s="104">
        <v>0</v>
      </c>
      <c r="FF17" s="104">
        <v>0</v>
      </c>
      <c r="FG17" s="104">
        <v>0</v>
      </c>
      <c r="FH17" s="104">
        <v>0</v>
      </c>
      <c r="FI17" s="104">
        <v>0</v>
      </c>
      <c r="FJ17" s="103">
        <v>0</v>
      </c>
      <c r="FK17" s="106">
        <v>0</v>
      </c>
      <c r="FL17" s="100">
        <v>111223</v>
      </c>
      <c r="FM17" s="104">
        <v>105444</v>
      </c>
      <c r="FN17" s="103">
        <v>216667</v>
      </c>
      <c r="FO17" s="100">
        <v>0</v>
      </c>
      <c r="FP17" s="104">
        <v>361347</v>
      </c>
      <c r="FQ17" s="104">
        <v>378882</v>
      </c>
      <c r="FR17" s="104">
        <v>396214</v>
      </c>
      <c r="FS17" s="104">
        <v>505176</v>
      </c>
      <c r="FT17" s="104">
        <v>137907</v>
      </c>
      <c r="FU17" s="103">
        <v>1779526</v>
      </c>
      <c r="FV17" s="106">
        <v>1996193</v>
      </c>
      <c r="FW17" s="105">
        <v>60018</v>
      </c>
      <c r="FX17" s="104">
        <v>87080</v>
      </c>
      <c r="FY17" s="102">
        <v>147098</v>
      </c>
      <c r="FZ17" s="101">
        <v>0</v>
      </c>
      <c r="GA17" s="104">
        <v>244230</v>
      </c>
      <c r="GB17" s="104">
        <v>354627</v>
      </c>
      <c r="GC17" s="104">
        <v>396214</v>
      </c>
      <c r="GD17" s="104">
        <v>505176</v>
      </c>
      <c r="GE17" s="104">
        <v>137907</v>
      </c>
      <c r="GF17" s="103">
        <v>1638154</v>
      </c>
      <c r="GG17" s="290">
        <v>1785252</v>
      </c>
      <c r="GH17" s="105">
        <v>0</v>
      </c>
      <c r="GI17" s="104">
        <v>18364</v>
      </c>
      <c r="GJ17" s="102">
        <v>18364</v>
      </c>
      <c r="GK17" s="101">
        <v>0</v>
      </c>
      <c r="GL17" s="104">
        <v>18018</v>
      </c>
      <c r="GM17" s="104">
        <v>24255</v>
      </c>
      <c r="GN17" s="104">
        <v>0</v>
      </c>
      <c r="GO17" s="104">
        <v>0</v>
      </c>
      <c r="GP17" s="104">
        <v>0</v>
      </c>
      <c r="GQ17" s="103">
        <v>42273</v>
      </c>
      <c r="GR17" s="106">
        <v>60637</v>
      </c>
      <c r="GS17" s="100">
        <v>51205</v>
      </c>
      <c r="GT17" s="104">
        <v>0</v>
      </c>
      <c r="GU17" s="103">
        <v>51205</v>
      </c>
      <c r="GV17" s="100">
        <v>0</v>
      </c>
      <c r="GW17" s="104">
        <v>99099</v>
      </c>
      <c r="GX17" s="104">
        <v>0</v>
      </c>
      <c r="GY17" s="104">
        <v>0</v>
      </c>
      <c r="GZ17" s="104">
        <v>0</v>
      </c>
      <c r="HA17" s="104">
        <v>0</v>
      </c>
      <c r="HB17" s="102">
        <v>99099</v>
      </c>
      <c r="HC17" s="106">
        <v>150304</v>
      </c>
      <c r="HD17" s="100">
        <v>143489</v>
      </c>
      <c r="HE17" s="104">
        <v>80940</v>
      </c>
      <c r="HF17" s="102">
        <v>224429</v>
      </c>
      <c r="HG17" s="101">
        <v>0</v>
      </c>
      <c r="HH17" s="104">
        <v>2420164</v>
      </c>
      <c r="HI17" s="104">
        <v>1561143</v>
      </c>
      <c r="HJ17" s="104">
        <v>1215570</v>
      </c>
      <c r="HK17" s="104">
        <v>2735268</v>
      </c>
      <c r="HL17" s="104">
        <v>1266038</v>
      </c>
      <c r="HM17" s="103">
        <v>9198183</v>
      </c>
      <c r="HN17" s="99">
        <v>9422612</v>
      </c>
      <c r="HO17" s="456">
        <v>0</v>
      </c>
      <c r="HP17" s="457">
        <v>0</v>
      </c>
      <c r="HQ17" s="458">
        <v>0</v>
      </c>
      <c r="HR17" s="459">
        <v>0</v>
      </c>
      <c r="HS17" s="457">
        <v>0</v>
      </c>
      <c r="HT17" s="457">
        <v>0</v>
      </c>
      <c r="HU17" s="457">
        <v>0</v>
      </c>
      <c r="HV17" s="457">
        <v>0</v>
      </c>
      <c r="HW17" s="457">
        <v>0</v>
      </c>
      <c r="HX17" s="460">
        <v>0</v>
      </c>
      <c r="HY17" s="461">
        <v>0</v>
      </c>
      <c r="HZ17" s="118">
        <v>0</v>
      </c>
      <c r="IA17" s="119">
        <v>61362</v>
      </c>
      <c r="IB17" s="120">
        <v>61362</v>
      </c>
      <c r="IC17" s="131">
        <v>0</v>
      </c>
      <c r="ID17" s="119">
        <v>1746401</v>
      </c>
      <c r="IE17" s="132">
        <v>1192288</v>
      </c>
      <c r="IF17" s="120">
        <v>667540</v>
      </c>
      <c r="IG17" s="119">
        <v>1029879</v>
      </c>
      <c r="IH17" s="120">
        <v>219573</v>
      </c>
      <c r="II17" s="133">
        <v>4855681</v>
      </c>
      <c r="IJ17" s="126">
        <v>4917043</v>
      </c>
      <c r="IK17" s="215">
        <v>0</v>
      </c>
      <c r="IL17" s="219">
        <v>0</v>
      </c>
      <c r="IM17" s="220">
        <v>0</v>
      </c>
      <c r="IN17" s="470">
        <v>0</v>
      </c>
      <c r="IO17" s="109">
        <v>68271</v>
      </c>
      <c r="IP17" s="109">
        <v>110554</v>
      </c>
      <c r="IQ17" s="109">
        <v>0</v>
      </c>
      <c r="IR17" s="109">
        <v>0</v>
      </c>
      <c r="IS17" s="109">
        <v>0</v>
      </c>
      <c r="IT17" s="128">
        <v>178825</v>
      </c>
      <c r="IU17" s="292">
        <v>178825</v>
      </c>
      <c r="IV17" s="129">
        <v>0</v>
      </c>
      <c r="IW17" s="109">
        <v>0</v>
      </c>
      <c r="IX17" s="110">
        <v>0</v>
      </c>
      <c r="IY17" s="470">
        <v>0</v>
      </c>
      <c r="IZ17" s="109">
        <v>14732</v>
      </c>
      <c r="JA17" s="109">
        <v>0</v>
      </c>
      <c r="JB17" s="109">
        <v>0</v>
      </c>
      <c r="JC17" s="109">
        <v>14732</v>
      </c>
      <c r="JD17" s="109">
        <v>0</v>
      </c>
      <c r="JE17" s="110">
        <v>29464</v>
      </c>
      <c r="JF17" s="111">
        <v>29464</v>
      </c>
      <c r="JG17" s="129">
        <v>0</v>
      </c>
      <c r="JH17" s="109">
        <v>0</v>
      </c>
      <c r="JI17" s="128">
        <v>0</v>
      </c>
      <c r="JJ17" s="108">
        <v>0</v>
      </c>
      <c r="JK17" s="109">
        <v>1171029</v>
      </c>
      <c r="JL17" s="109">
        <v>366549</v>
      </c>
      <c r="JM17" s="109">
        <v>219351</v>
      </c>
      <c r="JN17" s="109">
        <v>330231</v>
      </c>
      <c r="JO17" s="109">
        <v>219573</v>
      </c>
      <c r="JP17" s="110">
        <v>2306733</v>
      </c>
      <c r="JQ17" s="292">
        <v>2306733</v>
      </c>
      <c r="JR17" s="129">
        <v>0</v>
      </c>
      <c r="JS17" s="109">
        <v>0</v>
      </c>
      <c r="JT17" s="128">
        <v>0</v>
      </c>
      <c r="JU17" s="108">
        <v>0</v>
      </c>
      <c r="JV17" s="109">
        <v>82726</v>
      </c>
      <c r="JW17" s="109">
        <v>0</v>
      </c>
      <c r="JX17" s="109">
        <v>0</v>
      </c>
      <c r="JY17" s="109">
        <v>0</v>
      </c>
      <c r="JZ17" s="109">
        <v>0</v>
      </c>
      <c r="KA17" s="110">
        <v>82726</v>
      </c>
      <c r="KB17" s="292">
        <v>82726</v>
      </c>
      <c r="KC17" s="217">
        <v>0</v>
      </c>
      <c r="KD17" s="213">
        <v>61362</v>
      </c>
      <c r="KE17" s="110">
        <v>61362</v>
      </c>
      <c r="KF17" s="108">
        <v>0</v>
      </c>
      <c r="KG17" s="109">
        <v>199571</v>
      </c>
      <c r="KH17" s="109">
        <v>272534</v>
      </c>
      <c r="KI17" s="109">
        <v>0</v>
      </c>
      <c r="KJ17" s="109">
        <v>456126</v>
      </c>
      <c r="KK17" s="109">
        <v>0</v>
      </c>
      <c r="KL17" s="110">
        <v>928231</v>
      </c>
      <c r="KM17" s="130">
        <v>989593</v>
      </c>
      <c r="KN17" s="215">
        <v>0</v>
      </c>
      <c r="KO17" s="219">
        <v>0</v>
      </c>
      <c r="KP17" s="220">
        <v>0</v>
      </c>
      <c r="KQ17" s="470">
        <v>0</v>
      </c>
      <c r="KR17" s="109">
        <v>210072</v>
      </c>
      <c r="KS17" s="109">
        <v>442651</v>
      </c>
      <c r="KT17" s="109">
        <v>448189</v>
      </c>
      <c r="KU17" s="109">
        <v>228790</v>
      </c>
      <c r="KV17" s="109">
        <v>0</v>
      </c>
      <c r="KW17" s="110">
        <v>1329702</v>
      </c>
      <c r="KX17" s="292">
        <v>1329702</v>
      </c>
      <c r="KY17" s="129">
        <v>0</v>
      </c>
      <c r="KZ17" s="109">
        <v>0</v>
      </c>
      <c r="LA17" s="110">
        <v>0</v>
      </c>
      <c r="LB17" s="470">
        <v>0</v>
      </c>
      <c r="LC17" s="109">
        <v>0</v>
      </c>
      <c r="LD17" s="109">
        <v>0</v>
      </c>
      <c r="LE17" s="109">
        <v>0</v>
      </c>
      <c r="LF17" s="109">
        <v>0</v>
      </c>
      <c r="LG17" s="109">
        <v>0</v>
      </c>
      <c r="LH17" s="110">
        <v>0</v>
      </c>
      <c r="LI17" s="111">
        <v>0</v>
      </c>
      <c r="LJ17" s="129">
        <v>0</v>
      </c>
      <c r="LK17" s="109">
        <v>0</v>
      </c>
      <c r="LL17" s="110">
        <v>0</v>
      </c>
      <c r="LM17" s="470">
        <v>0</v>
      </c>
      <c r="LN17" s="109">
        <v>0</v>
      </c>
      <c r="LO17" s="109">
        <v>0</v>
      </c>
      <c r="LP17" s="109">
        <v>0</v>
      </c>
      <c r="LQ17" s="109">
        <v>0</v>
      </c>
      <c r="LR17" s="109">
        <v>0</v>
      </c>
      <c r="LS17" s="110">
        <v>0</v>
      </c>
      <c r="LT17" s="292">
        <v>0</v>
      </c>
      <c r="LU17" s="129">
        <v>0</v>
      </c>
      <c r="LV17" s="109">
        <v>0</v>
      </c>
      <c r="LW17" s="110">
        <v>0</v>
      </c>
      <c r="LX17" s="470">
        <v>0</v>
      </c>
      <c r="LY17" s="109">
        <v>0</v>
      </c>
      <c r="LZ17" s="109">
        <v>0</v>
      </c>
      <c r="MA17" s="109">
        <v>0</v>
      </c>
      <c r="MB17" s="109">
        <v>0</v>
      </c>
      <c r="MC17" s="109">
        <v>0</v>
      </c>
      <c r="MD17" s="110">
        <v>0</v>
      </c>
      <c r="ME17" s="111">
        <v>0</v>
      </c>
      <c r="MF17" s="129">
        <v>0</v>
      </c>
      <c r="MG17" s="109">
        <v>0</v>
      </c>
      <c r="MH17" s="110">
        <v>0</v>
      </c>
      <c r="MI17" s="470">
        <v>0</v>
      </c>
      <c r="MJ17" s="109">
        <v>201740</v>
      </c>
      <c r="MK17" s="109">
        <v>430694</v>
      </c>
      <c r="ML17" s="109">
        <v>2392000</v>
      </c>
      <c r="MM17" s="109">
        <v>2084173</v>
      </c>
      <c r="MN17" s="109">
        <v>1372670</v>
      </c>
      <c r="MO17" s="110">
        <v>6481277</v>
      </c>
      <c r="MP17" s="130">
        <v>6481277</v>
      </c>
      <c r="MQ17" s="129">
        <v>0</v>
      </c>
      <c r="MR17" s="109">
        <v>0</v>
      </c>
      <c r="MS17" s="110">
        <v>0</v>
      </c>
      <c r="MT17" s="470">
        <v>0</v>
      </c>
      <c r="MU17" s="109">
        <v>0</v>
      </c>
      <c r="MV17" s="109">
        <v>0</v>
      </c>
      <c r="MW17" s="109">
        <v>1478448</v>
      </c>
      <c r="MX17" s="109">
        <v>1602759</v>
      </c>
      <c r="MY17" s="109">
        <v>1372670</v>
      </c>
      <c r="MZ17" s="110">
        <v>4453877</v>
      </c>
      <c r="NA17" s="130">
        <v>4453877</v>
      </c>
      <c r="NB17" s="129">
        <v>0</v>
      </c>
      <c r="NC17" s="109">
        <v>0</v>
      </c>
      <c r="ND17" s="110">
        <v>0</v>
      </c>
      <c r="NE17" s="470">
        <v>0</v>
      </c>
      <c r="NF17" s="109">
        <v>201740</v>
      </c>
      <c r="NG17" s="109">
        <v>430694</v>
      </c>
      <c r="NH17" s="109">
        <v>913552</v>
      </c>
      <c r="NI17" s="109">
        <v>481414</v>
      </c>
      <c r="NJ17" s="109">
        <v>0</v>
      </c>
      <c r="NK17" s="110">
        <v>2027400</v>
      </c>
      <c r="NL17" s="292">
        <v>2027400</v>
      </c>
      <c r="NM17" s="129">
        <v>0</v>
      </c>
      <c r="NN17" s="109">
        <v>0</v>
      </c>
      <c r="NO17" s="110">
        <v>0</v>
      </c>
      <c r="NP17" s="470">
        <v>0</v>
      </c>
      <c r="NQ17" s="109">
        <v>0</v>
      </c>
      <c r="NR17" s="109">
        <v>0</v>
      </c>
      <c r="NS17" s="109">
        <v>0</v>
      </c>
      <c r="NT17" s="109">
        <v>0</v>
      </c>
      <c r="NU17" s="109">
        <v>0</v>
      </c>
      <c r="NV17" s="110">
        <v>0</v>
      </c>
      <c r="NW17" s="111">
        <v>0</v>
      </c>
      <c r="NX17" s="129">
        <v>0</v>
      </c>
      <c r="NY17" s="109">
        <v>0</v>
      </c>
      <c r="NZ17" s="110">
        <v>0</v>
      </c>
      <c r="OA17" s="470">
        <v>0</v>
      </c>
      <c r="OB17" s="109">
        <v>0</v>
      </c>
      <c r="OC17" s="109">
        <v>0</v>
      </c>
      <c r="OD17" s="109">
        <v>0</v>
      </c>
      <c r="OE17" s="109">
        <v>0</v>
      </c>
      <c r="OF17" s="109">
        <v>0</v>
      </c>
      <c r="OG17" s="110">
        <v>0</v>
      </c>
      <c r="OH17" s="111">
        <v>0</v>
      </c>
      <c r="OI17" s="129">
        <v>326370</v>
      </c>
      <c r="OJ17" s="109">
        <v>380578</v>
      </c>
      <c r="OK17" s="128">
        <v>706948</v>
      </c>
      <c r="OL17" s="108">
        <v>0</v>
      </c>
      <c r="OM17" s="109">
        <v>7497077</v>
      </c>
      <c r="ON17" s="109">
        <v>5696795</v>
      </c>
      <c r="OO17" s="109">
        <v>7580027</v>
      </c>
      <c r="OP17" s="109">
        <v>9845141</v>
      </c>
      <c r="OQ17" s="109">
        <v>4098386</v>
      </c>
      <c r="OR17" s="110">
        <v>34717426</v>
      </c>
      <c r="OS17" s="130">
        <v>35424374</v>
      </c>
    </row>
    <row r="18" spans="2:409" ht="21" customHeight="1" x14ac:dyDescent="0.2">
      <c r="B18" s="437" t="s">
        <v>12</v>
      </c>
      <c r="C18" s="100">
        <v>782831</v>
      </c>
      <c r="D18" s="104">
        <v>1701449</v>
      </c>
      <c r="E18" s="103">
        <v>2484280</v>
      </c>
      <c r="F18" s="99">
        <v>0</v>
      </c>
      <c r="G18" s="104">
        <v>6453579</v>
      </c>
      <c r="H18" s="153">
        <v>6948354</v>
      </c>
      <c r="I18" s="153">
        <v>8934959</v>
      </c>
      <c r="J18" s="153">
        <v>7059972</v>
      </c>
      <c r="K18" s="153">
        <v>6146303</v>
      </c>
      <c r="L18" s="102">
        <v>35543167</v>
      </c>
      <c r="M18" s="106">
        <v>38027447</v>
      </c>
      <c r="N18" s="100">
        <v>280027</v>
      </c>
      <c r="O18" s="104">
        <v>713863</v>
      </c>
      <c r="P18" s="103">
        <v>993890</v>
      </c>
      <c r="Q18" s="100">
        <v>0</v>
      </c>
      <c r="R18" s="104">
        <v>2350105</v>
      </c>
      <c r="S18" s="104">
        <v>2369303</v>
      </c>
      <c r="T18" s="104">
        <v>2344169</v>
      </c>
      <c r="U18" s="104">
        <v>2325707</v>
      </c>
      <c r="V18" s="104">
        <v>3697389</v>
      </c>
      <c r="W18" s="103">
        <v>13086673</v>
      </c>
      <c r="X18" s="106">
        <v>14080563</v>
      </c>
      <c r="Y18" s="100">
        <v>0</v>
      </c>
      <c r="Z18" s="104">
        <v>0</v>
      </c>
      <c r="AA18" s="103">
        <v>0</v>
      </c>
      <c r="AB18" s="100">
        <v>0</v>
      </c>
      <c r="AC18" s="104">
        <v>1537587</v>
      </c>
      <c r="AD18" s="104">
        <v>1232101</v>
      </c>
      <c r="AE18" s="104">
        <v>1491963</v>
      </c>
      <c r="AF18" s="104">
        <v>1242563</v>
      </c>
      <c r="AG18" s="104">
        <v>2504209</v>
      </c>
      <c r="AH18" s="103">
        <v>8008423</v>
      </c>
      <c r="AI18" s="106">
        <v>8008423</v>
      </c>
      <c r="AJ18" s="100">
        <v>0</v>
      </c>
      <c r="AK18" s="104">
        <v>0</v>
      </c>
      <c r="AL18" s="103">
        <v>0</v>
      </c>
      <c r="AM18" s="100">
        <v>0</v>
      </c>
      <c r="AN18" s="104">
        <v>0</v>
      </c>
      <c r="AO18" s="104">
        <v>92996</v>
      </c>
      <c r="AP18" s="104">
        <v>81842</v>
      </c>
      <c r="AQ18" s="104">
        <v>228352</v>
      </c>
      <c r="AR18" s="104">
        <v>298740</v>
      </c>
      <c r="AS18" s="103">
        <v>701930</v>
      </c>
      <c r="AT18" s="106">
        <v>701930</v>
      </c>
      <c r="AU18" s="100">
        <v>223104</v>
      </c>
      <c r="AV18" s="104">
        <v>638382</v>
      </c>
      <c r="AW18" s="103">
        <v>861486</v>
      </c>
      <c r="AX18" s="100">
        <v>0</v>
      </c>
      <c r="AY18" s="104">
        <v>555736</v>
      </c>
      <c r="AZ18" s="104">
        <v>682987</v>
      </c>
      <c r="BA18" s="104">
        <v>348206</v>
      </c>
      <c r="BB18" s="104">
        <v>517941</v>
      </c>
      <c r="BC18" s="104">
        <v>668452</v>
      </c>
      <c r="BD18" s="103">
        <v>2773322</v>
      </c>
      <c r="BE18" s="106">
        <v>3634808</v>
      </c>
      <c r="BF18" s="100">
        <v>20803</v>
      </c>
      <c r="BG18" s="104">
        <v>18137</v>
      </c>
      <c r="BH18" s="102">
        <v>38940</v>
      </c>
      <c r="BI18" s="101">
        <v>0</v>
      </c>
      <c r="BJ18" s="104">
        <v>13868</v>
      </c>
      <c r="BK18" s="104">
        <v>84663</v>
      </c>
      <c r="BL18" s="104">
        <v>81566</v>
      </c>
      <c r="BM18" s="104">
        <v>53547</v>
      </c>
      <c r="BN18" s="104">
        <v>42735</v>
      </c>
      <c r="BO18" s="103">
        <v>276379</v>
      </c>
      <c r="BP18" s="106">
        <v>315319</v>
      </c>
      <c r="BQ18" s="100">
        <v>36120</v>
      </c>
      <c r="BR18" s="104">
        <v>57344</v>
      </c>
      <c r="BS18" s="103">
        <v>93464</v>
      </c>
      <c r="BT18" s="100">
        <v>0</v>
      </c>
      <c r="BU18" s="104">
        <v>242914</v>
      </c>
      <c r="BV18" s="104">
        <v>276556</v>
      </c>
      <c r="BW18" s="104">
        <v>340592</v>
      </c>
      <c r="BX18" s="104">
        <v>283304</v>
      </c>
      <c r="BY18" s="104">
        <v>183253</v>
      </c>
      <c r="BZ18" s="103">
        <v>1326619</v>
      </c>
      <c r="CA18" s="106">
        <v>1420083</v>
      </c>
      <c r="CB18" s="100">
        <v>226259</v>
      </c>
      <c r="CC18" s="104">
        <v>247595</v>
      </c>
      <c r="CD18" s="103">
        <v>473854</v>
      </c>
      <c r="CE18" s="100">
        <v>0</v>
      </c>
      <c r="CF18" s="104">
        <v>1843908</v>
      </c>
      <c r="CG18" s="104">
        <v>1801037</v>
      </c>
      <c r="CH18" s="104">
        <v>2144499</v>
      </c>
      <c r="CI18" s="104">
        <v>1006910</v>
      </c>
      <c r="CJ18" s="104">
        <v>635700</v>
      </c>
      <c r="CK18" s="103">
        <v>7432054</v>
      </c>
      <c r="CL18" s="106">
        <v>7905908</v>
      </c>
      <c r="CM18" s="100">
        <v>0</v>
      </c>
      <c r="CN18" s="104">
        <v>0</v>
      </c>
      <c r="CO18" s="103">
        <v>0</v>
      </c>
      <c r="CP18" s="101">
        <v>0</v>
      </c>
      <c r="CQ18" s="104">
        <v>1417698</v>
      </c>
      <c r="CR18" s="104">
        <v>1438033</v>
      </c>
      <c r="CS18" s="104">
        <v>1252099</v>
      </c>
      <c r="CT18" s="104">
        <v>685141</v>
      </c>
      <c r="CU18" s="104">
        <v>613793</v>
      </c>
      <c r="CV18" s="103">
        <v>5406764</v>
      </c>
      <c r="CW18" s="106">
        <v>5406764</v>
      </c>
      <c r="CX18" s="100">
        <v>226259</v>
      </c>
      <c r="CY18" s="104">
        <v>247595</v>
      </c>
      <c r="CZ18" s="103">
        <v>473854</v>
      </c>
      <c r="DA18" s="100">
        <v>0</v>
      </c>
      <c r="DB18" s="104">
        <v>426210</v>
      </c>
      <c r="DC18" s="104">
        <v>363004</v>
      </c>
      <c r="DD18" s="104">
        <v>892400</v>
      </c>
      <c r="DE18" s="104">
        <v>321769</v>
      </c>
      <c r="DF18" s="104">
        <v>21907</v>
      </c>
      <c r="DG18" s="103">
        <v>2025290</v>
      </c>
      <c r="DH18" s="106">
        <v>2499144</v>
      </c>
      <c r="DI18" s="100">
        <v>0</v>
      </c>
      <c r="DJ18" s="104">
        <v>18565</v>
      </c>
      <c r="DK18" s="102">
        <v>18565</v>
      </c>
      <c r="DL18" s="101">
        <v>0</v>
      </c>
      <c r="DM18" s="104">
        <v>584418</v>
      </c>
      <c r="DN18" s="104">
        <v>308475</v>
      </c>
      <c r="DO18" s="104">
        <v>796329</v>
      </c>
      <c r="DP18" s="104">
        <v>542320</v>
      </c>
      <c r="DQ18" s="104">
        <v>235134</v>
      </c>
      <c r="DR18" s="103">
        <v>2466676</v>
      </c>
      <c r="DS18" s="106">
        <v>2485241</v>
      </c>
      <c r="DT18" s="100">
        <v>0</v>
      </c>
      <c r="DU18" s="104">
        <v>18565</v>
      </c>
      <c r="DV18" s="103">
        <v>18565</v>
      </c>
      <c r="DW18" s="100">
        <v>0</v>
      </c>
      <c r="DX18" s="104">
        <v>431648</v>
      </c>
      <c r="DY18" s="104">
        <v>308475</v>
      </c>
      <c r="DZ18" s="104">
        <v>765775</v>
      </c>
      <c r="EA18" s="104">
        <v>542320</v>
      </c>
      <c r="EB18" s="104">
        <v>235134</v>
      </c>
      <c r="EC18" s="103">
        <v>2283352</v>
      </c>
      <c r="ED18" s="106">
        <v>2301917</v>
      </c>
      <c r="EE18" s="100">
        <v>0</v>
      </c>
      <c r="EF18" s="102">
        <v>0</v>
      </c>
      <c r="EG18" s="103">
        <v>0</v>
      </c>
      <c r="EH18" s="100">
        <v>0</v>
      </c>
      <c r="EI18" s="104">
        <v>152770</v>
      </c>
      <c r="EJ18" s="104">
        <v>0</v>
      </c>
      <c r="EK18" s="104">
        <v>30554</v>
      </c>
      <c r="EL18" s="104">
        <v>0</v>
      </c>
      <c r="EM18" s="104">
        <v>0</v>
      </c>
      <c r="EN18" s="102">
        <v>183324</v>
      </c>
      <c r="EO18" s="106">
        <v>183324</v>
      </c>
      <c r="EP18" s="100">
        <v>0</v>
      </c>
      <c r="EQ18" s="104">
        <v>0</v>
      </c>
      <c r="ER18" s="102">
        <v>0</v>
      </c>
      <c r="ES18" s="101">
        <v>0</v>
      </c>
      <c r="ET18" s="104">
        <v>0</v>
      </c>
      <c r="EU18" s="104">
        <v>0</v>
      </c>
      <c r="EV18" s="104">
        <v>0</v>
      </c>
      <c r="EW18" s="104">
        <v>0</v>
      </c>
      <c r="EX18" s="104">
        <v>0</v>
      </c>
      <c r="EY18" s="103">
        <v>0</v>
      </c>
      <c r="EZ18" s="106">
        <v>0</v>
      </c>
      <c r="FA18" s="100">
        <v>0</v>
      </c>
      <c r="FB18" s="104">
        <v>0</v>
      </c>
      <c r="FC18" s="102">
        <v>0</v>
      </c>
      <c r="FD18" s="470">
        <v>0</v>
      </c>
      <c r="FE18" s="104">
        <v>0</v>
      </c>
      <c r="FF18" s="104">
        <v>0</v>
      </c>
      <c r="FG18" s="104">
        <v>0</v>
      </c>
      <c r="FH18" s="104">
        <v>0</v>
      </c>
      <c r="FI18" s="104">
        <v>0</v>
      </c>
      <c r="FJ18" s="103">
        <v>0</v>
      </c>
      <c r="FK18" s="106">
        <v>0</v>
      </c>
      <c r="FL18" s="100">
        <v>97881</v>
      </c>
      <c r="FM18" s="104">
        <v>558369</v>
      </c>
      <c r="FN18" s="103">
        <v>656250</v>
      </c>
      <c r="FO18" s="100">
        <v>0</v>
      </c>
      <c r="FP18" s="104">
        <v>505656</v>
      </c>
      <c r="FQ18" s="104">
        <v>532021</v>
      </c>
      <c r="FR18" s="104">
        <v>794850</v>
      </c>
      <c r="FS18" s="104">
        <v>657776</v>
      </c>
      <c r="FT18" s="104">
        <v>613396</v>
      </c>
      <c r="FU18" s="103">
        <v>3103699</v>
      </c>
      <c r="FV18" s="106">
        <v>3759949</v>
      </c>
      <c r="FW18" s="105">
        <v>97881</v>
      </c>
      <c r="FX18" s="104">
        <v>298210</v>
      </c>
      <c r="FY18" s="102">
        <v>396091</v>
      </c>
      <c r="FZ18" s="101">
        <v>0</v>
      </c>
      <c r="GA18" s="104">
        <v>300013</v>
      </c>
      <c r="GB18" s="104">
        <v>532021</v>
      </c>
      <c r="GC18" s="104">
        <v>472164</v>
      </c>
      <c r="GD18" s="104">
        <v>588245</v>
      </c>
      <c r="GE18" s="104">
        <v>496650</v>
      </c>
      <c r="GF18" s="103">
        <v>2389093</v>
      </c>
      <c r="GG18" s="290">
        <v>2785184</v>
      </c>
      <c r="GH18" s="105">
        <v>0</v>
      </c>
      <c r="GI18" s="104">
        <v>19600</v>
      </c>
      <c r="GJ18" s="102">
        <v>19600</v>
      </c>
      <c r="GK18" s="101">
        <v>0</v>
      </c>
      <c r="GL18" s="104">
        <v>17343</v>
      </c>
      <c r="GM18" s="104">
        <v>0</v>
      </c>
      <c r="GN18" s="104">
        <v>76076</v>
      </c>
      <c r="GO18" s="104">
        <v>69531</v>
      </c>
      <c r="GP18" s="104">
        <v>15246</v>
      </c>
      <c r="GQ18" s="103">
        <v>178196</v>
      </c>
      <c r="GR18" s="106">
        <v>197796</v>
      </c>
      <c r="GS18" s="100">
        <v>0</v>
      </c>
      <c r="GT18" s="104">
        <v>240559</v>
      </c>
      <c r="GU18" s="103">
        <v>240559</v>
      </c>
      <c r="GV18" s="100">
        <v>0</v>
      </c>
      <c r="GW18" s="104">
        <v>188300</v>
      </c>
      <c r="GX18" s="104">
        <v>0</v>
      </c>
      <c r="GY18" s="104">
        <v>246610</v>
      </c>
      <c r="GZ18" s="104">
        <v>0</v>
      </c>
      <c r="HA18" s="104">
        <v>101500</v>
      </c>
      <c r="HB18" s="102">
        <v>536410</v>
      </c>
      <c r="HC18" s="106">
        <v>776969</v>
      </c>
      <c r="HD18" s="100">
        <v>178664</v>
      </c>
      <c r="HE18" s="104">
        <v>163057</v>
      </c>
      <c r="HF18" s="102">
        <v>341721</v>
      </c>
      <c r="HG18" s="101">
        <v>0</v>
      </c>
      <c r="HH18" s="104">
        <v>1169492</v>
      </c>
      <c r="HI18" s="104">
        <v>1937518</v>
      </c>
      <c r="HJ18" s="104">
        <v>2855112</v>
      </c>
      <c r="HK18" s="104">
        <v>2527259</v>
      </c>
      <c r="HL18" s="104">
        <v>964684</v>
      </c>
      <c r="HM18" s="103">
        <v>9454065</v>
      </c>
      <c r="HN18" s="99">
        <v>9795786</v>
      </c>
      <c r="HO18" s="456">
        <v>0</v>
      </c>
      <c r="HP18" s="457">
        <v>0</v>
      </c>
      <c r="HQ18" s="458">
        <v>0</v>
      </c>
      <c r="HR18" s="459">
        <v>0</v>
      </c>
      <c r="HS18" s="457">
        <v>0</v>
      </c>
      <c r="HT18" s="457">
        <v>0</v>
      </c>
      <c r="HU18" s="457">
        <v>0</v>
      </c>
      <c r="HV18" s="457">
        <v>0</v>
      </c>
      <c r="HW18" s="457">
        <v>0</v>
      </c>
      <c r="HX18" s="460">
        <v>0</v>
      </c>
      <c r="HY18" s="461">
        <v>0</v>
      </c>
      <c r="HZ18" s="135">
        <v>0</v>
      </c>
      <c r="IA18" s="122">
        <v>0</v>
      </c>
      <c r="IB18" s="135">
        <v>0</v>
      </c>
      <c r="IC18" s="121">
        <v>0</v>
      </c>
      <c r="ID18" s="122">
        <v>1229402</v>
      </c>
      <c r="IE18" s="123">
        <v>1553708</v>
      </c>
      <c r="IF18" s="124">
        <v>878554</v>
      </c>
      <c r="IG18" s="122">
        <v>1473959</v>
      </c>
      <c r="IH18" s="124">
        <v>922840</v>
      </c>
      <c r="II18" s="125">
        <v>6058463</v>
      </c>
      <c r="IJ18" s="135">
        <v>6058463</v>
      </c>
      <c r="IK18" s="215">
        <v>0</v>
      </c>
      <c r="IL18" s="219">
        <v>0</v>
      </c>
      <c r="IM18" s="220">
        <v>0</v>
      </c>
      <c r="IN18" s="470">
        <v>0</v>
      </c>
      <c r="IO18" s="109">
        <v>0</v>
      </c>
      <c r="IP18" s="109">
        <v>0</v>
      </c>
      <c r="IQ18" s="109">
        <v>0</v>
      </c>
      <c r="IR18" s="109">
        <v>0</v>
      </c>
      <c r="IS18" s="109">
        <v>0</v>
      </c>
      <c r="IT18" s="128">
        <v>0</v>
      </c>
      <c r="IU18" s="292">
        <v>0</v>
      </c>
      <c r="IV18" s="129">
        <v>0</v>
      </c>
      <c r="IW18" s="109">
        <v>0</v>
      </c>
      <c r="IX18" s="110">
        <v>0</v>
      </c>
      <c r="IY18" s="470">
        <v>0</v>
      </c>
      <c r="IZ18" s="109">
        <v>0</v>
      </c>
      <c r="JA18" s="109">
        <v>0</v>
      </c>
      <c r="JB18" s="109">
        <v>0</v>
      </c>
      <c r="JC18" s="109">
        <v>0</v>
      </c>
      <c r="JD18" s="109">
        <v>0</v>
      </c>
      <c r="JE18" s="110">
        <v>0</v>
      </c>
      <c r="JF18" s="111">
        <v>0</v>
      </c>
      <c r="JG18" s="129">
        <v>0</v>
      </c>
      <c r="JH18" s="109">
        <v>0</v>
      </c>
      <c r="JI18" s="128">
        <v>0</v>
      </c>
      <c r="JJ18" s="108">
        <v>0</v>
      </c>
      <c r="JK18" s="109">
        <v>588209</v>
      </c>
      <c r="JL18" s="109">
        <v>620971</v>
      </c>
      <c r="JM18" s="109">
        <v>212917</v>
      </c>
      <c r="JN18" s="109">
        <v>101918</v>
      </c>
      <c r="JO18" s="109">
        <v>261041</v>
      </c>
      <c r="JP18" s="110">
        <v>1785056</v>
      </c>
      <c r="JQ18" s="292">
        <v>1785056</v>
      </c>
      <c r="JR18" s="129">
        <v>0</v>
      </c>
      <c r="JS18" s="109">
        <v>0</v>
      </c>
      <c r="JT18" s="128">
        <v>0</v>
      </c>
      <c r="JU18" s="108">
        <v>0</v>
      </c>
      <c r="JV18" s="109">
        <v>0</v>
      </c>
      <c r="JW18" s="109">
        <v>0</v>
      </c>
      <c r="JX18" s="109">
        <v>0</v>
      </c>
      <c r="JY18" s="109">
        <v>0</v>
      </c>
      <c r="JZ18" s="109">
        <v>0</v>
      </c>
      <c r="KA18" s="110">
        <v>0</v>
      </c>
      <c r="KB18" s="292">
        <v>0</v>
      </c>
      <c r="KC18" s="217">
        <v>0</v>
      </c>
      <c r="KD18" s="213">
        <v>0</v>
      </c>
      <c r="KE18" s="110">
        <v>0</v>
      </c>
      <c r="KF18" s="108">
        <v>0</v>
      </c>
      <c r="KG18" s="109">
        <v>216896</v>
      </c>
      <c r="KH18" s="109">
        <v>162454</v>
      </c>
      <c r="KI18" s="109">
        <v>432368</v>
      </c>
      <c r="KJ18" s="109">
        <v>323033</v>
      </c>
      <c r="KK18" s="109">
        <v>0</v>
      </c>
      <c r="KL18" s="110">
        <v>1134751</v>
      </c>
      <c r="KM18" s="130">
        <v>1134751</v>
      </c>
      <c r="KN18" s="215">
        <v>0</v>
      </c>
      <c r="KO18" s="219">
        <v>0</v>
      </c>
      <c r="KP18" s="220">
        <v>0</v>
      </c>
      <c r="KQ18" s="470">
        <v>0</v>
      </c>
      <c r="KR18" s="109">
        <v>424297</v>
      </c>
      <c r="KS18" s="109">
        <v>220824</v>
      </c>
      <c r="KT18" s="109">
        <v>0</v>
      </c>
      <c r="KU18" s="109">
        <v>0</v>
      </c>
      <c r="KV18" s="109">
        <v>233582</v>
      </c>
      <c r="KW18" s="110">
        <v>878703</v>
      </c>
      <c r="KX18" s="292">
        <v>878703</v>
      </c>
      <c r="KY18" s="129">
        <v>0</v>
      </c>
      <c r="KZ18" s="109">
        <v>0</v>
      </c>
      <c r="LA18" s="110">
        <v>0</v>
      </c>
      <c r="LB18" s="470">
        <v>0</v>
      </c>
      <c r="LC18" s="109">
        <v>0</v>
      </c>
      <c r="LD18" s="109">
        <v>164747</v>
      </c>
      <c r="LE18" s="109">
        <v>0</v>
      </c>
      <c r="LF18" s="109">
        <v>198879</v>
      </c>
      <c r="LG18" s="109">
        <v>0</v>
      </c>
      <c r="LH18" s="110">
        <v>363626</v>
      </c>
      <c r="LI18" s="111">
        <v>363626</v>
      </c>
      <c r="LJ18" s="129">
        <v>0</v>
      </c>
      <c r="LK18" s="109">
        <v>0</v>
      </c>
      <c r="LL18" s="110">
        <v>0</v>
      </c>
      <c r="LM18" s="470">
        <v>0</v>
      </c>
      <c r="LN18" s="109">
        <v>0</v>
      </c>
      <c r="LO18" s="109">
        <v>0</v>
      </c>
      <c r="LP18" s="109">
        <v>0</v>
      </c>
      <c r="LQ18" s="109">
        <v>0</v>
      </c>
      <c r="LR18" s="109">
        <v>0</v>
      </c>
      <c r="LS18" s="110">
        <v>0</v>
      </c>
      <c r="LT18" s="292">
        <v>0</v>
      </c>
      <c r="LU18" s="129">
        <v>0</v>
      </c>
      <c r="LV18" s="109">
        <v>0</v>
      </c>
      <c r="LW18" s="110">
        <v>0</v>
      </c>
      <c r="LX18" s="470">
        <v>0</v>
      </c>
      <c r="LY18" s="109">
        <v>0</v>
      </c>
      <c r="LZ18" s="109">
        <v>384712</v>
      </c>
      <c r="MA18" s="109">
        <v>233269</v>
      </c>
      <c r="MB18" s="109">
        <v>850129</v>
      </c>
      <c r="MC18" s="109">
        <v>428217</v>
      </c>
      <c r="MD18" s="110">
        <v>1896327</v>
      </c>
      <c r="ME18" s="111">
        <v>1896327</v>
      </c>
      <c r="MF18" s="129">
        <v>0</v>
      </c>
      <c r="MG18" s="109">
        <v>0</v>
      </c>
      <c r="MH18" s="110">
        <v>0</v>
      </c>
      <c r="MI18" s="470">
        <v>0</v>
      </c>
      <c r="MJ18" s="109">
        <v>227137</v>
      </c>
      <c r="MK18" s="109">
        <v>775101</v>
      </c>
      <c r="ML18" s="109">
        <v>1385018</v>
      </c>
      <c r="MM18" s="109">
        <v>4510234</v>
      </c>
      <c r="MN18" s="109">
        <v>2017356</v>
      </c>
      <c r="MO18" s="110">
        <v>8914846</v>
      </c>
      <c r="MP18" s="130">
        <v>8914846</v>
      </c>
      <c r="MQ18" s="129">
        <v>0</v>
      </c>
      <c r="MR18" s="109">
        <v>0</v>
      </c>
      <c r="MS18" s="110">
        <v>0</v>
      </c>
      <c r="MT18" s="470">
        <v>0</v>
      </c>
      <c r="MU18" s="109">
        <v>0</v>
      </c>
      <c r="MV18" s="109">
        <v>0</v>
      </c>
      <c r="MW18" s="109">
        <v>229705</v>
      </c>
      <c r="MX18" s="109">
        <v>2218615</v>
      </c>
      <c r="MY18" s="109">
        <v>1008496</v>
      </c>
      <c r="MZ18" s="110">
        <v>3456816</v>
      </c>
      <c r="NA18" s="130">
        <v>3456816</v>
      </c>
      <c r="NB18" s="129">
        <v>0</v>
      </c>
      <c r="NC18" s="109">
        <v>0</v>
      </c>
      <c r="ND18" s="110">
        <v>0</v>
      </c>
      <c r="NE18" s="470">
        <v>0</v>
      </c>
      <c r="NF18" s="109">
        <v>227137</v>
      </c>
      <c r="NG18" s="109">
        <v>775101</v>
      </c>
      <c r="NH18" s="109">
        <v>1155313</v>
      </c>
      <c r="NI18" s="109">
        <v>1354222</v>
      </c>
      <c r="NJ18" s="109">
        <v>1008860</v>
      </c>
      <c r="NK18" s="110">
        <v>4520633</v>
      </c>
      <c r="NL18" s="292">
        <v>4520633</v>
      </c>
      <c r="NM18" s="129">
        <v>0</v>
      </c>
      <c r="NN18" s="109">
        <v>0</v>
      </c>
      <c r="NO18" s="110">
        <v>0</v>
      </c>
      <c r="NP18" s="470">
        <v>0</v>
      </c>
      <c r="NQ18" s="109">
        <v>0</v>
      </c>
      <c r="NR18" s="109">
        <v>0</v>
      </c>
      <c r="NS18" s="109">
        <v>0</v>
      </c>
      <c r="NT18" s="109">
        <v>0</v>
      </c>
      <c r="NU18" s="109">
        <v>0</v>
      </c>
      <c r="NV18" s="110">
        <v>0</v>
      </c>
      <c r="NW18" s="111">
        <v>0</v>
      </c>
      <c r="NX18" s="129">
        <v>0</v>
      </c>
      <c r="NY18" s="109">
        <v>0</v>
      </c>
      <c r="NZ18" s="110">
        <v>0</v>
      </c>
      <c r="OA18" s="470">
        <v>0</v>
      </c>
      <c r="OB18" s="109">
        <v>0</v>
      </c>
      <c r="OC18" s="109">
        <v>0</v>
      </c>
      <c r="OD18" s="109">
        <v>0</v>
      </c>
      <c r="OE18" s="109">
        <v>937397</v>
      </c>
      <c r="OF18" s="109">
        <v>0</v>
      </c>
      <c r="OG18" s="110">
        <v>937397</v>
      </c>
      <c r="OH18" s="111">
        <v>937397</v>
      </c>
      <c r="OI18" s="129">
        <v>782831</v>
      </c>
      <c r="OJ18" s="109">
        <v>1701449</v>
      </c>
      <c r="OK18" s="128">
        <v>2484280</v>
      </c>
      <c r="OL18" s="108">
        <v>0</v>
      </c>
      <c r="OM18" s="109">
        <v>7910118</v>
      </c>
      <c r="ON18" s="109">
        <v>9277163</v>
      </c>
      <c r="OO18" s="109">
        <v>11198531</v>
      </c>
      <c r="OP18" s="109">
        <v>13044165</v>
      </c>
      <c r="OQ18" s="109">
        <v>9086499</v>
      </c>
      <c r="OR18" s="110">
        <v>50516476</v>
      </c>
      <c r="OS18" s="130">
        <v>53000756</v>
      </c>
    </row>
    <row r="19" spans="2:409" ht="21" customHeight="1" x14ac:dyDescent="0.2">
      <c r="B19" s="437" t="s">
        <v>13</v>
      </c>
      <c r="C19" s="100">
        <v>230868</v>
      </c>
      <c r="D19" s="104">
        <v>704498</v>
      </c>
      <c r="E19" s="103">
        <v>935366</v>
      </c>
      <c r="F19" s="100">
        <v>0</v>
      </c>
      <c r="G19" s="153">
        <v>3731543</v>
      </c>
      <c r="H19" s="104">
        <v>4884273</v>
      </c>
      <c r="I19" s="104">
        <v>3460713</v>
      </c>
      <c r="J19" s="104">
        <v>2729540</v>
      </c>
      <c r="K19" s="104">
        <v>3973833</v>
      </c>
      <c r="L19" s="102">
        <v>18779902</v>
      </c>
      <c r="M19" s="106">
        <v>19715268</v>
      </c>
      <c r="N19" s="100">
        <v>69282</v>
      </c>
      <c r="O19" s="104">
        <v>229470</v>
      </c>
      <c r="P19" s="103">
        <v>298752</v>
      </c>
      <c r="Q19" s="100">
        <v>0</v>
      </c>
      <c r="R19" s="104">
        <v>1470199</v>
      </c>
      <c r="S19" s="104">
        <v>1804882</v>
      </c>
      <c r="T19" s="104">
        <v>1134758</v>
      </c>
      <c r="U19" s="104">
        <v>597768</v>
      </c>
      <c r="V19" s="104">
        <v>2438785</v>
      </c>
      <c r="W19" s="103">
        <v>7446392</v>
      </c>
      <c r="X19" s="106">
        <v>7745144</v>
      </c>
      <c r="Y19" s="100">
        <v>0</v>
      </c>
      <c r="Z19" s="104">
        <v>0</v>
      </c>
      <c r="AA19" s="103">
        <v>0</v>
      </c>
      <c r="AB19" s="100">
        <v>0</v>
      </c>
      <c r="AC19" s="104">
        <v>561941</v>
      </c>
      <c r="AD19" s="104">
        <v>853851</v>
      </c>
      <c r="AE19" s="104">
        <v>542989</v>
      </c>
      <c r="AF19" s="104">
        <v>-20785</v>
      </c>
      <c r="AG19" s="104">
        <v>1582690</v>
      </c>
      <c r="AH19" s="103">
        <v>3520686</v>
      </c>
      <c r="AI19" s="106">
        <v>3520686</v>
      </c>
      <c r="AJ19" s="100">
        <v>0</v>
      </c>
      <c r="AK19" s="104">
        <v>0</v>
      </c>
      <c r="AL19" s="103">
        <v>0</v>
      </c>
      <c r="AM19" s="100">
        <v>0</v>
      </c>
      <c r="AN19" s="104">
        <v>0</v>
      </c>
      <c r="AO19" s="104">
        <v>0</v>
      </c>
      <c r="AP19" s="104">
        <v>0</v>
      </c>
      <c r="AQ19" s="104">
        <v>42256</v>
      </c>
      <c r="AR19" s="104">
        <v>91973</v>
      </c>
      <c r="AS19" s="103">
        <v>134229</v>
      </c>
      <c r="AT19" s="106">
        <v>134229</v>
      </c>
      <c r="AU19" s="100">
        <v>19533</v>
      </c>
      <c r="AV19" s="104">
        <v>96478</v>
      </c>
      <c r="AW19" s="103">
        <v>116011</v>
      </c>
      <c r="AX19" s="100">
        <v>0</v>
      </c>
      <c r="AY19" s="104">
        <v>586828</v>
      </c>
      <c r="AZ19" s="104">
        <v>573123</v>
      </c>
      <c r="BA19" s="104">
        <v>406584</v>
      </c>
      <c r="BB19" s="104">
        <v>288396</v>
      </c>
      <c r="BC19" s="104">
        <v>460940</v>
      </c>
      <c r="BD19" s="103">
        <v>2315871</v>
      </c>
      <c r="BE19" s="106">
        <v>2431882</v>
      </c>
      <c r="BF19" s="100">
        <v>0</v>
      </c>
      <c r="BG19" s="104">
        <v>61977</v>
      </c>
      <c r="BH19" s="102">
        <v>61977</v>
      </c>
      <c r="BI19" s="101">
        <v>0</v>
      </c>
      <c r="BJ19" s="104">
        <v>19191</v>
      </c>
      <c r="BK19" s="104">
        <v>30077</v>
      </c>
      <c r="BL19" s="104">
        <v>0</v>
      </c>
      <c r="BM19" s="104">
        <v>50678</v>
      </c>
      <c r="BN19" s="104">
        <v>70250</v>
      </c>
      <c r="BO19" s="103">
        <v>170196</v>
      </c>
      <c r="BP19" s="106">
        <v>232173</v>
      </c>
      <c r="BQ19" s="100">
        <v>49749</v>
      </c>
      <c r="BR19" s="104">
        <v>71015</v>
      </c>
      <c r="BS19" s="103">
        <v>120764</v>
      </c>
      <c r="BT19" s="100">
        <v>0</v>
      </c>
      <c r="BU19" s="104">
        <v>302239</v>
      </c>
      <c r="BV19" s="104">
        <v>347831</v>
      </c>
      <c r="BW19" s="104">
        <v>185185</v>
      </c>
      <c r="BX19" s="104">
        <v>237223</v>
      </c>
      <c r="BY19" s="104">
        <v>232932</v>
      </c>
      <c r="BZ19" s="103">
        <v>1305410</v>
      </c>
      <c r="CA19" s="106">
        <v>1426174</v>
      </c>
      <c r="CB19" s="100">
        <v>0</v>
      </c>
      <c r="CC19" s="104">
        <v>31518</v>
      </c>
      <c r="CD19" s="103">
        <v>31518</v>
      </c>
      <c r="CE19" s="100">
        <v>0</v>
      </c>
      <c r="CF19" s="104">
        <v>596946</v>
      </c>
      <c r="CG19" s="104">
        <v>966759</v>
      </c>
      <c r="CH19" s="104">
        <v>661301</v>
      </c>
      <c r="CI19" s="104">
        <v>362536</v>
      </c>
      <c r="CJ19" s="104">
        <v>100743</v>
      </c>
      <c r="CK19" s="103">
        <v>2688285</v>
      </c>
      <c r="CL19" s="106">
        <v>2719803</v>
      </c>
      <c r="CM19" s="100">
        <v>0</v>
      </c>
      <c r="CN19" s="104">
        <v>0</v>
      </c>
      <c r="CO19" s="103">
        <v>0</v>
      </c>
      <c r="CP19" s="101">
        <v>0</v>
      </c>
      <c r="CQ19" s="104">
        <v>539924</v>
      </c>
      <c r="CR19" s="104">
        <v>736336</v>
      </c>
      <c r="CS19" s="104">
        <v>537602</v>
      </c>
      <c r="CT19" s="104">
        <v>68666</v>
      </c>
      <c r="CU19" s="104">
        <v>11720</v>
      </c>
      <c r="CV19" s="103">
        <v>1894248</v>
      </c>
      <c r="CW19" s="106">
        <v>1894248</v>
      </c>
      <c r="CX19" s="100">
        <v>0</v>
      </c>
      <c r="CY19" s="104">
        <v>31518</v>
      </c>
      <c r="CZ19" s="103">
        <v>31518</v>
      </c>
      <c r="DA19" s="100">
        <v>0</v>
      </c>
      <c r="DB19" s="104">
        <v>57022</v>
      </c>
      <c r="DC19" s="104">
        <v>230423</v>
      </c>
      <c r="DD19" s="104">
        <v>123699</v>
      </c>
      <c r="DE19" s="104">
        <v>293870</v>
      </c>
      <c r="DF19" s="104">
        <v>89023</v>
      </c>
      <c r="DG19" s="103">
        <v>794037</v>
      </c>
      <c r="DH19" s="106">
        <v>825555</v>
      </c>
      <c r="DI19" s="100">
        <v>0</v>
      </c>
      <c r="DJ19" s="104">
        <v>0</v>
      </c>
      <c r="DK19" s="102">
        <v>0</v>
      </c>
      <c r="DL19" s="101">
        <v>0</v>
      </c>
      <c r="DM19" s="104">
        <v>0</v>
      </c>
      <c r="DN19" s="104">
        <v>353329</v>
      </c>
      <c r="DO19" s="104">
        <v>193784</v>
      </c>
      <c r="DP19" s="104">
        <v>111694</v>
      </c>
      <c r="DQ19" s="104">
        <v>0</v>
      </c>
      <c r="DR19" s="103">
        <v>658807</v>
      </c>
      <c r="DS19" s="106">
        <v>658807</v>
      </c>
      <c r="DT19" s="100">
        <v>0</v>
      </c>
      <c r="DU19" s="104">
        <v>0</v>
      </c>
      <c r="DV19" s="103">
        <v>0</v>
      </c>
      <c r="DW19" s="100">
        <v>0</v>
      </c>
      <c r="DX19" s="104">
        <v>0</v>
      </c>
      <c r="DY19" s="104">
        <v>353329</v>
      </c>
      <c r="DZ19" s="104">
        <v>193784</v>
      </c>
      <c r="EA19" s="104">
        <v>111694</v>
      </c>
      <c r="EB19" s="104">
        <v>0</v>
      </c>
      <c r="EC19" s="103">
        <v>658807</v>
      </c>
      <c r="ED19" s="106">
        <v>658807</v>
      </c>
      <c r="EE19" s="100">
        <v>0</v>
      </c>
      <c r="EF19" s="102">
        <v>0</v>
      </c>
      <c r="EG19" s="103">
        <v>0</v>
      </c>
      <c r="EH19" s="100">
        <v>0</v>
      </c>
      <c r="EI19" s="104">
        <v>0</v>
      </c>
      <c r="EJ19" s="104">
        <v>0</v>
      </c>
      <c r="EK19" s="104">
        <v>0</v>
      </c>
      <c r="EL19" s="104">
        <v>0</v>
      </c>
      <c r="EM19" s="104">
        <v>0</v>
      </c>
      <c r="EN19" s="102">
        <v>0</v>
      </c>
      <c r="EO19" s="106">
        <v>0</v>
      </c>
      <c r="EP19" s="100">
        <v>0</v>
      </c>
      <c r="EQ19" s="104">
        <v>0</v>
      </c>
      <c r="ER19" s="102">
        <v>0</v>
      </c>
      <c r="ES19" s="101">
        <v>0</v>
      </c>
      <c r="ET19" s="104">
        <v>0</v>
      </c>
      <c r="EU19" s="104">
        <v>0</v>
      </c>
      <c r="EV19" s="104">
        <v>0</v>
      </c>
      <c r="EW19" s="104">
        <v>0</v>
      </c>
      <c r="EX19" s="104">
        <v>0</v>
      </c>
      <c r="EY19" s="103">
        <v>0</v>
      </c>
      <c r="EZ19" s="106">
        <v>0</v>
      </c>
      <c r="FA19" s="100">
        <v>0</v>
      </c>
      <c r="FB19" s="104">
        <v>0</v>
      </c>
      <c r="FC19" s="102">
        <v>0</v>
      </c>
      <c r="FD19" s="470">
        <v>0</v>
      </c>
      <c r="FE19" s="104">
        <v>0</v>
      </c>
      <c r="FF19" s="104">
        <v>0</v>
      </c>
      <c r="FG19" s="104">
        <v>0</v>
      </c>
      <c r="FH19" s="104">
        <v>0</v>
      </c>
      <c r="FI19" s="104">
        <v>0</v>
      </c>
      <c r="FJ19" s="103">
        <v>0</v>
      </c>
      <c r="FK19" s="106">
        <v>0</v>
      </c>
      <c r="FL19" s="100">
        <v>7700</v>
      </c>
      <c r="FM19" s="104">
        <v>105462</v>
      </c>
      <c r="FN19" s="103">
        <v>113162</v>
      </c>
      <c r="FO19" s="100">
        <v>0</v>
      </c>
      <c r="FP19" s="104">
        <v>98406</v>
      </c>
      <c r="FQ19" s="104">
        <v>353165</v>
      </c>
      <c r="FR19" s="104">
        <v>183092</v>
      </c>
      <c r="FS19" s="104">
        <v>-116288</v>
      </c>
      <c r="FT19" s="104">
        <v>253526</v>
      </c>
      <c r="FU19" s="103">
        <v>771901</v>
      </c>
      <c r="FV19" s="106">
        <v>885063</v>
      </c>
      <c r="FW19" s="105">
        <v>7700</v>
      </c>
      <c r="FX19" s="104">
        <v>105462</v>
      </c>
      <c r="FY19" s="102">
        <v>113162</v>
      </c>
      <c r="FZ19" s="101">
        <v>0</v>
      </c>
      <c r="GA19" s="104">
        <v>98406</v>
      </c>
      <c r="GB19" s="104">
        <v>332953</v>
      </c>
      <c r="GC19" s="104">
        <v>183092</v>
      </c>
      <c r="GD19" s="104">
        <v>-116288</v>
      </c>
      <c r="GE19" s="104">
        <v>253526</v>
      </c>
      <c r="GF19" s="103">
        <v>751689</v>
      </c>
      <c r="GG19" s="290">
        <v>864851</v>
      </c>
      <c r="GH19" s="105">
        <v>0</v>
      </c>
      <c r="GI19" s="104">
        <v>0</v>
      </c>
      <c r="GJ19" s="102">
        <v>0</v>
      </c>
      <c r="GK19" s="101">
        <v>0</v>
      </c>
      <c r="GL19" s="104">
        <v>0</v>
      </c>
      <c r="GM19" s="104">
        <v>20212</v>
      </c>
      <c r="GN19" s="104">
        <v>0</v>
      </c>
      <c r="GO19" s="104">
        <v>0</v>
      </c>
      <c r="GP19" s="104">
        <v>0</v>
      </c>
      <c r="GQ19" s="103">
        <v>20212</v>
      </c>
      <c r="GR19" s="106">
        <v>20212</v>
      </c>
      <c r="GS19" s="100">
        <v>0</v>
      </c>
      <c r="GT19" s="104">
        <v>0</v>
      </c>
      <c r="GU19" s="103">
        <v>0</v>
      </c>
      <c r="GV19" s="100">
        <v>0</v>
      </c>
      <c r="GW19" s="104">
        <v>0</v>
      </c>
      <c r="GX19" s="104">
        <v>0</v>
      </c>
      <c r="GY19" s="104">
        <v>0</v>
      </c>
      <c r="GZ19" s="104">
        <v>0</v>
      </c>
      <c r="HA19" s="104">
        <v>0</v>
      </c>
      <c r="HB19" s="102">
        <v>0</v>
      </c>
      <c r="HC19" s="106">
        <v>0</v>
      </c>
      <c r="HD19" s="100">
        <v>153886</v>
      </c>
      <c r="HE19" s="104">
        <v>338048</v>
      </c>
      <c r="HF19" s="102">
        <v>491934</v>
      </c>
      <c r="HG19" s="101">
        <v>0</v>
      </c>
      <c r="HH19" s="104">
        <v>1565992</v>
      </c>
      <c r="HI19" s="104">
        <v>1406138</v>
      </c>
      <c r="HJ19" s="104">
        <v>1287778</v>
      </c>
      <c r="HK19" s="104">
        <v>1773830</v>
      </c>
      <c r="HL19" s="104">
        <v>1180779</v>
      </c>
      <c r="HM19" s="103">
        <v>7214517</v>
      </c>
      <c r="HN19" s="99">
        <v>7706451</v>
      </c>
      <c r="HO19" s="456">
        <v>0</v>
      </c>
      <c r="HP19" s="457">
        <v>0</v>
      </c>
      <c r="HQ19" s="458">
        <v>0</v>
      </c>
      <c r="HR19" s="459">
        <v>0</v>
      </c>
      <c r="HS19" s="457">
        <v>0</v>
      </c>
      <c r="HT19" s="457">
        <v>0</v>
      </c>
      <c r="HU19" s="457">
        <v>0</v>
      </c>
      <c r="HV19" s="457">
        <v>0</v>
      </c>
      <c r="HW19" s="457">
        <v>0</v>
      </c>
      <c r="HX19" s="460">
        <v>0</v>
      </c>
      <c r="HY19" s="461">
        <v>0</v>
      </c>
      <c r="HZ19" s="118">
        <v>0</v>
      </c>
      <c r="IA19" s="119">
        <v>0</v>
      </c>
      <c r="IB19" s="120">
        <v>0</v>
      </c>
      <c r="IC19" s="131">
        <v>0</v>
      </c>
      <c r="ID19" s="119">
        <v>551821</v>
      </c>
      <c r="IE19" s="132">
        <v>528366</v>
      </c>
      <c r="IF19" s="120">
        <v>653588</v>
      </c>
      <c r="IG19" s="119">
        <v>247175</v>
      </c>
      <c r="IH19" s="120">
        <v>134780</v>
      </c>
      <c r="II19" s="133">
        <v>2115730</v>
      </c>
      <c r="IJ19" s="126">
        <v>2115730</v>
      </c>
      <c r="IK19" s="215">
        <v>0</v>
      </c>
      <c r="IL19" s="219">
        <v>0</v>
      </c>
      <c r="IM19" s="220">
        <v>0</v>
      </c>
      <c r="IN19" s="470">
        <v>0</v>
      </c>
      <c r="IO19" s="109">
        <v>0</v>
      </c>
      <c r="IP19" s="109">
        <v>0</v>
      </c>
      <c r="IQ19" s="109">
        <v>0</v>
      </c>
      <c r="IR19" s="109">
        <v>0</v>
      </c>
      <c r="IS19" s="109">
        <v>0</v>
      </c>
      <c r="IT19" s="128">
        <v>0</v>
      </c>
      <c r="IU19" s="292">
        <v>0</v>
      </c>
      <c r="IV19" s="129">
        <v>0</v>
      </c>
      <c r="IW19" s="109">
        <v>0</v>
      </c>
      <c r="IX19" s="110">
        <v>0</v>
      </c>
      <c r="IY19" s="470">
        <v>0</v>
      </c>
      <c r="IZ19" s="109">
        <v>0</v>
      </c>
      <c r="JA19" s="109">
        <v>0</v>
      </c>
      <c r="JB19" s="109">
        <v>0</v>
      </c>
      <c r="JC19" s="109">
        <v>0</v>
      </c>
      <c r="JD19" s="109">
        <v>0</v>
      </c>
      <c r="JE19" s="110">
        <v>0</v>
      </c>
      <c r="JF19" s="111">
        <v>0</v>
      </c>
      <c r="JG19" s="129">
        <v>0</v>
      </c>
      <c r="JH19" s="109">
        <v>0</v>
      </c>
      <c r="JI19" s="128">
        <v>0</v>
      </c>
      <c r="JJ19" s="108">
        <v>0</v>
      </c>
      <c r="JK19" s="109">
        <v>299964</v>
      </c>
      <c r="JL19" s="109">
        <v>528366</v>
      </c>
      <c r="JM19" s="109">
        <v>444452</v>
      </c>
      <c r="JN19" s="109">
        <v>241089</v>
      </c>
      <c r="JO19" s="109">
        <v>134780</v>
      </c>
      <c r="JP19" s="110">
        <v>1648651</v>
      </c>
      <c r="JQ19" s="292">
        <v>1648651</v>
      </c>
      <c r="JR19" s="129">
        <v>0</v>
      </c>
      <c r="JS19" s="109">
        <v>0</v>
      </c>
      <c r="JT19" s="128">
        <v>0</v>
      </c>
      <c r="JU19" s="108">
        <v>0</v>
      </c>
      <c r="JV19" s="109">
        <v>36295</v>
      </c>
      <c r="JW19" s="109">
        <v>0</v>
      </c>
      <c r="JX19" s="109">
        <v>0</v>
      </c>
      <c r="JY19" s="109">
        <v>0</v>
      </c>
      <c r="JZ19" s="109">
        <v>0</v>
      </c>
      <c r="KA19" s="110">
        <v>36295</v>
      </c>
      <c r="KB19" s="292">
        <v>36295</v>
      </c>
      <c r="KC19" s="217">
        <v>0</v>
      </c>
      <c r="KD19" s="213">
        <v>0</v>
      </c>
      <c r="KE19" s="110">
        <v>0</v>
      </c>
      <c r="KF19" s="108">
        <v>0</v>
      </c>
      <c r="KG19" s="109">
        <v>0</v>
      </c>
      <c r="KH19" s="109">
        <v>0</v>
      </c>
      <c r="KI19" s="109">
        <v>209136</v>
      </c>
      <c r="KJ19" s="109">
        <v>0</v>
      </c>
      <c r="KK19" s="109">
        <v>0</v>
      </c>
      <c r="KL19" s="110">
        <v>209136</v>
      </c>
      <c r="KM19" s="130">
        <v>209136</v>
      </c>
      <c r="KN19" s="215">
        <v>0</v>
      </c>
      <c r="KO19" s="219">
        <v>0</v>
      </c>
      <c r="KP19" s="220">
        <v>0</v>
      </c>
      <c r="KQ19" s="470">
        <v>0</v>
      </c>
      <c r="KR19" s="109">
        <v>215562</v>
      </c>
      <c r="KS19" s="109">
        <v>0</v>
      </c>
      <c r="KT19" s="109">
        <v>0</v>
      </c>
      <c r="KU19" s="109">
        <v>0</v>
      </c>
      <c r="KV19" s="109">
        <v>0</v>
      </c>
      <c r="KW19" s="110">
        <v>215562</v>
      </c>
      <c r="KX19" s="292">
        <v>215562</v>
      </c>
      <c r="KY19" s="129">
        <v>0</v>
      </c>
      <c r="KZ19" s="109">
        <v>0</v>
      </c>
      <c r="LA19" s="110">
        <v>0</v>
      </c>
      <c r="LB19" s="470">
        <v>0</v>
      </c>
      <c r="LC19" s="109">
        <v>0</v>
      </c>
      <c r="LD19" s="109">
        <v>0</v>
      </c>
      <c r="LE19" s="109">
        <v>0</v>
      </c>
      <c r="LF19" s="109">
        <v>6086</v>
      </c>
      <c r="LG19" s="109">
        <v>0</v>
      </c>
      <c r="LH19" s="110">
        <v>6086</v>
      </c>
      <c r="LI19" s="111">
        <v>6086</v>
      </c>
      <c r="LJ19" s="129">
        <v>0</v>
      </c>
      <c r="LK19" s="109">
        <v>0</v>
      </c>
      <c r="LL19" s="110">
        <v>0</v>
      </c>
      <c r="LM19" s="470">
        <v>0</v>
      </c>
      <c r="LN19" s="109">
        <v>0</v>
      </c>
      <c r="LO19" s="109">
        <v>0</v>
      </c>
      <c r="LP19" s="109">
        <v>0</v>
      </c>
      <c r="LQ19" s="109">
        <v>0</v>
      </c>
      <c r="LR19" s="109">
        <v>0</v>
      </c>
      <c r="LS19" s="110">
        <v>0</v>
      </c>
      <c r="LT19" s="292">
        <v>0</v>
      </c>
      <c r="LU19" s="129">
        <v>0</v>
      </c>
      <c r="LV19" s="109">
        <v>0</v>
      </c>
      <c r="LW19" s="110">
        <v>0</v>
      </c>
      <c r="LX19" s="470">
        <v>0</v>
      </c>
      <c r="LY19" s="109">
        <v>0</v>
      </c>
      <c r="LZ19" s="109">
        <v>0</v>
      </c>
      <c r="MA19" s="109">
        <v>0</v>
      </c>
      <c r="MB19" s="109">
        <v>0</v>
      </c>
      <c r="MC19" s="109">
        <v>0</v>
      </c>
      <c r="MD19" s="110">
        <v>0</v>
      </c>
      <c r="ME19" s="111">
        <v>0</v>
      </c>
      <c r="MF19" s="129">
        <v>0</v>
      </c>
      <c r="MG19" s="109">
        <v>0</v>
      </c>
      <c r="MH19" s="110">
        <v>0</v>
      </c>
      <c r="MI19" s="470">
        <v>0</v>
      </c>
      <c r="MJ19" s="109">
        <v>0</v>
      </c>
      <c r="MK19" s="109">
        <v>252378</v>
      </c>
      <c r="ML19" s="109">
        <v>258952</v>
      </c>
      <c r="MM19" s="109">
        <v>1707976</v>
      </c>
      <c r="MN19" s="109">
        <v>1575751</v>
      </c>
      <c r="MO19" s="110">
        <v>3795057</v>
      </c>
      <c r="MP19" s="130">
        <v>3795057</v>
      </c>
      <c r="MQ19" s="129">
        <v>0</v>
      </c>
      <c r="MR19" s="109">
        <v>0</v>
      </c>
      <c r="MS19" s="110">
        <v>0</v>
      </c>
      <c r="MT19" s="470">
        <v>0</v>
      </c>
      <c r="MU19" s="109">
        <v>0</v>
      </c>
      <c r="MV19" s="109">
        <v>0</v>
      </c>
      <c r="MW19" s="109">
        <v>0</v>
      </c>
      <c r="MX19" s="109">
        <v>1427395</v>
      </c>
      <c r="MY19" s="109">
        <v>1281404</v>
      </c>
      <c r="MZ19" s="110">
        <v>2708799</v>
      </c>
      <c r="NA19" s="130">
        <v>2708799</v>
      </c>
      <c r="NB19" s="129">
        <v>0</v>
      </c>
      <c r="NC19" s="109">
        <v>0</v>
      </c>
      <c r="ND19" s="110">
        <v>0</v>
      </c>
      <c r="NE19" s="470">
        <v>0</v>
      </c>
      <c r="NF19" s="109">
        <v>0</v>
      </c>
      <c r="NG19" s="109">
        <v>252378</v>
      </c>
      <c r="NH19" s="109">
        <v>258952</v>
      </c>
      <c r="NI19" s="109">
        <v>280581</v>
      </c>
      <c r="NJ19" s="109">
        <v>294347</v>
      </c>
      <c r="NK19" s="110">
        <v>1086258</v>
      </c>
      <c r="NL19" s="292">
        <v>1086258</v>
      </c>
      <c r="NM19" s="129">
        <v>0</v>
      </c>
      <c r="NN19" s="109">
        <v>0</v>
      </c>
      <c r="NO19" s="110">
        <v>0</v>
      </c>
      <c r="NP19" s="470">
        <v>0</v>
      </c>
      <c r="NQ19" s="109">
        <v>0</v>
      </c>
      <c r="NR19" s="109">
        <v>0</v>
      </c>
      <c r="NS19" s="109">
        <v>0</v>
      </c>
      <c r="NT19" s="109">
        <v>0</v>
      </c>
      <c r="NU19" s="109">
        <v>0</v>
      </c>
      <c r="NV19" s="110">
        <v>0</v>
      </c>
      <c r="NW19" s="111">
        <v>0</v>
      </c>
      <c r="NX19" s="129">
        <v>0</v>
      </c>
      <c r="NY19" s="109">
        <v>0</v>
      </c>
      <c r="NZ19" s="110">
        <v>0</v>
      </c>
      <c r="OA19" s="470">
        <v>0</v>
      </c>
      <c r="OB19" s="109">
        <v>0</v>
      </c>
      <c r="OC19" s="109">
        <v>0</v>
      </c>
      <c r="OD19" s="109">
        <v>0</v>
      </c>
      <c r="OE19" s="109">
        <v>0</v>
      </c>
      <c r="OF19" s="109">
        <v>0</v>
      </c>
      <c r="OG19" s="110">
        <v>0</v>
      </c>
      <c r="OH19" s="111">
        <v>0</v>
      </c>
      <c r="OI19" s="129">
        <v>230868</v>
      </c>
      <c r="OJ19" s="109">
        <v>704498</v>
      </c>
      <c r="OK19" s="128">
        <v>935366</v>
      </c>
      <c r="OL19" s="108">
        <v>0</v>
      </c>
      <c r="OM19" s="109">
        <v>4283364</v>
      </c>
      <c r="ON19" s="109">
        <v>5665017</v>
      </c>
      <c r="OO19" s="109">
        <v>4373253</v>
      </c>
      <c r="OP19" s="109">
        <v>4684691</v>
      </c>
      <c r="OQ19" s="109">
        <v>5684364</v>
      </c>
      <c r="OR19" s="110">
        <v>24690689</v>
      </c>
      <c r="OS19" s="130">
        <v>25626055</v>
      </c>
    </row>
    <row r="20" spans="2:409" ht="21" customHeight="1" x14ac:dyDescent="0.2">
      <c r="B20" s="437" t="s">
        <v>15</v>
      </c>
      <c r="C20" s="100">
        <v>53997</v>
      </c>
      <c r="D20" s="104">
        <v>147667</v>
      </c>
      <c r="E20" s="103">
        <v>201664</v>
      </c>
      <c r="F20" s="99">
        <v>0</v>
      </c>
      <c r="G20" s="104">
        <v>993968</v>
      </c>
      <c r="H20" s="104">
        <v>1586656</v>
      </c>
      <c r="I20" s="104">
        <v>755621</v>
      </c>
      <c r="J20" s="104">
        <v>1659233</v>
      </c>
      <c r="K20" s="104">
        <v>883768</v>
      </c>
      <c r="L20" s="99">
        <v>5879246</v>
      </c>
      <c r="M20" s="106">
        <v>6080910</v>
      </c>
      <c r="N20" s="100">
        <v>0</v>
      </c>
      <c r="O20" s="104">
        <v>37884</v>
      </c>
      <c r="P20" s="103">
        <v>37884</v>
      </c>
      <c r="Q20" s="100">
        <v>0</v>
      </c>
      <c r="R20" s="104">
        <v>219577</v>
      </c>
      <c r="S20" s="104">
        <v>485664</v>
      </c>
      <c r="T20" s="104">
        <v>15225</v>
      </c>
      <c r="U20" s="104">
        <v>487663</v>
      </c>
      <c r="V20" s="104">
        <v>392555</v>
      </c>
      <c r="W20" s="103">
        <v>1600684</v>
      </c>
      <c r="X20" s="106">
        <v>1638568</v>
      </c>
      <c r="Y20" s="100">
        <v>0</v>
      </c>
      <c r="Z20" s="104">
        <v>0</v>
      </c>
      <c r="AA20" s="103">
        <v>0</v>
      </c>
      <c r="AB20" s="100">
        <v>0</v>
      </c>
      <c r="AC20" s="104">
        <v>112709</v>
      </c>
      <c r="AD20" s="104">
        <v>163237</v>
      </c>
      <c r="AE20" s="104">
        <v>0</v>
      </c>
      <c r="AF20" s="104">
        <v>249028</v>
      </c>
      <c r="AG20" s="104">
        <v>46068</v>
      </c>
      <c r="AH20" s="103">
        <v>571042</v>
      </c>
      <c r="AI20" s="106">
        <v>571042</v>
      </c>
      <c r="AJ20" s="100">
        <v>0</v>
      </c>
      <c r="AK20" s="104">
        <v>0</v>
      </c>
      <c r="AL20" s="103">
        <v>0</v>
      </c>
      <c r="AM20" s="100">
        <v>0</v>
      </c>
      <c r="AN20" s="104">
        <v>0</v>
      </c>
      <c r="AO20" s="104">
        <v>32319</v>
      </c>
      <c r="AP20" s="104">
        <v>0</v>
      </c>
      <c r="AQ20" s="104">
        <v>40917</v>
      </c>
      <c r="AR20" s="104">
        <v>144847</v>
      </c>
      <c r="AS20" s="103">
        <v>218083</v>
      </c>
      <c r="AT20" s="106">
        <v>218083</v>
      </c>
      <c r="AU20" s="100">
        <v>0</v>
      </c>
      <c r="AV20" s="104">
        <v>33712</v>
      </c>
      <c r="AW20" s="103">
        <v>33712</v>
      </c>
      <c r="AX20" s="100">
        <v>0</v>
      </c>
      <c r="AY20" s="104">
        <v>51190</v>
      </c>
      <c r="AZ20" s="104">
        <v>215209</v>
      </c>
      <c r="BA20" s="104">
        <v>0</v>
      </c>
      <c r="BB20" s="104">
        <v>107887</v>
      </c>
      <c r="BC20" s="104">
        <v>118719</v>
      </c>
      <c r="BD20" s="103">
        <v>493005</v>
      </c>
      <c r="BE20" s="106">
        <v>526717</v>
      </c>
      <c r="BF20" s="100">
        <v>0</v>
      </c>
      <c r="BG20" s="104">
        <v>0</v>
      </c>
      <c r="BH20" s="102">
        <v>0</v>
      </c>
      <c r="BI20" s="101">
        <v>0</v>
      </c>
      <c r="BJ20" s="104">
        <v>0</v>
      </c>
      <c r="BK20" s="104">
        <v>27159</v>
      </c>
      <c r="BL20" s="104">
        <v>0</v>
      </c>
      <c r="BM20" s="104">
        <v>0</v>
      </c>
      <c r="BN20" s="104">
        <v>27159</v>
      </c>
      <c r="BO20" s="103">
        <v>54318</v>
      </c>
      <c r="BP20" s="106">
        <v>54318</v>
      </c>
      <c r="BQ20" s="100">
        <v>0</v>
      </c>
      <c r="BR20" s="104">
        <v>4172</v>
      </c>
      <c r="BS20" s="103">
        <v>4172</v>
      </c>
      <c r="BT20" s="100">
        <v>0</v>
      </c>
      <c r="BU20" s="104">
        <v>55678</v>
      </c>
      <c r="BV20" s="104">
        <v>47740</v>
      </c>
      <c r="BW20" s="104">
        <v>15225</v>
      </c>
      <c r="BX20" s="104">
        <v>89831</v>
      </c>
      <c r="BY20" s="104">
        <v>55762</v>
      </c>
      <c r="BZ20" s="103">
        <v>264236</v>
      </c>
      <c r="CA20" s="106">
        <v>268408</v>
      </c>
      <c r="CB20" s="100">
        <v>0</v>
      </c>
      <c r="CC20" s="104">
        <v>0</v>
      </c>
      <c r="CD20" s="103">
        <v>0</v>
      </c>
      <c r="CE20" s="100">
        <v>0</v>
      </c>
      <c r="CF20" s="104">
        <v>172983</v>
      </c>
      <c r="CG20" s="104">
        <v>356095</v>
      </c>
      <c r="CH20" s="104">
        <v>393896</v>
      </c>
      <c r="CI20" s="104">
        <v>244294</v>
      </c>
      <c r="CJ20" s="104">
        <v>89700</v>
      </c>
      <c r="CK20" s="103">
        <v>1256968</v>
      </c>
      <c r="CL20" s="106">
        <v>1256968</v>
      </c>
      <c r="CM20" s="100">
        <v>0</v>
      </c>
      <c r="CN20" s="104">
        <v>0</v>
      </c>
      <c r="CO20" s="103">
        <v>0</v>
      </c>
      <c r="CP20" s="101">
        <v>0</v>
      </c>
      <c r="CQ20" s="104">
        <v>149218</v>
      </c>
      <c r="CR20" s="104">
        <v>231659</v>
      </c>
      <c r="CS20" s="104">
        <v>282814</v>
      </c>
      <c r="CT20" s="104">
        <v>88359</v>
      </c>
      <c r="CU20" s="104">
        <v>0</v>
      </c>
      <c r="CV20" s="103">
        <v>752050</v>
      </c>
      <c r="CW20" s="106">
        <v>752050</v>
      </c>
      <c r="CX20" s="100">
        <v>0</v>
      </c>
      <c r="CY20" s="104">
        <v>0</v>
      </c>
      <c r="CZ20" s="103">
        <v>0</v>
      </c>
      <c r="DA20" s="100">
        <v>0</v>
      </c>
      <c r="DB20" s="104">
        <v>23765</v>
      </c>
      <c r="DC20" s="104">
        <v>124436</v>
      </c>
      <c r="DD20" s="104">
        <v>111082</v>
      </c>
      <c r="DE20" s="104">
        <v>155935</v>
      </c>
      <c r="DF20" s="104">
        <v>89700</v>
      </c>
      <c r="DG20" s="103">
        <v>504918</v>
      </c>
      <c r="DH20" s="106">
        <v>504918</v>
      </c>
      <c r="DI20" s="100">
        <v>0</v>
      </c>
      <c r="DJ20" s="104">
        <v>0</v>
      </c>
      <c r="DK20" s="102">
        <v>0</v>
      </c>
      <c r="DL20" s="101">
        <v>0</v>
      </c>
      <c r="DM20" s="104">
        <v>0</v>
      </c>
      <c r="DN20" s="104">
        <v>188836</v>
      </c>
      <c r="DO20" s="104">
        <v>125846</v>
      </c>
      <c r="DP20" s="104">
        <v>169933</v>
      </c>
      <c r="DQ20" s="104">
        <v>33291</v>
      </c>
      <c r="DR20" s="103">
        <v>517906</v>
      </c>
      <c r="DS20" s="106">
        <v>517906</v>
      </c>
      <c r="DT20" s="100">
        <v>0</v>
      </c>
      <c r="DU20" s="104">
        <v>0</v>
      </c>
      <c r="DV20" s="103">
        <v>0</v>
      </c>
      <c r="DW20" s="100">
        <v>0</v>
      </c>
      <c r="DX20" s="104">
        <v>0</v>
      </c>
      <c r="DY20" s="104">
        <v>158277</v>
      </c>
      <c r="DZ20" s="104">
        <v>125846</v>
      </c>
      <c r="EA20" s="104">
        <v>169933</v>
      </c>
      <c r="EB20" s="104">
        <v>33291</v>
      </c>
      <c r="EC20" s="103">
        <v>487347</v>
      </c>
      <c r="ED20" s="106">
        <v>487347</v>
      </c>
      <c r="EE20" s="100">
        <v>0</v>
      </c>
      <c r="EF20" s="102">
        <v>0</v>
      </c>
      <c r="EG20" s="103">
        <v>0</v>
      </c>
      <c r="EH20" s="100">
        <v>0</v>
      </c>
      <c r="EI20" s="104">
        <v>0</v>
      </c>
      <c r="EJ20" s="104">
        <v>30559</v>
      </c>
      <c r="EK20" s="104">
        <v>0</v>
      </c>
      <c r="EL20" s="104">
        <v>0</v>
      </c>
      <c r="EM20" s="104">
        <v>0</v>
      </c>
      <c r="EN20" s="102">
        <v>30559</v>
      </c>
      <c r="EO20" s="106">
        <v>30559</v>
      </c>
      <c r="EP20" s="100">
        <v>0</v>
      </c>
      <c r="EQ20" s="104">
        <v>0</v>
      </c>
      <c r="ER20" s="102">
        <v>0</v>
      </c>
      <c r="ES20" s="101">
        <v>0</v>
      </c>
      <c r="ET20" s="104">
        <v>0</v>
      </c>
      <c r="EU20" s="104">
        <v>0</v>
      </c>
      <c r="EV20" s="104">
        <v>0</v>
      </c>
      <c r="EW20" s="104">
        <v>0</v>
      </c>
      <c r="EX20" s="104">
        <v>0</v>
      </c>
      <c r="EY20" s="103">
        <v>0</v>
      </c>
      <c r="EZ20" s="106">
        <v>0</v>
      </c>
      <c r="FA20" s="100">
        <v>0</v>
      </c>
      <c r="FB20" s="104">
        <v>0</v>
      </c>
      <c r="FC20" s="102">
        <v>0</v>
      </c>
      <c r="FD20" s="470">
        <v>0</v>
      </c>
      <c r="FE20" s="104">
        <v>0</v>
      </c>
      <c r="FF20" s="104">
        <v>0</v>
      </c>
      <c r="FG20" s="104">
        <v>0</v>
      </c>
      <c r="FH20" s="104">
        <v>0</v>
      </c>
      <c r="FI20" s="104">
        <v>0</v>
      </c>
      <c r="FJ20" s="103">
        <v>0</v>
      </c>
      <c r="FK20" s="106">
        <v>0</v>
      </c>
      <c r="FL20" s="100">
        <v>2100</v>
      </c>
      <c r="FM20" s="104">
        <v>25830</v>
      </c>
      <c r="FN20" s="103">
        <v>27930</v>
      </c>
      <c r="FO20" s="100">
        <v>0</v>
      </c>
      <c r="FP20" s="104">
        <v>33544</v>
      </c>
      <c r="FQ20" s="104">
        <v>132825</v>
      </c>
      <c r="FR20" s="104">
        <v>39837</v>
      </c>
      <c r="FS20" s="104">
        <v>187110</v>
      </c>
      <c r="FT20" s="104">
        <v>43372</v>
      </c>
      <c r="FU20" s="103">
        <v>436688</v>
      </c>
      <c r="FV20" s="106">
        <v>464618</v>
      </c>
      <c r="FW20" s="105">
        <v>2100</v>
      </c>
      <c r="FX20" s="104">
        <v>25830</v>
      </c>
      <c r="FY20" s="102">
        <v>27930</v>
      </c>
      <c r="FZ20" s="101">
        <v>0</v>
      </c>
      <c r="GA20" s="104">
        <v>33544</v>
      </c>
      <c r="GB20" s="104">
        <v>111265</v>
      </c>
      <c r="GC20" s="104">
        <v>39837</v>
      </c>
      <c r="GD20" s="104">
        <v>187110</v>
      </c>
      <c r="GE20" s="104">
        <v>43372</v>
      </c>
      <c r="GF20" s="103">
        <v>415128</v>
      </c>
      <c r="GG20" s="290">
        <v>443058</v>
      </c>
      <c r="GH20" s="105">
        <v>0</v>
      </c>
      <c r="GI20" s="104">
        <v>0</v>
      </c>
      <c r="GJ20" s="102">
        <v>0</v>
      </c>
      <c r="GK20" s="101">
        <v>0</v>
      </c>
      <c r="GL20" s="104">
        <v>0</v>
      </c>
      <c r="GM20" s="104">
        <v>21560</v>
      </c>
      <c r="GN20" s="104">
        <v>0</v>
      </c>
      <c r="GO20" s="104">
        <v>0</v>
      </c>
      <c r="GP20" s="104">
        <v>0</v>
      </c>
      <c r="GQ20" s="103">
        <v>21560</v>
      </c>
      <c r="GR20" s="106">
        <v>21560</v>
      </c>
      <c r="GS20" s="100">
        <v>0</v>
      </c>
      <c r="GT20" s="104">
        <v>0</v>
      </c>
      <c r="GU20" s="103">
        <v>0</v>
      </c>
      <c r="GV20" s="100">
        <v>0</v>
      </c>
      <c r="GW20" s="104">
        <v>0</v>
      </c>
      <c r="GX20" s="104">
        <v>0</v>
      </c>
      <c r="GY20" s="104">
        <v>0</v>
      </c>
      <c r="GZ20" s="104">
        <v>0</v>
      </c>
      <c r="HA20" s="104">
        <v>0</v>
      </c>
      <c r="HB20" s="102">
        <v>0</v>
      </c>
      <c r="HC20" s="106">
        <v>0</v>
      </c>
      <c r="HD20" s="100">
        <v>51897</v>
      </c>
      <c r="HE20" s="104">
        <v>83953</v>
      </c>
      <c r="HF20" s="102">
        <v>135850</v>
      </c>
      <c r="HG20" s="101">
        <v>0</v>
      </c>
      <c r="HH20" s="104">
        <v>567864</v>
      </c>
      <c r="HI20" s="104">
        <v>423236</v>
      </c>
      <c r="HJ20" s="104">
        <v>180817</v>
      </c>
      <c r="HK20" s="104">
        <v>570233</v>
      </c>
      <c r="HL20" s="104">
        <v>324850</v>
      </c>
      <c r="HM20" s="103">
        <v>2067000</v>
      </c>
      <c r="HN20" s="99">
        <v>2202850</v>
      </c>
      <c r="HO20" s="456">
        <v>0</v>
      </c>
      <c r="HP20" s="457">
        <v>0</v>
      </c>
      <c r="HQ20" s="458">
        <v>0</v>
      </c>
      <c r="HR20" s="459">
        <v>0</v>
      </c>
      <c r="HS20" s="457">
        <v>0</v>
      </c>
      <c r="HT20" s="457">
        <v>0</v>
      </c>
      <c r="HU20" s="457">
        <v>0</v>
      </c>
      <c r="HV20" s="457">
        <v>0</v>
      </c>
      <c r="HW20" s="457">
        <v>0</v>
      </c>
      <c r="HX20" s="460">
        <v>0</v>
      </c>
      <c r="HY20" s="461">
        <v>0</v>
      </c>
      <c r="HZ20" s="135">
        <v>0</v>
      </c>
      <c r="IA20" s="122">
        <v>0</v>
      </c>
      <c r="IB20" s="135">
        <v>0</v>
      </c>
      <c r="IC20" s="121">
        <v>0</v>
      </c>
      <c r="ID20" s="122">
        <v>160510</v>
      </c>
      <c r="IE20" s="123">
        <v>295804</v>
      </c>
      <c r="IF20" s="124">
        <v>27052</v>
      </c>
      <c r="IG20" s="122">
        <v>796973</v>
      </c>
      <c r="IH20" s="124">
        <v>380181</v>
      </c>
      <c r="II20" s="125">
        <v>1660520</v>
      </c>
      <c r="IJ20" s="135">
        <v>1660520</v>
      </c>
      <c r="IK20" s="215">
        <v>0</v>
      </c>
      <c r="IL20" s="219">
        <v>0</v>
      </c>
      <c r="IM20" s="220">
        <v>0</v>
      </c>
      <c r="IN20" s="470">
        <v>0</v>
      </c>
      <c r="IO20" s="109">
        <v>0</v>
      </c>
      <c r="IP20" s="109">
        <v>0</v>
      </c>
      <c r="IQ20" s="109">
        <v>0</v>
      </c>
      <c r="IR20" s="109">
        <v>436282</v>
      </c>
      <c r="IS20" s="109">
        <v>0</v>
      </c>
      <c r="IT20" s="128">
        <v>436282</v>
      </c>
      <c r="IU20" s="292">
        <v>436282</v>
      </c>
      <c r="IV20" s="129">
        <v>0</v>
      </c>
      <c r="IW20" s="109">
        <v>0</v>
      </c>
      <c r="IX20" s="110">
        <v>0</v>
      </c>
      <c r="IY20" s="470">
        <v>0</v>
      </c>
      <c r="IZ20" s="109">
        <v>0</v>
      </c>
      <c r="JA20" s="109">
        <v>0</v>
      </c>
      <c r="JB20" s="109">
        <v>0</v>
      </c>
      <c r="JC20" s="109">
        <v>0</v>
      </c>
      <c r="JD20" s="109">
        <v>0</v>
      </c>
      <c r="JE20" s="110">
        <v>0</v>
      </c>
      <c r="JF20" s="111">
        <v>0</v>
      </c>
      <c r="JG20" s="129">
        <v>0</v>
      </c>
      <c r="JH20" s="109">
        <v>0</v>
      </c>
      <c r="JI20" s="128">
        <v>0</v>
      </c>
      <c r="JJ20" s="108">
        <v>0</v>
      </c>
      <c r="JK20" s="109">
        <v>160510</v>
      </c>
      <c r="JL20" s="109">
        <v>295804</v>
      </c>
      <c r="JM20" s="109">
        <v>27052</v>
      </c>
      <c r="JN20" s="109">
        <v>136812</v>
      </c>
      <c r="JO20" s="109">
        <v>126669</v>
      </c>
      <c r="JP20" s="110">
        <v>746847</v>
      </c>
      <c r="JQ20" s="292">
        <v>746847</v>
      </c>
      <c r="JR20" s="129">
        <v>0</v>
      </c>
      <c r="JS20" s="109">
        <v>0</v>
      </c>
      <c r="JT20" s="128">
        <v>0</v>
      </c>
      <c r="JU20" s="108">
        <v>0</v>
      </c>
      <c r="JV20" s="109">
        <v>0</v>
      </c>
      <c r="JW20" s="109">
        <v>0</v>
      </c>
      <c r="JX20" s="109">
        <v>0</v>
      </c>
      <c r="JY20" s="109">
        <v>0</v>
      </c>
      <c r="JZ20" s="109">
        <v>0</v>
      </c>
      <c r="KA20" s="110">
        <v>0</v>
      </c>
      <c r="KB20" s="292">
        <v>0</v>
      </c>
      <c r="KC20" s="217">
        <v>0</v>
      </c>
      <c r="KD20" s="213">
        <v>0</v>
      </c>
      <c r="KE20" s="110">
        <v>0</v>
      </c>
      <c r="KF20" s="108">
        <v>0</v>
      </c>
      <c r="KG20" s="109">
        <v>0</v>
      </c>
      <c r="KH20" s="109">
        <v>0</v>
      </c>
      <c r="KI20" s="109">
        <v>0</v>
      </c>
      <c r="KJ20" s="109">
        <v>0</v>
      </c>
      <c r="KK20" s="109">
        <v>0</v>
      </c>
      <c r="KL20" s="110">
        <v>0</v>
      </c>
      <c r="KM20" s="130">
        <v>0</v>
      </c>
      <c r="KN20" s="215">
        <v>0</v>
      </c>
      <c r="KO20" s="219">
        <v>0</v>
      </c>
      <c r="KP20" s="220">
        <v>0</v>
      </c>
      <c r="KQ20" s="470">
        <v>0</v>
      </c>
      <c r="KR20" s="109">
        <v>0</v>
      </c>
      <c r="KS20" s="109">
        <v>0</v>
      </c>
      <c r="KT20" s="109">
        <v>0</v>
      </c>
      <c r="KU20" s="109">
        <v>223879</v>
      </c>
      <c r="KV20" s="109">
        <v>0</v>
      </c>
      <c r="KW20" s="110">
        <v>223879</v>
      </c>
      <c r="KX20" s="292">
        <v>223879</v>
      </c>
      <c r="KY20" s="129">
        <v>0</v>
      </c>
      <c r="KZ20" s="109">
        <v>0</v>
      </c>
      <c r="LA20" s="110">
        <v>0</v>
      </c>
      <c r="LB20" s="470">
        <v>0</v>
      </c>
      <c r="LC20" s="109">
        <v>0</v>
      </c>
      <c r="LD20" s="109">
        <v>0</v>
      </c>
      <c r="LE20" s="109">
        <v>0</v>
      </c>
      <c r="LF20" s="109">
        <v>0</v>
      </c>
      <c r="LG20" s="109">
        <v>0</v>
      </c>
      <c r="LH20" s="110">
        <v>0</v>
      </c>
      <c r="LI20" s="111">
        <v>0</v>
      </c>
      <c r="LJ20" s="129">
        <v>0</v>
      </c>
      <c r="LK20" s="109">
        <v>0</v>
      </c>
      <c r="LL20" s="110">
        <v>0</v>
      </c>
      <c r="LM20" s="470">
        <v>0</v>
      </c>
      <c r="LN20" s="109">
        <v>0</v>
      </c>
      <c r="LO20" s="109">
        <v>0</v>
      </c>
      <c r="LP20" s="109">
        <v>0</v>
      </c>
      <c r="LQ20" s="109">
        <v>0</v>
      </c>
      <c r="LR20" s="109">
        <v>253512</v>
      </c>
      <c r="LS20" s="110">
        <v>253512</v>
      </c>
      <c r="LT20" s="292">
        <v>253512</v>
      </c>
      <c r="LU20" s="129">
        <v>0</v>
      </c>
      <c r="LV20" s="109">
        <v>0</v>
      </c>
      <c r="LW20" s="110">
        <v>0</v>
      </c>
      <c r="LX20" s="470">
        <v>0</v>
      </c>
      <c r="LY20" s="109">
        <v>0</v>
      </c>
      <c r="LZ20" s="109">
        <v>0</v>
      </c>
      <c r="MA20" s="109">
        <v>0</v>
      </c>
      <c r="MB20" s="109">
        <v>0</v>
      </c>
      <c r="MC20" s="109">
        <v>0</v>
      </c>
      <c r="MD20" s="110">
        <v>0</v>
      </c>
      <c r="ME20" s="111">
        <v>0</v>
      </c>
      <c r="MF20" s="129">
        <v>0</v>
      </c>
      <c r="MG20" s="109">
        <v>0</v>
      </c>
      <c r="MH20" s="110">
        <v>0</v>
      </c>
      <c r="MI20" s="470">
        <v>0</v>
      </c>
      <c r="MJ20" s="109">
        <v>0</v>
      </c>
      <c r="MK20" s="109">
        <v>0</v>
      </c>
      <c r="ML20" s="109">
        <v>472582</v>
      </c>
      <c r="MM20" s="109">
        <v>535061</v>
      </c>
      <c r="MN20" s="109">
        <v>483660</v>
      </c>
      <c r="MO20" s="110">
        <v>1491303</v>
      </c>
      <c r="MP20" s="130">
        <v>1491303</v>
      </c>
      <c r="MQ20" s="129">
        <v>0</v>
      </c>
      <c r="MR20" s="109">
        <v>0</v>
      </c>
      <c r="MS20" s="110">
        <v>0</v>
      </c>
      <c r="MT20" s="470">
        <v>0</v>
      </c>
      <c r="MU20" s="109">
        <v>0</v>
      </c>
      <c r="MV20" s="109">
        <v>0</v>
      </c>
      <c r="MW20" s="109">
        <v>0</v>
      </c>
      <c r="MX20" s="109">
        <v>0</v>
      </c>
      <c r="MY20" s="109">
        <v>483660</v>
      </c>
      <c r="MZ20" s="110">
        <v>483660</v>
      </c>
      <c r="NA20" s="130">
        <v>483660</v>
      </c>
      <c r="NB20" s="129">
        <v>0</v>
      </c>
      <c r="NC20" s="109">
        <v>0</v>
      </c>
      <c r="ND20" s="110">
        <v>0</v>
      </c>
      <c r="NE20" s="470">
        <v>0</v>
      </c>
      <c r="NF20" s="109">
        <v>0</v>
      </c>
      <c r="NG20" s="109">
        <v>0</v>
      </c>
      <c r="NH20" s="109">
        <v>472582</v>
      </c>
      <c r="NI20" s="109">
        <v>535061</v>
      </c>
      <c r="NJ20" s="109">
        <v>0</v>
      </c>
      <c r="NK20" s="110">
        <v>1007643</v>
      </c>
      <c r="NL20" s="292">
        <v>1007643</v>
      </c>
      <c r="NM20" s="129">
        <v>0</v>
      </c>
      <c r="NN20" s="109">
        <v>0</v>
      </c>
      <c r="NO20" s="110">
        <v>0</v>
      </c>
      <c r="NP20" s="470">
        <v>0</v>
      </c>
      <c r="NQ20" s="109">
        <v>0</v>
      </c>
      <c r="NR20" s="109">
        <v>0</v>
      </c>
      <c r="NS20" s="109">
        <v>0</v>
      </c>
      <c r="NT20" s="109">
        <v>0</v>
      </c>
      <c r="NU20" s="109">
        <v>0</v>
      </c>
      <c r="NV20" s="110">
        <v>0</v>
      </c>
      <c r="NW20" s="111">
        <v>0</v>
      </c>
      <c r="NX20" s="129">
        <v>0</v>
      </c>
      <c r="NY20" s="109">
        <v>0</v>
      </c>
      <c r="NZ20" s="110">
        <v>0</v>
      </c>
      <c r="OA20" s="470">
        <v>0</v>
      </c>
      <c r="OB20" s="109">
        <v>0</v>
      </c>
      <c r="OC20" s="109">
        <v>0</v>
      </c>
      <c r="OD20" s="109">
        <v>0</v>
      </c>
      <c r="OE20" s="109">
        <v>0</v>
      </c>
      <c r="OF20" s="109">
        <v>0</v>
      </c>
      <c r="OG20" s="110">
        <v>0</v>
      </c>
      <c r="OH20" s="111">
        <v>0</v>
      </c>
      <c r="OI20" s="129">
        <v>53997</v>
      </c>
      <c r="OJ20" s="109">
        <v>147667</v>
      </c>
      <c r="OK20" s="128">
        <v>201664</v>
      </c>
      <c r="OL20" s="108">
        <v>0</v>
      </c>
      <c r="OM20" s="109">
        <v>1154478</v>
      </c>
      <c r="ON20" s="109">
        <v>1882460</v>
      </c>
      <c r="OO20" s="109">
        <v>1255255</v>
      </c>
      <c r="OP20" s="109">
        <v>2991267</v>
      </c>
      <c r="OQ20" s="109">
        <v>1747609</v>
      </c>
      <c r="OR20" s="110">
        <v>9031069</v>
      </c>
      <c r="OS20" s="130">
        <v>9232733</v>
      </c>
    </row>
    <row r="21" spans="2:409" ht="21" customHeight="1" x14ac:dyDescent="0.2">
      <c r="B21" s="437" t="s">
        <v>16</v>
      </c>
      <c r="C21" s="100">
        <v>269204</v>
      </c>
      <c r="D21" s="104">
        <v>485927</v>
      </c>
      <c r="E21" s="103">
        <v>755131</v>
      </c>
      <c r="F21" s="99">
        <v>0</v>
      </c>
      <c r="G21" s="104">
        <v>2521894</v>
      </c>
      <c r="H21" s="104">
        <v>4883571</v>
      </c>
      <c r="I21" s="104">
        <v>4402234</v>
      </c>
      <c r="J21" s="104">
        <v>2733725</v>
      </c>
      <c r="K21" s="104">
        <v>1765267</v>
      </c>
      <c r="L21" s="99">
        <v>16306691</v>
      </c>
      <c r="M21" s="106">
        <v>17061822</v>
      </c>
      <c r="N21" s="100">
        <v>50918</v>
      </c>
      <c r="O21" s="104">
        <v>159048</v>
      </c>
      <c r="P21" s="103">
        <v>209966</v>
      </c>
      <c r="Q21" s="100">
        <v>0</v>
      </c>
      <c r="R21" s="104">
        <v>381584</v>
      </c>
      <c r="S21" s="104">
        <v>1479114</v>
      </c>
      <c r="T21" s="104">
        <v>1002482</v>
      </c>
      <c r="U21" s="104">
        <v>690966</v>
      </c>
      <c r="V21" s="104">
        <v>434201</v>
      </c>
      <c r="W21" s="103">
        <v>3988347</v>
      </c>
      <c r="X21" s="106">
        <v>4198313</v>
      </c>
      <c r="Y21" s="100">
        <v>0</v>
      </c>
      <c r="Z21" s="104">
        <v>0</v>
      </c>
      <c r="AA21" s="103">
        <v>0</v>
      </c>
      <c r="AB21" s="100">
        <v>0</v>
      </c>
      <c r="AC21" s="104">
        <v>141864</v>
      </c>
      <c r="AD21" s="104">
        <v>851512</v>
      </c>
      <c r="AE21" s="104">
        <v>359754</v>
      </c>
      <c r="AF21" s="104">
        <v>352236</v>
      </c>
      <c r="AG21" s="104">
        <v>0</v>
      </c>
      <c r="AH21" s="103">
        <v>1705366</v>
      </c>
      <c r="AI21" s="106">
        <v>1705366</v>
      </c>
      <c r="AJ21" s="100">
        <v>0</v>
      </c>
      <c r="AK21" s="104">
        <v>0</v>
      </c>
      <c r="AL21" s="103">
        <v>0</v>
      </c>
      <c r="AM21" s="100">
        <v>0</v>
      </c>
      <c r="AN21" s="104">
        <v>0</v>
      </c>
      <c r="AO21" s="104">
        <v>0</v>
      </c>
      <c r="AP21" s="104">
        <v>0</v>
      </c>
      <c r="AQ21" s="104">
        <v>11545</v>
      </c>
      <c r="AR21" s="104">
        <v>110268</v>
      </c>
      <c r="AS21" s="103">
        <v>121813</v>
      </c>
      <c r="AT21" s="106">
        <v>121813</v>
      </c>
      <c r="AU21" s="100">
        <v>18284</v>
      </c>
      <c r="AV21" s="104">
        <v>99997</v>
      </c>
      <c r="AW21" s="103">
        <v>118281</v>
      </c>
      <c r="AX21" s="100">
        <v>0</v>
      </c>
      <c r="AY21" s="104">
        <v>139879</v>
      </c>
      <c r="AZ21" s="104">
        <v>407192</v>
      </c>
      <c r="BA21" s="104">
        <v>407118</v>
      </c>
      <c r="BB21" s="104">
        <v>172359</v>
      </c>
      <c r="BC21" s="104">
        <v>212727</v>
      </c>
      <c r="BD21" s="103">
        <v>1339275</v>
      </c>
      <c r="BE21" s="106">
        <v>1457556</v>
      </c>
      <c r="BF21" s="100">
        <v>0</v>
      </c>
      <c r="BG21" s="104">
        <v>40739</v>
      </c>
      <c r="BH21" s="102">
        <v>40739</v>
      </c>
      <c r="BI21" s="101">
        <v>0</v>
      </c>
      <c r="BJ21" s="104">
        <v>0</v>
      </c>
      <c r="BK21" s="104">
        <v>41476</v>
      </c>
      <c r="BL21" s="104">
        <v>20738</v>
      </c>
      <c r="BM21" s="104">
        <v>0</v>
      </c>
      <c r="BN21" s="104">
        <v>20738</v>
      </c>
      <c r="BO21" s="103">
        <v>82952</v>
      </c>
      <c r="BP21" s="106">
        <v>123691</v>
      </c>
      <c r="BQ21" s="100">
        <v>32634</v>
      </c>
      <c r="BR21" s="104">
        <v>18312</v>
      </c>
      <c r="BS21" s="103">
        <v>50946</v>
      </c>
      <c r="BT21" s="100">
        <v>0</v>
      </c>
      <c r="BU21" s="104">
        <v>99841</v>
      </c>
      <c r="BV21" s="104">
        <v>178934</v>
      </c>
      <c r="BW21" s="104">
        <v>214872</v>
      </c>
      <c r="BX21" s="104">
        <v>154826</v>
      </c>
      <c r="BY21" s="104">
        <v>90468</v>
      </c>
      <c r="BZ21" s="103">
        <v>738941</v>
      </c>
      <c r="CA21" s="106">
        <v>789887</v>
      </c>
      <c r="CB21" s="100">
        <v>36812</v>
      </c>
      <c r="CC21" s="104">
        <v>173543</v>
      </c>
      <c r="CD21" s="103">
        <v>210355</v>
      </c>
      <c r="CE21" s="100">
        <v>0</v>
      </c>
      <c r="CF21" s="104">
        <v>1245704</v>
      </c>
      <c r="CG21" s="104">
        <v>1640529</v>
      </c>
      <c r="CH21" s="104">
        <v>661523</v>
      </c>
      <c r="CI21" s="104">
        <v>128413</v>
      </c>
      <c r="CJ21" s="104">
        <v>180593</v>
      </c>
      <c r="CK21" s="103">
        <v>3856762</v>
      </c>
      <c r="CL21" s="106">
        <v>4067117</v>
      </c>
      <c r="CM21" s="100">
        <v>0</v>
      </c>
      <c r="CN21" s="104">
        <v>0</v>
      </c>
      <c r="CO21" s="103">
        <v>0</v>
      </c>
      <c r="CP21" s="101">
        <v>0</v>
      </c>
      <c r="CQ21" s="104">
        <v>837230</v>
      </c>
      <c r="CR21" s="104">
        <v>768919</v>
      </c>
      <c r="CS21" s="104">
        <v>254033</v>
      </c>
      <c r="CT21" s="104">
        <v>84319</v>
      </c>
      <c r="CU21" s="104">
        <v>92831</v>
      </c>
      <c r="CV21" s="103">
        <v>2037332</v>
      </c>
      <c r="CW21" s="106">
        <v>2037332</v>
      </c>
      <c r="CX21" s="100">
        <v>36812</v>
      </c>
      <c r="CY21" s="104">
        <v>173543</v>
      </c>
      <c r="CZ21" s="103">
        <v>210355</v>
      </c>
      <c r="DA21" s="100">
        <v>0</v>
      </c>
      <c r="DB21" s="104">
        <v>408474</v>
      </c>
      <c r="DC21" s="104">
        <v>871610</v>
      </c>
      <c r="DD21" s="104">
        <v>407490</v>
      </c>
      <c r="DE21" s="104">
        <v>44094</v>
      </c>
      <c r="DF21" s="104">
        <v>87762</v>
      </c>
      <c r="DG21" s="103">
        <v>1819430</v>
      </c>
      <c r="DH21" s="106">
        <v>2029785</v>
      </c>
      <c r="DI21" s="100">
        <v>0</v>
      </c>
      <c r="DJ21" s="104">
        <v>0</v>
      </c>
      <c r="DK21" s="102">
        <v>0</v>
      </c>
      <c r="DL21" s="101">
        <v>0</v>
      </c>
      <c r="DM21" s="104">
        <v>48771</v>
      </c>
      <c r="DN21" s="104">
        <v>393497</v>
      </c>
      <c r="DO21" s="104">
        <v>259721</v>
      </c>
      <c r="DP21" s="104">
        <v>115030</v>
      </c>
      <c r="DQ21" s="104">
        <v>0</v>
      </c>
      <c r="DR21" s="103">
        <v>817019</v>
      </c>
      <c r="DS21" s="106">
        <v>817019</v>
      </c>
      <c r="DT21" s="100">
        <v>0</v>
      </c>
      <c r="DU21" s="104">
        <v>0</v>
      </c>
      <c r="DV21" s="103">
        <v>0</v>
      </c>
      <c r="DW21" s="100">
        <v>0</v>
      </c>
      <c r="DX21" s="104">
        <v>48771</v>
      </c>
      <c r="DY21" s="104">
        <v>393497</v>
      </c>
      <c r="DZ21" s="104">
        <v>259721</v>
      </c>
      <c r="EA21" s="104">
        <v>115030</v>
      </c>
      <c r="EB21" s="104">
        <v>0</v>
      </c>
      <c r="EC21" s="103">
        <v>817019</v>
      </c>
      <c r="ED21" s="106">
        <v>817019</v>
      </c>
      <c r="EE21" s="100">
        <v>0</v>
      </c>
      <c r="EF21" s="102">
        <v>0</v>
      </c>
      <c r="EG21" s="103">
        <v>0</v>
      </c>
      <c r="EH21" s="100">
        <v>0</v>
      </c>
      <c r="EI21" s="104">
        <v>0</v>
      </c>
      <c r="EJ21" s="104">
        <v>0</v>
      </c>
      <c r="EK21" s="104">
        <v>0</v>
      </c>
      <c r="EL21" s="104">
        <v>0</v>
      </c>
      <c r="EM21" s="104">
        <v>0</v>
      </c>
      <c r="EN21" s="102">
        <v>0</v>
      </c>
      <c r="EO21" s="106">
        <v>0</v>
      </c>
      <c r="EP21" s="100">
        <v>0</v>
      </c>
      <c r="EQ21" s="104">
        <v>0</v>
      </c>
      <c r="ER21" s="102">
        <v>0</v>
      </c>
      <c r="ES21" s="101">
        <v>0</v>
      </c>
      <c r="ET21" s="104">
        <v>0</v>
      </c>
      <c r="EU21" s="104">
        <v>0</v>
      </c>
      <c r="EV21" s="104">
        <v>0</v>
      </c>
      <c r="EW21" s="104">
        <v>0</v>
      </c>
      <c r="EX21" s="104">
        <v>0</v>
      </c>
      <c r="EY21" s="103">
        <v>0</v>
      </c>
      <c r="EZ21" s="106">
        <v>0</v>
      </c>
      <c r="FA21" s="100">
        <v>0</v>
      </c>
      <c r="FB21" s="104">
        <v>0</v>
      </c>
      <c r="FC21" s="102">
        <v>0</v>
      </c>
      <c r="FD21" s="470">
        <v>0</v>
      </c>
      <c r="FE21" s="104">
        <v>0</v>
      </c>
      <c r="FF21" s="104">
        <v>0</v>
      </c>
      <c r="FG21" s="104">
        <v>0</v>
      </c>
      <c r="FH21" s="104">
        <v>0</v>
      </c>
      <c r="FI21" s="104">
        <v>0</v>
      </c>
      <c r="FJ21" s="103">
        <v>0</v>
      </c>
      <c r="FK21" s="106">
        <v>0</v>
      </c>
      <c r="FL21" s="100">
        <v>36750</v>
      </c>
      <c r="FM21" s="104">
        <v>70490</v>
      </c>
      <c r="FN21" s="103">
        <v>107240</v>
      </c>
      <c r="FO21" s="100">
        <v>0</v>
      </c>
      <c r="FP21" s="104">
        <v>73920</v>
      </c>
      <c r="FQ21" s="104">
        <v>415772</v>
      </c>
      <c r="FR21" s="104">
        <v>217826</v>
      </c>
      <c r="FS21" s="104">
        <v>154098</v>
      </c>
      <c r="FT21" s="104">
        <v>199682</v>
      </c>
      <c r="FU21" s="103">
        <v>1061298</v>
      </c>
      <c r="FV21" s="106">
        <v>1168538</v>
      </c>
      <c r="FW21" s="105">
        <v>36750</v>
      </c>
      <c r="FX21" s="104">
        <v>70490</v>
      </c>
      <c r="FY21" s="102">
        <v>107240</v>
      </c>
      <c r="FZ21" s="101">
        <v>0</v>
      </c>
      <c r="GA21" s="104">
        <v>73920</v>
      </c>
      <c r="GB21" s="104">
        <v>415772</v>
      </c>
      <c r="GC21" s="104">
        <v>217826</v>
      </c>
      <c r="GD21" s="104">
        <v>141498</v>
      </c>
      <c r="GE21" s="104">
        <v>199682</v>
      </c>
      <c r="GF21" s="103">
        <v>1048698</v>
      </c>
      <c r="GG21" s="290">
        <v>1155938</v>
      </c>
      <c r="GH21" s="105">
        <v>0</v>
      </c>
      <c r="GI21" s="104">
        <v>0</v>
      </c>
      <c r="GJ21" s="102">
        <v>0</v>
      </c>
      <c r="GK21" s="101">
        <v>0</v>
      </c>
      <c r="GL21" s="104">
        <v>0</v>
      </c>
      <c r="GM21" s="104">
        <v>0</v>
      </c>
      <c r="GN21" s="104">
        <v>0</v>
      </c>
      <c r="GO21" s="104">
        <v>12600</v>
      </c>
      <c r="GP21" s="104">
        <v>0</v>
      </c>
      <c r="GQ21" s="103">
        <v>12600</v>
      </c>
      <c r="GR21" s="106">
        <v>12600</v>
      </c>
      <c r="GS21" s="100">
        <v>0</v>
      </c>
      <c r="GT21" s="104">
        <v>0</v>
      </c>
      <c r="GU21" s="103">
        <v>0</v>
      </c>
      <c r="GV21" s="100">
        <v>0</v>
      </c>
      <c r="GW21" s="104">
        <v>0</v>
      </c>
      <c r="GX21" s="104">
        <v>0</v>
      </c>
      <c r="GY21" s="104">
        <v>0</v>
      </c>
      <c r="GZ21" s="104">
        <v>0</v>
      </c>
      <c r="HA21" s="104">
        <v>0</v>
      </c>
      <c r="HB21" s="102">
        <v>0</v>
      </c>
      <c r="HC21" s="106">
        <v>0</v>
      </c>
      <c r="HD21" s="100">
        <v>144724</v>
      </c>
      <c r="HE21" s="104">
        <v>82846</v>
      </c>
      <c r="HF21" s="102">
        <v>227570</v>
      </c>
      <c r="HG21" s="101">
        <v>0</v>
      </c>
      <c r="HH21" s="104">
        <v>771915</v>
      </c>
      <c r="HI21" s="104">
        <v>954659</v>
      </c>
      <c r="HJ21" s="104">
        <v>2260682</v>
      </c>
      <c r="HK21" s="104">
        <v>1645218</v>
      </c>
      <c r="HL21" s="104">
        <v>950791</v>
      </c>
      <c r="HM21" s="103">
        <v>6583265</v>
      </c>
      <c r="HN21" s="99">
        <v>6810835</v>
      </c>
      <c r="HO21" s="456">
        <v>0</v>
      </c>
      <c r="HP21" s="457">
        <v>0</v>
      </c>
      <c r="HQ21" s="458">
        <v>0</v>
      </c>
      <c r="HR21" s="459">
        <v>0</v>
      </c>
      <c r="HS21" s="457">
        <v>0</v>
      </c>
      <c r="HT21" s="457">
        <v>0</v>
      </c>
      <c r="HU21" s="457">
        <v>0</v>
      </c>
      <c r="HV21" s="457">
        <v>0</v>
      </c>
      <c r="HW21" s="457">
        <v>0</v>
      </c>
      <c r="HX21" s="460">
        <v>0</v>
      </c>
      <c r="HY21" s="461">
        <v>0</v>
      </c>
      <c r="HZ21" s="118">
        <v>0</v>
      </c>
      <c r="IA21" s="119">
        <v>67139</v>
      </c>
      <c r="IB21" s="120">
        <v>67139</v>
      </c>
      <c r="IC21" s="131">
        <v>0</v>
      </c>
      <c r="ID21" s="119">
        <v>459670</v>
      </c>
      <c r="IE21" s="132">
        <v>957117</v>
      </c>
      <c r="IF21" s="120">
        <v>1056510</v>
      </c>
      <c r="IG21" s="119">
        <v>200950</v>
      </c>
      <c r="IH21" s="120">
        <v>489464</v>
      </c>
      <c r="II21" s="133">
        <v>3163711</v>
      </c>
      <c r="IJ21" s="126">
        <v>3230850</v>
      </c>
      <c r="IK21" s="215">
        <v>0</v>
      </c>
      <c r="IL21" s="219">
        <v>0</v>
      </c>
      <c r="IM21" s="220">
        <v>0</v>
      </c>
      <c r="IN21" s="470">
        <v>0</v>
      </c>
      <c r="IO21" s="109">
        <v>0</v>
      </c>
      <c r="IP21" s="109">
        <v>0</v>
      </c>
      <c r="IQ21" s="109">
        <v>0</v>
      </c>
      <c r="IR21" s="109">
        <v>170846</v>
      </c>
      <c r="IS21" s="109">
        <v>238491</v>
      </c>
      <c r="IT21" s="128">
        <v>409337</v>
      </c>
      <c r="IU21" s="292">
        <v>409337</v>
      </c>
      <c r="IV21" s="129">
        <v>0</v>
      </c>
      <c r="IW21" s="109">
        <v>0</v>
      </c>
      <c r="IX21" s="110">
        <v>0</v>
      </c>
      <c r="IY21" s="470">
        <v>0</v>
      </c>
      <c r="IZ21" s="109">
        <v>0</v>
      </c>
      <c r="JA21" s="109">
        <v>0</v>
      </c>
      <c r="JB21" s="109">
        <v>0</v>
      </c>
      <c r="JC21" s="109">
        <v>14347</v>
      </c>
      <c r="JD21" s="109">
        <v>0</v>
      </c>
      <c r="JE21" s="110">
        <v>14347</v>
      </c>
      <c r="JF21" s="111">
        <v>14347</v>
      </c>
      <c r="JG21" s="129">
        <v>0</v>
      </c>
      <c r="JH21" s="109">
        <v>0</v>
      </c>
      <c r="JI21" s="128">
        <v>0</v>
      </c>
      <c r="JJ21" s="108">
        <v>0</v>
      </c>
      <c r="JK21" s="109">
        <v>116414</v>
      </c>
      <c r="JL21" s="109">
        <v>275614</v>
      </c>
      <c r="JM21" s="109">
        <v>522728</v>
      </c>
      <c r="JN21" s="109">
        <v>15757</v>
      </c>
      <c r="JO21" s="109">
        <v>0</v>
      </c>
      <c r="JP21" s="110">
        <v>930513</v>
      </c>
      <c r="JQ21" s="292">
        <v>930513</v>
      </c>
      <c r="JR21" s="129">
        <v>0</v>
      </c>
      <c r="JS21" s="109">
        <v>0</v>
      </c>
      <c r="JT21" s="128">
        <v>0</v>
      </c>
      <c r="JU21" s="108">
        <v>0</v>
      </c>
      <c r="JV21" s="109">
        <v>35294</v>
      </c>
      <c r="JW21" s="109">
        <v>96707</v>
      </c>
      <c r="JX21" s="109">
        <v>84623</v>
      </c>
      <c r="JY21" s="109">
        <v>0</v>
      </c>
      <c r="JZ21" s="109">
        <v>0</v>
      </c>
      <c r="KA21" s="110">
        <v>216624</v>
      </c>
      <c r="KB21" s="292">
        <v>216624</v>
      </c>
      <c r="KC21" s="217">
        <v>0</v>
      </c>
      <c r="KD21" s="213">
        <v>67139</v>
      </c>
      <c r="KE21" s="110">
        <v>67139</v>
      </c>
      <c r="KF21" s="108">
        <v>0</v>
      </c>
      <c r="KG21" s="109">
        <v>104003</v>
      </c>
      <c r="KH21" s="109">
        <v>158734</v>
      </c>
      <c r="KI21" s="109">
        <v>0</v>
      </c>
      <c r="KJ21" s="109">
        <v>0</v>
      </c>
      <c r="KK21" s="109">
        <v>250973</v>
      </c>
      <c r="KL21" s="110">
        <v>513710</v>
      </c>
      <c r="KM21" s="130">
        <v>580849</v>
      </c>
      <c r="KN21" s="215">
        <v>0</v>
      </c>
      <c r="KO21" s="219">
        <v>0</v>
      </c>
      <c r="KP21" s="220">
        <v>0</v>
      </c>
      <c r="KQ21" s="470">
        <v>0</v>
      </c>
      <c r="KR21" s="109">
        <v>203959</v>
      </c>
      <c r="KS21" s="109">
        <v>426062</v>
      </c>
      <c r="KT21" s="109">
        <v>449159</v>
      </c>
      <c r="KU21" s="109">
        <v>0</v>
      </c>
      <c r="KV21" s="109">
        <v>0</v>
      </c>
      <c r="KW21" s="110">
        <v>1079180</v>
      </c>
      <c r="KX21" s="292">
        <v>1079180</v>
      </c>
      <c r="KY21" s="129">
        <v>0</v>
      </c>
      <c r="KZ21" s="109">
        <v>0</v>
      </c>
      <c r="LA21" s="110">
        <v>0</v>
      </c>
      <c r="LB21" s="470">
        <v>0</v>
      </c>
      <c r="LC21" s="109">
        <v>0</v>
      </c>
      <c r="LD21" s="109">
        <v>0</v>
      </c>
      <c r="LE21" s="109">
        <v>0</v>
      </c>
      <c r="LF21" s="109">
        <v>0</v>
      </c>
      <c r="LG21" s="109">
        <v>0</v>
      </c>
      <c r="LH21" s="110">
        <v>0</v>
      </c>
      <c r="LI21" s="111">
        <v>0</v>
      </c>
      <c r="LJ21" s="129">
        <v>0</v>
      </c>
      <c r="LK21" s="109">
        <v>0</v>
      </c>
      <c r="LL21" s="110">
        <v>0</v>
      </c>
      <c r="LM21" s="470">
        <v>0</v>
      </c>
      <c r="LN21" s="109">
        <v>0</v>
      </c>
      <c r="LO21" s="109">
        <v>0</v>
      </c>
      <c r="LP21" s="109">
        <v>0</v>
      </c>
      <c r="LQ21" s="109">
        <v>0</v>
      </c>
      <c r="LR21" s="109">
        <v>0</v>
      </c>
      <c r="LS21" s="110">
        <v>0</v>
      </c>
      <c r="LT21" s="292">
        <v>0</v>
      </c>
      <c r="LU21" s="129">
        <v>0</v>
      </c>
      <c r="LV21" s="109">
        <v>0</v>
      </c>
      <c r="LW21" s="110">
        <v>0</v>
      </c>
      <c r="LX21" s="470">
        <v>0</v>
      </c>
      <c r="LY21" s="109">
        <v>0</v>
      </c>
      <c r="LZ21" s="109">
        <v>0</v>
      </c>
      <c r="MA21" s="109">
        <v>0</v>
      </c>
      <c r="MB21" s="109">
        <v>0</v>
      </c>
      <c r="MC21" s="109">
        <v>0</v>
      </c>
      <c r="MD21" s="110">
        <v>0</v>
      </c>
      <c r="ME21" s="111">
        <v>0</v>
      </c>
      <c r="MF21" s="129">
        <v>0</v>
      </c>
      <c r="MG21" s="109">
        <v>0</v>
      </c>
      <c r="MH21" s="110">
        <v>0</v>
      </c>
      <c r="MI21" s="470">
        <v>0</v>
      </c>
      <c r="MJ21" s="109">
        <v>223066</v>
      </c>
      <c r="MK21" s="109">
        <v>297266</v>
      </c>
      <c r="ML21" s="109">
        <v>1932603</v>
      </c>
      <c r="MM21" s="109">
        <v>2534948</v>
      </c>
      <c r="MN21" s="109">
        <v>739580</v>
      </c>
      <c r="MO21" s="110">
        <v>5727463</v>
      </c>
      <c r="MP21" s="130">
        <v>5727463</v>
      </c>
      <c r="MQ21" s="129">
        <v>0</v>
      </c>
      <c r="MR21" s="109">
        <v>0</v>
      </c>
      <c r="MS21" s="110">
        <v>0</v>
      </c>
      <c r="MT21" s="470">
        <v>0</v>
      </c>
      <c r="MU21" s="109">
        <v>0</v>
      </c>
      <c r="MV21" s="109">
        <v>0</v>
      </c>
      <c r="MW21" s="109">
        <v>1222143</v>
      </c>
      <c r="MX21" s="109">
        <v>1773922</v>
      </c>
      <c r="MY21" s="109">
        <v>739580</v>
      </c>
      <c r="MZ21" s="110">
        <v>3735645</v>
      </c>
      <c r="NA21" s="130">
        <v>3735645</v>
      </c>
      <c r="NB21" s="129">
        <v>0</v>
      </c>
      <c r="NC21" s="109">
        <v>0</v>
      </c>
      <c r="ND21" s="110">
        <v>0</v>
      </c>
      <c r="NE21" s="470">
        <v>0</v>
      </c>
      <c r="NF21" s="109">
        <v>223066</v>
      </c>
      <c r="NG21" s="109">
        <v>297266</v>
      </c>
      <c r="NH21" s="109">
        <v>710460</v>
      </c>
      <c r="NI21" s="109">
        <v>761026</v>
      </c>
      <c r="NJ21" s="109">
        <v>0</v>
      </c>
      <c r="NK21" s="110">
        <v>1991818</v>
      </c>
      <c r="NL21" s="292">
        <v>1991818</v>
      </c>
      <c r="NM21" s="129">
        <v>0</v>
      </c>
      <c r="NN21" s="109">
        <v>0</v>
      </c>
      <c r="NO21" s="110">
        <v>0</v>
      </c>
      <c r="NP21" s="470">
        <v>0</v>
      </c>
      <c r="NQ21" s="109">
        <v>0</v>
      </c>
      <c r="NR21" s="109">
        <v>0</v>
      </c>
      <c r="NS21" s="109">
        <v>0</v>
      </c>
      <c r="NT21" s="109">
        <v>0</v>
      </c>
      <c r="NU21" s="109">
        <v>0</v>
      </c>
      <c r="NV21" s="110">
        <v>0</v>
      </c>
      <c r="NW21" s="111">
        <v>0</v>
      </c>
      <c r="NX21" s="129">
        <v>0</v>
      </c>
      <c r="NY21" s="109">
        <v>0</v>
      </c>
      <c r="NZ21" s="110">
        <v>0</v>
      </c>
      <c r="OA21" s="470">
        <v>0</v>
      </c>
      <c r="OB21" s="109">
        <v>0</v>
      </c>
      <c r="OC21" s="109">
        <v>0</v>
      </c>
      <c r="OD21" s="109">
        <v>0</v>
      </c>
      <c r="OE21" s="109">
        <v>0</v>
      </c>
      <c r="OF21" s="109">
        <v>0</v>
      </c>
      <c r="OG21" s="110">
        <v>0</v>
      </c>
      <c r="OH21" s="111">
        <v>0</v>
      </c>
      <c r="OI21" s="129">
        <v>269204</v>
      </c>
      <c r="OJ21" s="109">
        <v>553066</v>
      </c>
      <c r="OK21" s="128">
        <v>822270</v>
      </c>
      <c r="OL21" s="108">
        <v>0</v>
      </c>
      <c r="OM21" s="109">
        <v>3204630</v>
      </c>
      <c r="ON21" s="109">
        <v>6137954</v>
      </c>
      <c r="OO21" s="109">
        <v>7391347</v>
      </c>
      <c r="OP21" s="109">
        <v>5469623</v>
      </c>
      <c r="OQ21" s="109">
        <v>2994311</v>
      </c>
      <c r="OR21" s="110">
        <v>25197865</v>
      </c>
      <c r="OS21" s="130">
        <v>26020135</v>
      </c>
    </row>
    <row r="22" spans="2:409" ht="21" customHeight="1" x14ac:dyDescent="0.2">
      <c r="B22" s="437" t="s">
        <v>17</v>
      </c>
      <c r="C22" s="100">
        <v>623835</v>
      </c>
      <c r="D22" s="104">
        <v>883671</v>
      </c>
      <c r="E22" s="103">
        <v>1507506</v>
      </c>
      <c r="F22" s="99">
        <v>0</v>
      </c>
      <c r="G22" s="104">
        <v>3390606</v>
      </c>
      <c r="H22" s="104">
        <v>6996876</v>
      </c>
      <c r="I22" s="104">
        <v>6508107</v>
      </c>
      <c r="J22" s="104">
        <v>5642787</v>
      </c>
      <c r="K22" s="104">
        <v>4171465</v>
      </c>
      <c r="L22" s="99">
        <v>26709841</v>
      </c>
      <c r="M22" s="106">
        <v>28217347</v>
      </c>
      <c r="N22" s="100">
        <v>140573</v>
      </c>
      <c r="O22" s="104">
        <v>195721</v>
      </c>
      <c r="P22" s="103">
        <v>336294</v>
      </c>
      <c r="Q22" s="100">
        <v>0</v>
      </c>
      <c r="R22" s="104">
        <v>1025989</v>
      </c>
      <c r="S22" s="104">
        <v>1866608</v>
      </c>
      <c r="T22" s="104">
        <v>2564006</v>
      </c>
      <c r="U22" s="104">
        <v>1502138</v>
      </c>
      <c r="V22" s="104">
        <v>1554611</v>
      </c>
      <c r="W22" s="103">
        <v>8513352</v>
      </c>
      <c r="X22" s="106">
        <v>8849646</v>
      </c>
      <c r="Y22" s="100">
        <v>0</v>
      </c>
      <c r="Z22" s="104">
        <v>0</v>
      </c>
      <c r="AA22" s="103">
        <v>0</v>
      </c>
      <c r="AB22" s="100">
        <v>0</v>
      </c>
      <c r="AC22" s="104">
        <v>491677</v>
      </c>
      <c r="AD22" s="104">
        <v>815271</v>
      </c>
      <c r="AE22" s="104">
        <v>1493638</v>
      </c>
      <c r="AF22" s="104">
        <v>670658</v>
      </c>
      <c r="AG22" s="104">
        <v>788136</v>
      </c>
      <c r="AH22" s="103">
        <v>4259380</v>
      </c>
      <c r="AI22" s="106">
        <v>4259380</v>
      </c>
      <c r="AJ22" s="100">
        <v>0</v>
      </c>
      <c r="AK22" s="104">
        <v>0</v>
      </c>
      <c r="AL22" s="103">
        <v>0</v>
      </c>
      <c r="AM22" s="100">
        <v>0</v>
      </c>
      <c r="AN22" s="104">
        <v>32741</v>
      </c>
      <c r="AO22" s="104">
        <v>0</v>
      </c>
      <c r="AP22" s="104">
        <v>20462</v>
      </c>
      <c r="AQ22" s="104">
        <v>105852</v>
      </c>
      <c r="AR22" s="104">
        <v>82913</v>
      </c>
      <c r="AS22" s="103">
        <v>241968</v>
      </c>
      <c r="AT22" s="106">
        <v>241968</v>
      </c>
      <c r="AU22" s="100">
        <v>49881</v>
      </c>
      <c r="AV22" s="104">
        <v>133617</v>
      </c>
      <c r="AW22" s="103">
        <v>183498</v>
      </c>
      <c r="AX22" s="100">
        <v>0</v>
      </c>
      <c r="AY22" s="104">
        <v>290724</v>
      </c>
      <c r="AZ22" s="104">
        <v>730375</v>
      </c>
      <c r="BA22" s="104">
        <v>594407</v>
      </c>
      <c r="BB22" s="104">
        <v>441361</v>
      </c>
      <c r="BC22" s="104">
        <v>265879</v>
      </c>
      <c r="BD22" s="103">
        <v>2322746</v>
      </c>
      <c r="BE22" s="106">
        <v>2506244</v>
      </c>
      <c r="BF22" s="100">
        <v>0</v>
      </c>
      <c r="BG22" s="104">
        <v>0</v>
      </c>
      <c r="BH22" s="102">
        <v>0</v>
      </c>
      <c r="BI22" s="101">
        <v>0</v>
      </c>
      <c r="BJ22" s="104">
        <v>0</v>
      </c>
      <c r="BK22" s="104">
        <v>86413</v>
      </c>
      <c r="BL22" s="104">
        <v>141185</v>
      </c>
      <c r="BM22" s="104">
        <v>22796</v>
      </c>
      <c r="BN22" s="104">
        <v>93744</v>
      </c>
      <c r="BO22" s="103">
        <v>344138</v>
      </c>
      <c r="BP22" s="106">
        <v>344138</v>
      </c>
      <c r="BQ22" s="100">
        <v>90692</v>
      </c>
      <c r="BR22" s="104">
        <v>62104</v>
      </c>
      <c r="BS22" s="103">
        <v>152796</v>
      </c>
      <c r="BT22" s="100">
        <v>0</v>
      </c>
      <c r="BU22" s="104">
        <v>210847</v>
      </c>
      <c r="BV22" s="104">
        <v>234549</v>
      </c>
      <c r="BW22" s="104">
        <v>314314</v>
      </c>
      <c r="BX22" s="104">
        <v>261471</v>
      </c>
      <c r="BY22" s="104">
        <v>323939</v>
      </c>
      <c r="BZ22" s="103">
        <v>1345120</v>
      </c>
      <c r="CA22" s="106">
        <v>1497916</v>
      </c>
      <c r="CB22" s="100">
        <v>112298</v>
      </c>
      <c r="CC22" s="104">
        <v>138378</v>
      </c>
      <c r="CD22" s="103">
        <v>250676</v>
      </c>
      <c r="CE22" s="100">
        <v>0</v>
      </c>
      <c r="CF22" s="104">
        <v>840643</v>
      </c>
      <c r="CG22" s="104">
        <v>2344061</v>
      </c>
      <c r="CH22" s="104">
        <v>1696150</v>
      </c>
      <c r="CI22" s="104">
        <v>1145151</v>
      </c>
      <c r="CJ22" s="104">
        <v>342909</v>
      </c>
      <c r="CK22" s="103">
        <v>6368914</v>
      </c>
      <c r="CL22" s="106">
        <v>6619590</v>
      </c>
      <c r="CM22" s="100">
        <v>0</v>
      </c>
      <c r="CN22" s="104">
        <v>0</v>
      </c>
      <c r="CO22" s="103">
        <v>0</v>
      </c>
      <c r="CP22" s="101">
        <v>0</v>
      </c>
      <c r="CQ22" s="104">
        <v>754630</v>
      </c>
      <c r="CR22" s="104">
        <v>1558001</v>
      </c>
      <c r="CS22" s="104">
        <v>1252527</v>
      </c>
      <c r="CT22" s="104">
        <v>829735</v>
      </c>
      <c r="CU22" s="104">
        <v>275623</v>
      </c>
      <c r="CV22" s="103">
        <v>4670516</v>
      </c>
      <c r="CW22" s="106">
        <v>4670516</v>
      </c>
      <c r="CX22" s="100">
        <v>112298</v>
      </c>
      <c r="CY22" s="104">
        <v>138378</v>
      </c>
      <c r="CZ22" s="103">
        <v>250676</v>
      </c>
      <c r="DA22" s="100">
        <v>0</v>
      </c>
      <c r="DB22" s="104">
        <v>86013</v>
      </c>
      <c r="DC22" s="104">
        <v>786060</v>
      </c>
      <c r="DD22" s="104">
        <v>443623</v>
      </c>
      <c r="DE22" s="104">
        <v>315416</v>
      </c>
      <c r="DF22" s="104">
        <v>67286</v>
      </c>
      <c r="DG22" s="103">
        <v>1698398</v>
      </c>
      <c r="DH22" s="106">
        <v>1949074</v>
      </c>
      <c r="DI22" s="100">
        <v>0</v>
      </c>
      <c r="DJ22" s="104">
        <v>14796</v>
      </c>
      <c r="DK22" s="102">
        <v>14796</v>
      </c>
      <c r="DL22" s="101">
        <v>0</v>
      </c>
      <c r="DM22" s="104">
        <v>130672</v>
      </c>
      <c r="DN22" s="104">
        <v>306409</v>
      </c>
      <c r="DO22" s="104">
        <v>476779</v>
      </c>
      <c r="DP22" s="104">
        <v>786988</v>
      </c>
      <c r="DQ22" s="104">
        <v>366702</v>
      </c>
      <c r="DR22" s="103">
        <v>2067550</v>
      </c>
      <c r="DS22" s="106">
        <v>2082346</v>
      </c>
      <c r="DT22" s="100">
        <v>0</v>
      </c>
      <c r="DU22" s="104">
        <v>14796</v>
      </c>
      <c r="DV22" s="103">
        <v>14796</v>
      </c>
      <c r="DW22" s="100">
        <v>0</v>
      </c>
      <c r="DX22" s="104">
        <v>92713</v>
      </c>
      <c r="DY22" s="104">
        <v>306409</v>
      </c>
      <c r="DZ22" s="104">
        <v>448419</v>
      </c>
      <c r="EA22" s="104">
        <v>680753</v>
      </c>
      <c r="EB22" s="104">
        <v>337729</v>
      </c>
      <c r="EC22" s="103">
        <v>1866023</v>
      </c>
      <c r="ED22" s="106">
        <v>1880819</v>
      </c>
      <c r="EE22" s="100">
        <v>0</v>
      </c>
      <c r="EF22" s="102">
        <v>0</v>
      </c>
      <c r="EG22" s="103">
        <v>0</v>
      </c>
      <c r="EH22" s="100">
        <v>0</v>
      </c>
      <c r="EI22" s="104">
        <v>37959</v>
      </c>
      <c r="EJ22" s="104">
        <v>0</v>
      </c>
      <c r="EK22" s="104">
        <v>28360</v>
      </c>
      <c r="EL22" s="104">
        <v>106235</v>
      </c>
      <c r="EM22" s="104">
        <v>28973</v>
      </c>
      <c r="EN22" s="102">
        <v>201527</v>
      </c>
      <c r="EO22" s="106">
        <v>201527</v>
      </c>
      <c r="EP22" s="100">
        <v>0</v>
      </c>
      <c r="EQ22" s="104">
        <v>0</v>
      </c>
      <c r="ER22" s="102">
        <v>0</v>
      </c>
      <c r="ES22" s="101">
        <v>0</v>
      </c>
      <c r="ET22" s="104">
        <v>0</v>
      </c>
      <c r="EU22" s="104">
        <v>0</v>
      </c>
      <c r="EV22" s="104">
        <v>0</v>
      </c>
      <c r="EW22" s="104">
        <v>0</v>
      </c>
      <c r="EX22" s="104">
        <v>0</v>
      </c>
      <c r="EY22" s="103">
        <v>0</v>
      </c>
      <c r="EZ22" s="106">
        <v>0</v>
      </c>
      <c r="FA22" s="100">
        <v>0</v>
      </c>
      <c r="FB22" s="104">
        <v>0</v>
      </c>
      <c r="FC22" s="102">
        <v>0</v>
      </c>
      <c r="FD22" s="470">
        <v>0</v>
      </c>
      <c r="FE22" s="104">
        <v>0</v>
      </c>
      <c r="FF22" s="104">
        <v>0</v>
      </c>
      <c r="FG22" s="104">
        <v>0</v>
      </c>
      <c r="FH22" s="104">
        <v>0</v>
      </c>
      <c r="FI22" s="104">
        <v>0</v>
      </c>
      <c r="FJ22" s="103">
        <v>0</v>
      </c>
      <c r="FK22" s="106">
        <v>0</v>
      </c>
      <c r="FL22" s="100">
        <v>55286</v>
      </c>
      <c r="FM22" s="104">
        <v>268296</v>
      </c>
      <c r="FN22" s="103">
        <v>323582</v>
      </c>
      <c r="FO22" s="100">
        <v>0</v>
      </c>
      <c r="FP22" s="104">
        <v>127414</v>
      </c>
      <c r="FQ22" s="104">
        <v>518259</v>
      </c>
      <c r="FR22" s="104">
        <v>718963</v>
      </c>
      <c r="FS22" s="104">
        <v>444178</v>
      </c>
      <c r="FT22" s="104">
        <v>321140</v>
      </c>
      <c r="FU22" s="103">
        <v>2129954</v>
      </c>
      <c r="FV22" s="106">
        <v>2453536</v>
      </c>
      <c r="FW22" s="105">
        <v>55286</v>
      </c>
      <c r="FX22" s="104">
        <v>128296</v>
      </c>
      <c r="FY22" s="102">
        <v>183582</v>
      </c>
      <c r="FZ22" s="101">
        <v>0</v>
      </c>
      <c r="GA22" s="104">
        <v>111398</v>
      </c>
      <c r="GB22" s="104">
        <v>518259</v>
      </c>
      <c r="GC22" s="104">
        <v>696563</v>
      </c>
      <c r="GD22" s="104">
        <v>426888</v>
      </c>
      <c r="GE22" s="104">
        <v>287938</v>
      </c>
      <c r="GF22" s="103">
        <v>2041046</v>
      </c>
      <c r="GG22" s="290">
        <v>2224628</v>
      </c>
      <c r="GH22" s="105">
        <v>0</v>
      </c>
      <c r="GI22" s="104">
        <v>0</v>
      </c>
      <c r="GJ22" s="102">
        <v>0</v>
      </c>
      <c r="GK22" s="101">
        <v>0</v>
      </c>
      <c r="GL22" s="104">
        <v>16016</v>
      </c>
      <c r="GM22" s="104">
        <v>0</v>
      </c>
      <c r="GN22" s="104">
        <v>22400</v>
      </c>
      <c r="GO22" s="104">
        <v>17290</v>
      </c>
      <c r="GP22" s="104">
        <v>33202</v>
      </c>
      <c r="GQ22" s="103">
        <v>88908</v>
      </c>
      <c r="GR22" s="106">
        <v>88908</v>
      </c>
      <c r="GS22" s="100">
        <v>0</v>
      </c>
      <c r="GT22" s="104">
        <v>140000</v>
      </c>
      <c r="GU22" s="103">
        <v>140000</v>
      </c>
      <c r="GV22" s="100">
        <v>0</v>
      </c>
      <c r="GW22" s="104">
        <v>0</v>
      </c>
      <c r="GX22" s="104">
        <v>0</v>
      </c>
      <c r="GY22" s="104">
        <v>0</v>
      </c>
      <c r="GZ22" s="104">
        <v>0</v>
      </c>
      <c r="HA22" s="104">
        <v>0</v>
      </c>
      <c r="HB22" s="102">
        <v>0</v>
      </c>
      <c r="HC22" s="106">
        <v>140000</v>
      </c>
      <c r="HD22" s="100">
        <v>315678</v>
      </c>
      <c r="HE22" s="104">
        <v>266480</v>
      </c>
      <c r="HF22" s="102">
        <v>582158</v>
      </c>
      <c r="HG22" s="101">
        <v>0</v>
      </c>
      <c r="HH22" s="104">
        <v>1265888</v>
      </c>
      <c r="HI22" s="104">
        <v>1961539</v>
      </c>
      <c r="HJ22" s="104">
        <v>1052209</v>
      </c>
      <c r="HK22" s="104">
        <v>1764332</v>
      </c>
      <c r="HL22" s="104">
        <v>1586103</v>
      </c>
      <c r="HM22" s="103">
        <v>7630071</v>
      </c>
      <c r="HN22" s="99">
        <v>8212229</v>
      </c>
      <c r="HO22" s="456">
        <v>0</v>
      </c>
      <c r="HP22" s="457">
        <v>0</v>
      </c>
      <c r="HQ22" s="458">
        <v>0</v>
      </c>
      <c r="HR22" s="459">
        <v>0</v>
      </c>
      <c r="HS22" s="457">
        <v>0</v>
      </c>
      <c r="HT22" s="457">
        <v>0</v>
      </c>
      <c r="HU22" s="457">
        <v>0</v>
      </c>
      <c r="HV22" s="457">
        <v>0</v>
      </c>
      <c r="HW22" s="457">
        <v>0</v>
      </c>
      <c r="HX22" s="460">
        <v>0</v>
      </c>
      <c r="HY22" s="461">
        <v>0</v>
      </c>
      <c r="HZ22" s="135">
        <v>0</v>
      </c>
      <c r="IA22" s="122">
        <v>0</v>
      </c>
      <c r="IB22" s="135">
        <v>0</v>
      </c>
      <c r="IC22" s="121">
        <v>0</v>
      </c>
      <c r="ID22" s="122">
        <v>923449</v>
      </c>
      <c r="IE22" s="123">
        <v>1828426</v>
      </c>
      <c r="IF22" s="124">
        <v>1294083</v>
      </c>
      <c r="IG22" s="122">
        <v>1624598</v>
      </c>
      <c r="IH22" s="124">
        <v>1815188</v>
      </c>
      <c r="II22" s="125">
        <v>7485744</v>
      </c>
      <c r="IJ22" s="135">
        <v>7485744</v>
      </c>
      <c r="IK22" s="215">
        <v>0</v>
      </c>
      <c r="IL22" s="219">
        <v>0</v>
      </c>
      <c r="IM22" s="220">
        <v>0</v>
      </c>
      <c r="IN22" s="470">
        <v>0</v>
      </c>
      <c r="IO22" s="109">
        <v>0</v>
      </c>
      <c r="IP22" s="109">
        <v>0</v>
      </c>
      <c r="IQ22" s="109">
        <v>0</v>
      </c>
      <c r="IR22" s="109">
        <v>0</v>
      </c>
      <c r="IS22" s="109">
        <v>0</v>
      </c>
      <c r="IT22" s="128">
        <v>0</v>
      </c>
      <c r="IU22" s="292">
        <v>0</v>
      </c>
      <c r="IV22" s="129">
        <v>0</v>
      </c>
      <c r="IW22" s="109">
        <v>0</v>
      </c>
      <c r="IX22" s="110">
        <v>0</v>
      </c>
      <c r="IY22" s="470">
        <v>0</v>
      </c>
      <c r="IZ22" s="109">
        <v>0</v>
      </c>
      <c r="JA22" s="109">
        <v>0</v>
      </c>
      <c r="JB22" s="109">
        <v>0</v>
      </c>
      <c r="JC22" s="109">
        <v>0</v>
      </c>
      <c r="JD22" s="109">
        <v>0</v>
      </c>
      <c r="JE22" s="110">
        <v>0</v>
      </c>
      <c r="JF22" s="111">
        <v>0</v>
      </c>
      <c r="JG22" s="129">
        <v>0</v>
      </c>
      <c r="JH22" s="109">
        <v>0</v>
      </c>
      <c r="JI22" s="128">
        <v>0</v>
      </c>
      <c r="JJ22" s="108">
        <v>0</v>
      </c>
      <c r="JK22" s="109">
        <v>590562</v>
      </c>
      <c r="JL22" s="109">
        <v>567720</v>
      </c>
      <c r="JM22" s="109">
        <v>407273</v>
      </c>
      <c r="JN22" s="109">
        <v>180006</v>
      </c>
      <c r="JO22" s="109">
        <v>85155</v>
      </c>
      <c r="JP22" s="110">
        <v>1830716</v>
      </c>
      <c r="JQ22" s="292">
        <v>1830716</v>
      </c>
      <c r="JR22" s="129">
        <v>0</v>
      </c>
      <c r="JS22" s="109">
        <v>0</v>
      </c>
      <c r="JT22" s="128">
        <v>0</v>
      </c>
      <c r="JU22" s="108">
        <v>0</v>
      </c>
      <c r="JV22" s="109">
        <v>0</v>
      </c>
      <c r="JW22" s="109">
        <v>0</v>
      </c>
      <c r="JX22" s="109">
        <v>0</v>
      </c>
      <c r="JY22" s="109">
        <v>0</v>
      </c>
      <c r="JZ22" s="109">
        <v>20080</v>
      </c>
      <c r="KA22" s="110">
        <v>20080</v>
      </c>
      <c r="KB22" s="292">
        <v>20080</v>
      </c>
      <c r="KC22" s="217">
        <v>0</v>
      </c>
      <c r="KD22" s="213">
        <v>0</v>
      </c>
      <c r="KE22" s="110">
        <v>0</v>
      </c>
      <c r="KF22" s="108">
        <v>0</v>
      </c>
      <c r="KG22" s="109">
        <v>123227</v>
      </c>
      <c r="KH22" s="109">
        <v>162111</v>
      </c>
      <c r="KI22" s="109">
        <v>218270</v>
      </c>
      <c r="KJ22" s="109">
        <v>237769</v>
      </c>
      <c r="KK22" s="109">
        <v>260416</v>
      </c>
      <c r="KL22" s="110">
        <v>1001793</v>
      </c>
      <c r="KM22" s="130">
        <v>1001793</v>
      </c>
      <c r="KN22" s="215">
        <v>0</v>
      </c>
      <c r="KO22" s="219">
        <v>0</v>
      </c>
      <c r="KP22" s="220">
        <v>0</v>
      </c>
      <c r="KQ22" s="470">
        <v>0</v>
      </c>
      <c r="KR22" s="109">
        <v>209660</v>
      </c>
      <c r="KS22" s="109">
        <v>1098595</v>
      </c>
      <c r="KT22" s="109">
        <v>452845</v>
      </c>
      <c r="KU22" s="109">
        <v>346337</v>
      </c>
      <c r="KV22" s="109">
        <v>947053</v>
      </c>
      <c r="KW22" s="110">
        <v>3054490</v>
      </c>
      <c r="KX22" s="292">
        <v>3054490</v>
      </c>
      <c r="KY22" s="129">
        <v>0</v>
      </c>
      <c r="KZ22" s="109">
        <v>0</v>
      </c>
      <c r="LA22" s="110">
        <v>0</v>
      </c>
      <c r="LB22" s="470">
        <v>0</v>
      </c>
      <c r="LC22" s="109">
        <v>0</v>
      </c>
      <c r="LD22" s="109">
        <v>0</v>
      </c>
      <c r="LE22" s="109">
        <v>0</v>
      </c>
      <c r="LF22" s="109">
        <v>0</v>
      </c>
      <c r="LG22" s="109">
        <v>0</v>
      </c>
      <c r="LH22" s="110">
        <v>0</v>
      </c>
      <c r="LI22" s="111">
        <v>0</v>
      </c>
      <c r="LJ22" s="129">
        <v>0</v>
      </c>
      <c r="LK22" s="109">
        <v>0</v>
      </c>
      <c r="LL22" s="110">
        <v>0</v>
      </c>
      <c r="LM22" s="470">
        <v>0</v>
      </c>
      <c r="LN22" s="109">
        <v>0</v>
      </c>
      <c r="LO22" s="109">
        <v>0</v>
      </c>
      <c r="LP22" s="109">
        <v>215695</v>
      </c>
      <c r="LQ22" s="109">
        <v>860486</v>
      </c>
      <c r="LR22" s="109">
        <v>502484</v>
      </c>
      <c r="LS22" s="110">
        <v>1578665</v>
      </c>
      <c r="LT22" s="292">
        <v>1578665</v>
      </c>
      <c r="LU22" s="129">
        <v>0</v>
      </c>
      <c r="LV22" s="109">
        <v>0</v>
      </c>
      <c r="LW22" s="110">
        <v>0</v>
      </c>
      <c r="LX22" s="470">
        <v>0</v>
      </c>
      <c r="LY22" s="109">
        <v>0</v>
      </c>
      <c r="LZ22" s="109">
        <v>0</v>
      </c>
      <c r="MA22" s="109">
        <v>0</v>
      </c>
      <c r="MB22" s="109">
        <v>0</v>
      </c>
      <c r="MC22" s="109">
        <v>0</v>
      </c>
      <c r="MD22" s="110">
        <v>0</v>
      </c>
      <c r="ME22" s="111">
        <v>0</v>
      </c>
      <c r="MF22" s="129">
        <v>0</v>
      </c>
      <c r="MG22" s="109">
        <v>0</v>
      </c>
      <c r="MH22" s="110">
        <v>0</v>
      </c>
      <c r="MI22" s="470">
        <v>0</v>
      </c>
      <c r="MJ22" s="109">
        <v>696666</v>
      </c>
      <c r="MK22" s="109">
        <v>1307047</v>
      </c>
      <c r="ML22" s="109">
        <v>3320846</v>
      </c>
      <c r="MM22" s="109">
        <v>2040674</v>
      </c>
      <c r="MN22" s="109">
        <v>2958120</v>
      </c>
      <c r="MO22" s="110">
        <v>10323353</v>
      </c>
      <c r="MP22" s="130">
        <v>10323353</v>
      </c>
      <c r="MQ22" s="129">
        <v>0</v>
      </c>
      <c r="MR22" s="109">
        <v>0</v>
      </c>
      <c r="MS22" s="110">
        <v>0</v>
      </c>
      <c r="MT22" s="470">
        <v>0</v>
      </c>
      <c r="MU22" s="109">
        <v>0</v>
      </c>
      <c r="MV22" s="109">
        <v>212478</v>
      </c>
      <c r="MW22" s="109">
        <v>1050003</v>
      </c>
      <c r="MX22" s="109">
        <v>531471</v>
      </c>
      <c r="MY22" s="109">
        <v>1716552</v>
      </c>
      <c r="MZ22" s="110">
        <v>3510504</v>
      </c>
      <c r="NA22" s="130">
        <v>3510504</v>
      </c>
      <c r="NB22" s="129">
        <v>0</v>
      </c>
      <c r="NC22" s="109">
        <v>0</v>
      </c>
      <c r="ND22" s="110">
        <v>0</v>
      </c>
      <c r="NE22" s="470">
        <v>0</v>
      </c>
      <c r="NF22" s="109">
        <v>696666</v>
      </c>
      <c r="NG22" s="109">
        <v>1094569</v>
      </c>
      <c r="NH22" s="109">
        <v>2270843</v>
      </c>
      <c r="NI22" s="109">
        <v>1509203</v>
      </c>
      <c r="NJ22" s="109">
        <v>895918</v>
      </c>
      <c r="NK22" s="110">
        <v>6467199</v>
      </c>
      <c r="NL22" s="292">
        <v>6467199</v>
      </c>
      <c r="NM22" s="129">
        <v>0</v>
      </c>
      <c r="NN22" s="109">
        <v>0</v>
      </c>
      <c r="NO22" s="110">
        <v>0</v>
      </c>
      <c r="NP22" s="470">
        <v>0</v>
      </c>
      <c r="NQ22" s="109">
        <v>0</v>
      </c>
      <c r="NR22" s="109">
        <v>0</v>
      </c>
      <c r="NS22" s="109">
        <v>0</v>
      </c>
      <c r="NT22" s="109">
        <v>0</v>
      </c>
      <c r="NU22" s="109">
        <v>0</v>
      </c>
      <c r="NV22" s="110">
        <v>0</v>
      </c>
      <c r="NW22" s="111">
        <v>0</v>
      </c>
      <c r="NX22" s="129">
        <v>0</v>
      </c>
      <c r="NY22" s="109">
        <v>0</v>
      </c>
      <c r="NZ22" s="110">
        <v>0</v>
      </c>
      <c r="OA22" s="470">
        <v>0</v>
      </c>
      <c r="OB22" s="109">
        <v>0</v>
      </c>
      <c r="OC22" s="109">
        <v>0</v>
      </c>
      <c r="OD22" s="109">
        <v>0</v>
      </c>
      <c r="OE22" s="109">
        <v>0</v>
      </c>
      <c r="OF22" s="109">
        <v>345650</v>
      </c>
      <c r="OG22" s="110">
        <v>345650</v>
      </c>
      <c r="OH22" s="111">
        <v>345650</v>
      </c>
      <c r="OI22" s="129">
        <v>623835</v>
      </c>
      <c r="OJ22" s="109">
        <v>883671</v>
      </c>
      <c r="OK22" s="128">
        <v>1507506</v>
      </c>
      <c r="OL22" s="108">
        <v>0</v>
      </c>
      <c r="OM22" s="109">
        <v>5010721</v>
      </c>
      <c r="ON22" s="109">
        <v>10132349</v>
      </c>
      <c r="OO22" s="109">
        <v>11123036</v>
      </c>
      <c r="OP22" s="109">
        <v>9308059</v>
      </c>
      <c r="OQ22" s="109">
        <v>8944773</v>
      </c>
      <c r="OR22" s="110">
        <v>44518938</v>
      </c>
      <c r="OS22" s="130">
        <v>46026444</v>
      </c>
    </row>
    <row r="23" spans="2:409" ht="21" customHeight="1" x14ac:dyDescent="0.2">
      <c r="B23" s="437" t="s">
        <v>18</v>
      </c>
      <c r="C23" s="100">
        <v>479933</v>
      </c>
      <c r="D23" s="104">
        <v>595736</v>
      </c>
      <c r="E23" s="103">
        <v>1075669</v>
      </c>
      <c r="F23" s="99">
        <v>0</v>
      </c>
      <c r="G23" s="104">
        <v>5392343</v>
      </c>
      <c r="H23" s="104">
        <v>7516629</v>
      </c>
      <c r="I23" s="104">
        <v>6909708</v>
      </c>
      <c r="J23" s="104">
        <v>6960264</v>
      </c>
      <c r="K23" s="104">
        <v>6381928</v>
      </c>
      <c r="L23" s="99">
        <v>33160872</v>
      </c>
      <c r="M23" s="106">
        <v>34236541</v>
      </c>
      <c r="N23" s="100">
        <v>146887</v>
      </c>
      <c r="O23" s="104">
        <v>152117</v>
      </c>
      <c r="P23" s="103">
        <v>299004</v>
      </c>
      <c r="Q23" s="100">
        <v>0</v>
      </c>
      <c r="R23" s="104">
        <v>1582910</v>
      </c>
      <c r="S23" s="104">
        <v>2172351</v>
      </c>
      <c r="T23" s="104">
        <v>2972816</v>
      </c>
      <c r="U23" s="104">
        <v>3090428</v>
      </c>
      <c r="V23" s="104">
        <v>1449348</v>
      </c>
      <c r="W23" s="103">
        <v>11267853</v>
      </c>
      <c r="X23" s="106">
        <v>11566857</v>
      </c>
      <c r="Y23" s="100">
        <v>0</v>
      </c>
      <c r="Z23" s="104">
        <v>0</v>
      </c>
      <c r="AA23" s="103">
        <v>0</v>
      </c>
      <c r="AB23" s="100">
        <v>0</v>
      </c>
      <c r="AC23" s="104">
        <v>654055</v>
      </c>
      <c r="AD23" s="104">
        <v>965772</v>
      </c>
      <c r="AE23" s="104">
        <v>1641517</v>
      </c>
      <c r="AF23" s="104">
        <v>1977585</v>
      </c>
      <c r="AG23" s="104">
        <v>626407</v>
      </c>
      <c r="AH23" s="103">
        <v>5865336</v>
      </c>
      <c r="AI23" s="106">
        <v>5865336</v>
      </c>
      <c r="AJ23" s="100">
        <v>0</v>
      </c>
      <c r="AK23" s="104">
        <v>0</v>
      </c>
      <c r="AL23" s="103">
        <v>0</v>
      </c>
      <c r="AM23" s="100">
        <v>0</v>
      </c>
      <c r="AN23" s="104">
        <v>0</v>
      </c>
      <c r="AO23" s="104">
        <v>0</v>
      </c>
      <c r="AP23" s="104">
        <v>40348</v>
      </c>
      <c r="AQ23" s="104">
        <v>126620</v>
      </c>
      <c r="AR23" s="104">
        <v>91509</v>
      </c>
      <c r="AS23" s="103">
        <v>258477</v>
      </c>
      <c r="AT23" s="106">
        <v>258477</v>
      </c>
      <c r="AU23" s="100">
        <v>71961</v>
      </c>
      <c r="AV23" s="104">
        <v>82148</v>
      </c>
      <c r="AW23" s="103">
        <v>154109</v>
      </c>
      <c r="AX23" s="100">
        <v>0</v>
      </c>
      <c r="AY23" s="104">
        <v>584656</v>
      </c>
      <c r="AZ23" s="104">
        <v>795738</v>
      </c>
      <c r="BA23" s="104">
        <v>681335</v>
      </c>
      <c r="BB23" s="104">
        <v>536706</v>
      </c>
      <c r="BC23" s="104">
        <v>317589</v>
      </c>
      <c r="BD23" s="103">
        <v>2916024</v>
      </c>
      <c r="BE23" s="106">
        <v>3070133</v>
      </c>
      <c r="BF23" s="100">
        <v>28180</v>
      </c>
      <c r="BG23" s="104">
        <v>24000</v>
      </c>
      <c r="BH23" s="102">
        <v>52180</v>
      </c>
      <c r="BI23" s="101">
        <v>0</v>
      </c>
      <c r="BJ23" s="104">
        <v>28240</v>
      </c>
      <c r="BK23" s="104">
        <v>48304</v>
      </c>
      <c r="BL23" s="104">
        <v>128415</v>
      </c>
      <c r="BM23" s="104">
        <v>36237</v>
      </c>
      <c r="BN23" s="104">
        <v>49374</v>
      </c>
      <c r="BO23" s="103">
        <v>290570</v>
      </c>
      <c r="BP23" s="106">
        <v>342750</v>
      </c>
      <c r="BQ23" s="100">
        <v>46746</v>
      </c>
      <c r="BR23" s="104">
        <v>45969</v>
      </c>
      <c r="BS23" s="103">
        <v>92715</v>
      </c>
      <c r="BT23" s="100">
        <v>0</v>
      </c>
      <c r="BU23" s="104">
        <v>315959</v>
      </c>
      <c r="BV23" s="104">
        <v>362537</v>
      </c>
      <c r="BW23" s="104">
        <v>481201</v>
      </c>
      <c r="BX23" s="104">
        <v>413280</v>
      </c>
      <c r="BY23" s="104">
        <v>364469</v>
      </c>
      <c r="BZ23" s="103">
        <v>1937446</v>
      </c>
      <c r="CA23" s="106">
        <v>2030161</v>
      </c>
      <c r="CB23" s="100">
        <v>131681</v>
      </c>
      <c r="CC23" s="104">
        <v>169711</v>
      </c>
      <c r="CD23" s="103">
        <v>301392</v>
      </c>
      <c r="CE23" s="100">
        <v>0</v>
      </c>
      <c r="CF23" s="104">
        <v>1844150</v>
      </c>
      <c r="CG23" s="104">
        <v>2502001</v>
      </c>
      <c r="CH23" s="104">
        <v>1312053</v>
      </c>
      <c r="CI23" s="104">
        <v>1246055</v>
      </c>
      <c r="CJ23" s="104">
        <v>596735</v>
      </c>
      <c r="CK23" s="103">
        <v>7500994</v>
      </c>
      <c r="CL23" s="106">
        <v>7802386</v>
      </c>
      <c r="CM23" s="100">
        <v>0</v>
      </c>
      <c r="CN23" s="104">
        <v>0</v>
      </c>
      <c r="CO23" s="103">
        <v>0</v>
      </c>
      <c r="CP23" s="101">
        <v>0</v>
      </c>
      <c r="CQ23" s="104">
        <v>1392318</v>
      </c>
      <c r="CR23" s="104">
        <v>1944575</v>
      </c>
      <c r="CS23" s="104">
        <v>835797</v>
      </c>
      <c r="CT23" s="104">
        <v>920563</v>
      </c>
      <c r="CU23" s="104">
        <v>531880</v>
      </c>
      <c r="CV23" s="103">
        <v>5625133</v>
      </c>
      <c r="CW23" s="106">
        <v>5625133</v>
      </c>
      <c r="CX23" s="100">
        <v>131681</v>
      </c>
      <c r="CY23" s="104">
        <v>169711</v>
      </c>
      <c r="CZ23" s="103">
        <v>301392</v>
      </c>
      <c r="DA23" s="100">
        <v>0</v>
      </c>
      <c r="DB23" s="104">
        <v>451832</v>
      </c>
      <c r="DC23" s="104">
        <v>557426</v>
      </c>
      <c r="DD23" s="104">
        <v>476256</v>
      </c>
      <c r="DE23" s="104">
        <v>325492</v>
      </c>
      <c r="DF23" s="104">
        <v>64855</v>
      </c>
      <c r="DG23" s="103">
        <v>1875861</v>
      </c>
      <c r="DH23" s="106">
        <v>2177253</v>
      </c>
      <c r="DI23" s="100">
        <v>27508</v>
      </c>
      <c r="DJ23" s="104">
        <v>0</v>
      </c>
      <c r="DK23" s="102">
        <v>27508</v>
      </c>
      <c r="DL23" s="101">
        <v>0</v>
      </c>
      <c r="DM23" s="104">
        <v>208612</v>
      </c>
      <c r="DN23" s="104">
        <v>602802</v>
      </c>
      <c r="DO23" s="104">
        <v>586591</v>
      </c>
      <c r="DP23" s="104">
        <v>438236</v>
      </c>
      <c r="DQ23" s="104">
        <v>371617</v>
      </c>
      <c r="DR23" s="103">
        <v>2207858</v>
      </c>
      <c r="DS23" s="106">
        <v>2235366</v>
      </c>
      <c r="DT23" s="100">
        <v>27508</v>
      </c>
      <c r="DU23" s="104">
        <v>0</v>
      </c>
      <c r="DV23" s="103">
        <v>27508</v>
      </c>
      <c r="DW23" s="100">
        <v>0</v>
      </c>
      <c r="DX23" s="104">
        <v>208612</v>
      </c>
      <c r="DY23" s="104">
        <v>509251</v>
      </c>
      <c r="DZ23" s="104">
        <v>586591</v>
      </c>
      <c r="EA23" s="104">
        <v>438236</v>
      </c>
      <c r="EB23" s="104">
        <v>371617</v>
      </c>
      <c r="EC23" s="103">
        <v>2114307</v>
      </c>
      <c r="ED23" s="106">
        <v>2141815</v>
      </c>
      <c r="EE23" s="100">
        <v>0</v>
      </c>
      <c r="EF23" s="102">
        <v>0</v>
      </c>
      <c r="EG23" s="103">
        <v>0</v>
      </c>
      <c r="EH23" s="100">
        <v>0</v>
      </c>
      <c r="EI23" s="104">
        <v>0</v>
      </c>
      <c r="EJ23" s="104">
        <v>93551</v>
      </c>
      <c r="EK23" s="104">
        <v>0</v>
      </c>
      <c r="EL23" s="104">
        <v>0</v>
      </c>
      <c r="EM23" s="104">
        <v>0</v>
      </c>
      <c r="EN23" s="102">
        <v>93551</v>
      </c>
      <c r="EO23" s="106">
        <v>93551</v>
      </c>
      <c r="EP23" s="100">
        <v>0</v>
      </c>
      <c r="EQ23" s="104">
        <v>0</v>
      </c>
      <c r="ER23" s="102">
        <v>0</v>
      </c>
      <c r="ES23" s="101">
        <v>0</v>
      </c>
      <c r="ET23" s="104">
        <v>0</v>
      </c>
      <c r="EU23" s="104">
        <v>0</v>
      </c>
      <c r="EV23" s="104">
        <v>0</v>
      </c>
      <c r="EW23" s="104">
        <v>0</v>
      </c>
      <c r="EX23" s="104">
        <v>0</v>
      </c>
      <c r="EY23" s="103">
        <v>0</v>
      </c>
      <c r="EZ23" s="106">
        <v>0</v>
      </c>
      <c r="FA23" s="100">
        <v>0</v>
      </c>
      <c r="FB23" s="104">
        <v>0</v>
      </c>
      <c r="FC23" s="102">
        <v>0</v>
      </c>
      <c r="FD23" s="470">
        <v>0</v>
      </c>
      <c r="FE23" s="104">
        <v>0</v>
      </c>
      <c r="FF23" s="104">
        <v>0</v>
      </c>
      <c r="FG23" s="104">
        <v>0</v>
      </c>
      <c r="FH23" s="104">
        <v>0</v>
      </c>
      <c r="FI23" s="104">
        <v>0</v>
      </c>
      <c r="FJ23" s="103">
        <v>0</v>
      </c>
      <c r="FK23" s="106">
        <v>0</v>
      </c>
      <c r="FL23" s="100">
        <v>26474</v>
      </c>
      <c r="FM23" s="104">
        <v>112028</v>
      </c>
      <c r="FN23" s="103">
        <v>138502</v>
      </c>
      <c r="FO23" s="100">
        <v>0</v>
      </c>
      <c r="FP23" s="104">
        <v>321706</v>
      </c>
      <c r="FQ23" s="104">
        <v>627550</v>
      </c>
      <c r="FR23" s="104">
        <v>495352</v>
      </c>
      <c r="FS23" s="104">
        <v>378595</v>
      </c>
      <c r="FT23" s="104">
        <v>167076</v>
      </c>
      <c r="FU23" s="103">
        <v>1990279</v>
      </c>
      <c r="FV23" s="106">
        <v>2128781</v>
      </c>
      <c r="FW23" s="105">
        <v>26474</v>
      </c>
      <c r="FX23" s="104">
        <v>112028</v>
      </c>
      <c r="FY23" s="102">
        <v>138502</v>
      </c>
      <c r="FZ23" s="101">
        <v>0</v>
      </c>
      <c r="GA23" s="104">
        <v>298816</v>
      </c>
      <c r="GB23" s="104">
        <v>627550</v>
      </c>
      <c r="GC23" s="104">
        <v>467324</v>
      </c>
      <c r="GD23" s="104">
        <v>378595</v>
      </c>
      <c r="GE23" s="104">
        <v>167076</v>
      </c>
      <c r="GF23" s="103">
        <v>1939361</v>
      </c>
      <c r="GG23" s="290">
        <v>2077863</v>
      </c>
      <c r="GH23" s="105">
        <v>0</v>
      </c>
      <c r="GI23" s="104">
        <v>0</v>
      </c>
      <c r="GJ23" s="102">
        <v>0</v>
      </c>
      <c r="GK23" s="101">
        <v>0</v>
      </c>
      <c r="GL23" s="104">
        <v>22890</v>
      </c>
      <c r="GM23" s="104">
        <v>0</v>
      </c>
      <c r="GN23" s="104">
        <v>28028</v>
      </c>
      <c r="GO23" s="104">
        <v>0</v>
      </c>
      <c r="GP23" s="104">
        <v>0</v>
      </c>
      <c r="GQ23" s="103">
        <v>50918</v>
      </c>
      <c r="GR23" s="106">
        <v>50918</v>
      </c>
      <c r="GS23" s="100">
        <v>0</v>
      </c>
      <c r="GT23" s="104">
        <v>0</v>
      </c>
      <c r="GU23" s="103">
        <v>0</v>
      </c>
      <c r="GV23" s="100">
        <v>0</v>
      </c>
      <c r="GW23" s="104">
        <v>0</v>
      </c>
      <c r="GX23" s="104">
        <v>0</v>
      </c>
      <c r="GY23" s="104">
        <v>0</v>
      </c>
      <c r="GZ23" s="104">
        <v>0</v>
      </c>
      <c r="HA23" s="104">
        <v>0</v>
      </c>
      <c r="HB23" s="102">
        <v>0</v>
      </c>
      <c r="HC23" s="106">
        <v>0</v>
      </c>
      <c r="HD23" s="100">
        <v>147383</v>
      </c>
      <c r="HE23" s="104">
        <v>161880</v>
      </c>
      <c r="HF23" s="102">
        <v>309263</v>
      </c>
      <c r="HG23" s="101">
        <v>0</v>
      </c>
      <c r="HH23" s="104">
        <v>1434965</v>
      </c>
      <c r="HI23" s="104">
        <v>1611925</v>
      </c>
      <c r="HJ23" s="104">
        <v>1542896</v>
      </c>
      <c r="HK23" s="104">
        <v>1806950</v>
      </c>
      <c r="HL23" s="104">
        <v>3797152</v>
      </c>
      <c r="HM23" s="103">
        <v>10193888</v>
      </c>
      <c r="HN23" s="99">
        <v>10503151</v>
      </c>
      <c r="HO23" s="456">
        <v>0</v>
      </c>
      <c r="HP23" s="457">
        <v>0</v>
      </c>
      <c r="HQ23" s="458">
        <v>0</v>
      </c>
      <c r="HR23" s="459">
        <v>0</v>
      </c>
      <c r="HS23" s="457">
        <v>0</v>
      </c>
      <c r="HT23" s="457">
        <v>0</v>
      </c>
      <c r="HU23" s="457">
        <v>0</v>
      </c>
      <c r="HV23" s="457">
        <v>0</v>
      </c>
      <c r="HW23" s="457">
        <v>0</v>
      </c>
      <c r="HX23" s="460">
        <v>0</v>
      </c>
      <c r="HY23" s="461">
        <v>0</v>
      </c>
      <c r="HZ23" s="118">
        <v>0</v>
      </c>
      <c r="IA23" s="119">
        <v>69640</v>
      </c>
      <c r="IB23" s="120">
        <v>69640</v>
      </c>
      <c r="IC23" s="131">
        <v>0</v>
      </c>
      <c r="ID23" s="119">
        <v>1114118</v>
      </c>
      <c r="IE23" s="132">
        <v>1288671</v>
      </c>
      <c r="IF23" s="120">
        <v>2580169</v>
      </c>
      <c r="IG23" s="119">
        <v>841185</v>
      </c>
      <c r="IH23" s="120">
        <v>1131058</v>
      </c>
      <c r="II23" s="133">
        <v>6955201</v>
      </c>
      <c r="IJ23" s="126">
        <v>7024841</v>
      </c>
      <c r="IK23" s="215">
        <v>0</v>
      </c>
      <c r="IL23" s="219">
        <v>0</v>
      </c>
      <c r="IM23" s="220">
        <v>0</v>
      </c>
      <c r="IN23" s="470">
        <v>0</v>
      </c>
      <c r="IO23" s="109">
        <v>0</v>
      </c>
      <c r="IP23" s="109">
        <v>0</v>
      </c>
      <c r="IQ23" s="109">
        <v>0</v>
      </c>
      <c r="IR23" s="109">
        <v>0</v>
      </c>
      <c r="IS23" s="109">
        <v>0</v>
      </c>
      <c r="IT23" s="128">
        <v>0</v>
      </c>
      <c r="IU23" s="292">
        <v>0</v>
      </c>
      <c r="IV23" s="129">
        <v>0</v>
      </c>
      <c r="IW23" s="109">
        <v>0</v>
      </c>
      <c r="IX23" s="110">
        <v>0</v>
      </c>
      <c r="IY23" s="470">
        <v>0</v>
      </c>
      <c r="IZ23" s="109">
        <v>0</v>
      </c>
      <c r="JA23" s="109">
        <v>0</v>
      </c>
      <c r="JB23" s="109">
        <v>0</v>
      </c>
      <c r="JC23" s="109">
        <v>0</v>
      </c>
      <c r="JD23" s="109">
        <v>0</v>
      </c>
      <c r="JE23" s="110">
        <v>0</v>
      </c>
      <c r="JF23" s="111">
        <v>0</v>
      </c>
      <c r="JG23" s="129">
        <v>0</v>
      </c>
      <c r="JH23" s="109">
        <v>0</v>
      </c>
      <c r="JI23" s="128">
        <v>0</v>
      </c>
      <c r="JJ23" s="108">
        <v>0</v>
      </c>
      <c r="JK23" s="109">
        <v>524544</v>
      </c>
      <c r="JL23" s="109">
        <v>232223</v>
      </c>
      <c r="JM23" s="109">
        <v>439829</v>
      </c>
      <c r="JN23" s="109">
        <v>463650</v>
      </c>
      <c r="JO23" s="109">
        <v>0</v>
      </c>
      <c r="JP23" s="110">
        <v>1660246</v>
      </c>
      <c r="JQ23" s="292">
        <v>1660246</v>
      </c>
      <c r="JR23" s="129">
        <v>0</v>
      </c>
      <c r="JS23" s="109">
        <v>0</v>
      </c>
      <c r="JT23" s="128">
        <v>0</v>
      </c>
      <c r="JU23" s="108">
        <v>0</v>
      </c>
      <c r="JV23" s="109">
        <v>48452</v>
      </c>
      <c r="JW23" s="109">
        <v>0</v>
      </c>
      <c r="JX23" s="109">
        <v>196011</v>
      </c>
      <c r="JY23" s="109">
        <v>127553</v>
      </c>
      <c r="JZ23" s="109">
        <v>0</v>
      </c>
      <c r="KA23" s="110">
        <v>372016</v>
      </c>
      <c r="KB23" s="292">
        <v>372016</v>
      </c>
      <c r="KC23" s="217">
        <v>0</v>
      </c>
      <c r="KD23" s="213">
        <v>69640</v>
      </c>
      <c r="KE23" s="110">
        <v>69640</v>
      </c>
      <c r="KF23" s="108">
        <v>0</v>
      </c>
      <c r="KG23" s="109">
        <v>117886</v>
      </c>
      <c r="KH23" s="109">
        <v>152492</v>
      </c>
      <c r="KI23" s="109">
        <v>201270</v>
      </c>
      <c r="KJ23" s="109">
        <v>0</v>
      </c>
      <c r="KK23" s="109">
        <v>0</v>
      </c>
      <c r="KL23" s="110">
        <v>471648</v>
      </c>
      <c r="KM23" s="130">
        <v>541288</v>
      </c>
      <c r="KN23" s="215">
        <v>0</v>
      </c>
      <c r="KO23" s="219">
        <v>0</v>
      </c>
      <c r="KP23" s="220">
        <v>0</v>
      </c>
      <c r="KQ23" s="470">
        <v>0</v>
      </c>
      <c r="KR23" s="109">
        <v>423236</v>
      </c>
      <c r="KS23" s="109">
        <v>852033</v>
      </c>
      <c r="KT23" s="109">
        <v>1066846</v>
      </c>
      <c r="KU23" s="109">
        <v>0</v>
      </c>
      <c r="KV23" s="109">
        <v>232257</v>
      </c>
      <c r="KW23" s="110">
        <v>2574372</v>
      </c>
      <c r="KX23" s="292">
        <v>2574372</v>
      </c>
      <c r="KY23" s="129">
        <v>0</v>
      </c>
      <c r="KZ23" s="109">
        <v>0</v>
      </c>
      <c r="LA23" s="110">
        <v>0</v>
      </c>
      <c r="LB23" s="470">
        <v>0</v>
      </c>
      <c r="LC23" s="109">
        <v>0</v>
      </c>
      <c r="LD23" s="109">
        <v>0</v>
      </c>
      <c r="LE23" s="109">
        <v>0</v>
      </c>
      <c r="LF23" s="109">
        <v>0</v>
      </c>
      <c r="LG23" s="109">
        <v>0</v>
      </c>
      <c r="LH23" s="110">
        <v>0</v>
      </c>
      <c r="LI23" s="111">
        <v>0</v>
      </c>
      <c r="LJ23" s="129">
        <v>0</v>
      </c>
      <c r="LK23" s="109">
        <v>0</v>
      </c>
      <c r="LL23" s="110">
        <v>0</v>
      </c>
      <c r="LM23" s="470">
        <v>0</v>
      </c>
      <c r="LN23" s="109">
        <v>0</v>
      </c>
      <c r="LO23" s="109">
        <v>0</v>
      </c>
      <c r="LP23" s="109">
        <v>0</v>
      </c>
      <c r="LQ23" s="109">
        <v>249982</v>
      </c>
      <c r="LR23" s="109">
        <v>267341</v>
      </c>
      <c r="LS23" s="110">
        <v>517323</v>
      </c>
      <c r="LT23" s="292">
        <v>517323</v>
      </c>
      <c r="LU23" s="129">
        <v>0</v>
      </c>
      <c r="LV23" s="109">
        <v>0</v>
      </c>
      <c r="LW23" s="110">
        <v>0</v>
      </c>
      <c r="LX23" s="470">
        <v>0</v>
      </c>
      <c r="LY23" s="109">
        <v>0</v>
      </c>
      <c r="LZ23" s="109">
        <v>51923</v>
      </c>
      <c r="MA23" s="109">
        <v>676213</v>
      </c>
      <c r="MB23" s="109">
        <v>0</v>
      </c>
      <c r="MC23" s="109">
        <v>631460</v>
      </c>
      <c r="MD23" s="110">
        <v>1359596</v>
      </c>
      <c r="ME23" s="111">
        <v>1359596</v>
      </c>
      <c r="MF23" s="129">
        <v>0</v>
      </c>
      <c r="MG23" s="109">
        <v>0</v>
      </c>
      <c r="MH23" s="110">
        <v>0</v>
      </c>
      <c r="MI23" s="470">
        <v>0</v>
      </c>
      <c r="MJ23" s="109">
        <v>607204</v>
      </c>
      <c r="MK23" s="109">
        <v>198097</v>
      </c>
      <c r="ML23" s="109">
        <v>2431649</v>
      </c>
      <c r="MM23" s="109">
        <v>4011098</v>
      </c>
      <c r="MN23" s="109">
        <v>2679703</v>
      </c>
      <c r="MO23" s="110">
        <v>9927751</v>
      </c>
      <c r="MP23" s="130">
        <v>9927751</v>
      </c>
      <c r="MQ23" s="129">
        <v>0</v>
      </c>
      <c r="MR23" s="109">
        <v>0</v>
      </c>
      <c r="MS23" s="110">
        <v>0</v>
      </c>
      <c r="MT23" s="470">
        <v>0</v>
      </c>
      <c r="MU23" s="109">
        <v>0</v>
      </c>
      <c r="MV23" s="109">
        <v>198097</v>
      </c>
      <c r="MW23" s="109">
        <v>1464441</v>
      </c>
      <c r="MX23" s="109">
        <v>2327018</v>
      </c>
      <c r="MY23" s="109">
        <v>1964667</v>
      </c>
      <c r="MZ23" s="110">
        <v>5954223</v>
      </c>
      <c r="NA23" s="130">
        <v>5954223</v>
      </c>
      <c r="NB23" s="129">
        <v>0</v>
      </c>
      <c r="NC23" s="109">
        <v>0</v>
      </c>
      <c r="ND23" s="110">
        <v>0</v>
      </c>
      <c r="NE23" s="470">
        <v>0</v>
      </c>
      <c r="NF23" s="109">
        <v>607204</v>
      </c>
      <c r="NG23" s="109">
        <v>0</v>
      </c>
      <c r="NH23" s="109">
        <v>967208</v>
      </c>
      <c r="NI23" s="109">
        <v>1684080</v>
      </c>
      <c r="NJ23" s="109">
        <v>481733</v>
      </c>
      <c r="NK23" s="110">
        <v>3740225</v>
      </c>
      <c r="NL23" s="292">
        <v>3740225</v>
      </c>
      <c r="NM23" s="129">
        <v>0</v>
      </c>
      <c r="NN23" s="109">
        <v>0</v>
      </c>
      <c r="NO23" s="110">
        <v>0</v>
      </c>
      <c r="NP23" s="470">
        <v>0</v>
      </c>
      <c r="NQ23" s="109">
        <v>0</v>
      </c>
      <c r="NR23" s="109">
        <v>0</v>
      </c>
      <c r="NS23" s="109">
        <v>0</v>
      </c>
      <c r="NT23" s="109">
        <v>0</v>
      </c>
      <c r="NU23" s="109">
        <v>0</v>
      </c>
      <c r="NV23" s="110">
        <v>0</v>
      </c>
      <c r="NW23" s="111">
        <v>0</v>
      </c>
      <c r="NX23" s="129">
        <v>0</v>
      </c>
      <c r="NY23" s="109">
        <v>0</v>
      </c>
      <c r="NZ23" s="110">
        <v>0</v>
      </c>
      <c r="OA23" s="470">
        <v>0</v>
      </c>
      <c r="OB23" s="109">
        <v>0</v>
      </c>
      <c r="OC23" s="109">
        <v>0</v>
      </c>
      <c r="OD23" s="109">
        <v>0</v>
      </c>
      <c r="OE23" s="109">
        <v>0</v>
      </c>
      <c r="OF23" s="109">
        <v>233303</v>
      </c>
      <c r="OG23" s="110">
        <v>233303</v>
      </c>
      <c r="OH23" s="111">
        <v>233303</v>
      </c>
      <c r="OI23" s="129">
        <v>479933</v>
      </c>
      <c r="OJ23" s="109">
        <v>665376</v>
      </c>
      <c r="OK23" s="128">
        <v>1145309</v>
      </c>
      <c r="OL23" s="108">
        <v>0</v>
      </c>
      <c r="OM23" s="109">
        <v>7113665</v>
      </c>
      <c r="ON23" s="109">
        <v>9003397</v>
      </c>
      <c r="OO23" s="109">
        <v>11921526</v>
      </c>
      <c r="OP23" s="109">
        <v>11812547</v>
      </c>
      <c r="OQ23" s="109">
        <v>10192689</v>
      </c>
      <c r="OR23" s="110">
        <v>50043824</v>
      </c>
      <c r="OS23" s="130">
        <v>51189133</v>
      </c>
    </row>
    <row r="24" spans="2:409" ht="21" customHeight="1" x14ac:dyDescent="0.2">
      <c r="B24" s="437" t="s">
        <v>19</v>
      </c>
      <c r="C24" s="100">
        <v>212221</v>
      </c>
      <c r="D24" s="104">
        <v>372847</v>
      </c>
      <c r="E24" s="103">
        <v>585068</v>
      </c>
      <c r="F24" s="99">
        <v>0</v>
      </c>
      <c r="G24" s="104">
        <v>3054642</v>
      </c>
      <c r="H24" s="104">
        <v>3231179</v>
      </c>
      <c r="I24" s="104">
        <v>3225199</v>
      </c>
      <c r="J24" s="104">
        <v>1556486</v>
      </c>
      <c r="K24" s="104">
        <v>2088182</v>
      </c>
      <c r="L24" s="99">
        <v>13155688</v>
      </c>
      <c r="M24" s="106">
        <v>13740756</v>
      </c>
      <c r="N24" s="100">
        <v>96674</v>
      </c>
      <c r="O24" s="104">
        <v>142840</v>
      </c>
      <c r="P24" s="103">
        <v>239514</v>
      </c>
      <c r="Q24" s="100">
        <v>0</v>
      </c>
      <c r="R24" s="104">
        <v>1078059</v>
      </c>
      <c r="S24" s="104">
        <v>880909</v>
      </c>
      <c r="T24" s="104">
        <v>1232821</v>
      </c>
      <c r="U24" s="104">
        <v>425845</v>
      </c>
      <c r="V24" s="104">
        <v>631414</v>
      </c>
      <c r="W24" s="103">
        <v>4249048</v>
      </c>
      <c r="X24" s="106">
        <v>4488562</v>
      </c>
      <c r="Y24" s="100">
        <v>0</v>
      </c>
      <c r="Z24" s="104">
        <v>0</v>
      </c>
      <c r="AA24" s="103">
        <v>0</v>
      </c>
      <c r="AB24" s="100">
        <v>0</v>
      </c>
      <c r="AC24" s="104">
        <v>272082</v>
      </c>
      <c r="AD24" s="104">
        <v>375156</v>
      </c>
      <c r="AE24" s="104">
        <v>600848</v>
      </c>
      <c r="AF24" s="104">
        <v>34356</v>
      </c>
      <c r="AG24" s="104">
        <v>319259</v>
      </c>
      <c r="AH24" s="103">
        <v>1601701</v>
      </c>
      <c r="AI24" s="106">
        <v>1601701</v>
      </c>
      <c r="AJ24" s="100">
        <v>0</v>
      </c>
      <c r="AK24" s="104">
        <v>0</v>
      </c>
      <c r="AL24" s="103">
        <v>0</v>
      </c>
      <c r="AM24" s="100">
        <v>0</v>
      </c>
      <c r="AN24" s="104">
        <v>0</v>
      </c>
      <c r="AO24" s="104">
        <v>0</v>
      </c>
      <c r="AP24" s="104">
        <v>52598</v>
      </c>
      <c r="AQ24" s="104">
        <v>71744</v>
      </c>
      <c r="AR24" s="104">
        <v>63031</v>
      </c>
      <c r="AS24" s="103">
        <v>187373</v>
      </c>
      <c r="AT24" s="106">
        <v>187373</v>
      </c>
      <c r="AU24" s="100">
        <v>68121</v>
      </c>
      <c r="AV24" s="104">
        <v>134741</v>
      </c>
      <c r="AW24" s="103">
        <v>202862</v>
      </c>
      <c r="AX24" s="100">
        <v>0</v>
      </c>
      <c r="AY24" s="104">
        <v>604326</v>
      </c>
      <c r="AZ24" s="104">
        <v>314810</v>
      </c>
      <c r="BA24" s="104">
        <v>414693</v>
      </c>
      <c r="BB24" s="104">
        <v>138016</v>
      </c>
      <c r="BC24" s="104">
        <v>64345</v>
      </c>
      <c r="BD24" s="103">
        <v>1536190</v>
      </c>
      <c r="BE24" s="106">
        <v>1739052</v>
      </c>
      <c r="BF24" s="100">
        <v>0</v>
      </c>
      <c r="BG24" s="104">
        <v>0</v>
      </c>
      <c r="BH24" s="102">
        <v>0</v>
      </c>
      <c r="BI24" s="101">
        <v>0</v>
      </c>
      <c r="BJ24" s="104">
        <v>66460</v>
      </c>
      <c r="BK24" s="104">
        <v>0</v>
      </c>
      <c r="BL24" s="104">
        <v>0</v>
      </c>
      <c r="BM24" s="104">
        <v>55302</v>
      </c>
      <c r="BN24" s="104">
        <v>0</v>
      </c>
      <c r="BO24" s="103">
        <v>121762</v>
      </c>
      <c r="BP24" s="106">
        <v>121762</v>
      </c>
      <c r="BQ24" s="100">
        <v>28553</v>
      </c>
      <c r="BR24" s="104">
        <v>8099</v>
      </c>
      <c r="BS24" s="103">
        <v>36652</v>
      </c>
      <c r="BT24" s="100">
        <v>0</v>
      </c>
      <c r="BU24" s="104">
        <v>135191</v>
      </c>
      <c r="BV24" s="104">
        <v>190943</v>
      </c>
      <c r="BW24" s="104">
        <v>164682</v>
      </c>
      <c r="BX24" s="104">
        <v>126427</v>
      </c>
      <c r="BY24" s="104">
        <v>184779</v>
      </c>
      <c r="BZ24" s="103">
        <v>802022</v>
      </c>
      <c r="CA24" s="106">
        <v>838674</v>
      </c>
      <c r="CB24" s="100">
        <v>37632</v>
      </c>
      <c r="CC24" s="104">
        <v>34997</v>
      </c>
      <c r="CD24" s="103">
        <v>72629</v>
      </c>
      <c r="CE24" s="100">
        <v>0</v>
      </c>
      <c r="CF24" s="104">
        <v>1062923</v>
      </c>
      <c r="CG24" s="104">
        <v>984789</v>
      </c>
      <c r="CH24" s="104">
        <v>501772</v>
      </c>
      <c r="CI24" s="104">
        <v>131947</v>
      </c>
      <c r="CJ24" s="104">
        <v>642079</v>
      </c>
      <c r="CK24" s="103">
        <v>3323510</v>
      </c>
      <c r="CL24" s="106">
        <v>3396139</v>
      </c>
      <c r="CM24" s="100">
        <v>0</v>
      </c>
      <c r="CN24" s="104">
        <v>0</v>
      </c>
      <c r="CO24" s="103">
        <v>0</v>
      </c>
      <c r="CP24" s="101">
        <v>0</v>
      </c>
      <c r="CQ24" s="104">
        <v>616713</v>
      </c>
      <c r="CR24" s="104">
        <v>781292</v>
      </c>
      <c r="CS24" s="104">
        <v>176791</v>
      </c>
      <c r="CT24" s="104">
        <v>0</v>
      </c>
      <c r="CU24" s="104">
        <v>491338</v>
      </c>
      <c r="CV24" s="103">
        <v>2066134</v>
      </c>
      <c r="CW24" s="106">
        <v>2066134</v>
      </c>
      <c r="CX24" s="100">
        <v>37632</v>
      </c>
      <c r="CY24" s="104">
        <v>34997</v>
      </c>
      <c r="CZ24" s="103">
        <v>72629</v>
      </c>
      <c r="DA24" s="100">
        <v>0</v>
      </c>
      <c r="DB24" s="104">
        <v>446210</v>
      </c>
      <c r="DC24" s="104">
        <v>203497</v>
      </c>
      <c r="DD24" s="104">
        <v>324981</v>
      </c>
      <c r="DE24" s="104">
        <v>131947</v>
      </c>
      <c r="DF24" s="104">
        <v>150741</v>
      </c>
      <c r="DG24" s="103">
        <v>1257376</v>
      </c>
      <c r="DH24" s="106">
        <v>1330005</v>
      </c>
      <c r="DI24" s="100">
        <v>0</v>
      </c>
      <c r="DJ24" s="104">
        <v>16262</v>
      </c>
      <c r="DK24" s="102">
        <v>16262</v>
      </c>
      <c r="DL24" s="101">
        <v>0</v>
      </c>
      <c r="DM24" s="104">
        <v>68815</v>
      </c>
      <c r="DN24" s="104">
        <v>35182</v>
      </c>
      <c r="DO24" s="104">
        <v>309287</v>
      </c>
      <c r="DP24" s="104">
        <v>78877</v>
      </c>
      <c r="DQ24" s="104">
        <v>153481</v>
      </c>
      <c r="DR24" s="103">
        <v>645642</v>
      </c>
      <c r="DS24" s="106">
        <v>661904</v>
      </c>
      <c r="DT24" s="100">
        <v>0</v>
      </c>
      <c r="DU24" s="104">
        <v>16262</v>
      </c>
      <c r="DV24" s="103">
        <v>16262</v>
      </c>
      <c r="DW24" s="100">
        <v>0</v>
      </c>
      <c r="DX24" s="104">
        <v>51581</v>
      </c>
      <c r="DY24" s="104">
        <v>35182</v>
      </c>
      <c r="DZ24" s="104">
        <v>272442</v>
      </c>
      <c r="EA24" s="104">
        <v>0</v>
      </c>
      <c r="EB24" s="104">
        <v>153481</v>
      </c>
      <c r="EC24" s="103">
        <v>512686</v>
      </c>
      <c r="ED24" s="106">
        <v>528948</v>
      </c>
      <c r="EE24" s="100">
        <v>0</v>
      </c>
      <c r="EF24" s="102">
        <v>0</v>
      </c>
      <c r="EG24" s="103">
        <v>0</v>
      </c>
      <c r="EH24" s="100">
        <v>0</v>
      </c>
      <c r="EI24" s="104">
        <v>17234</v>
      </c>
      <c r="EJ24" s="104">
        <v>0</v>
      </c>
      <c r="EK24" s="104">
        <v>36845</v>
      </c>
      <c r="EL24" s="104">
        <v>78877</v>
      </c>
      <c r="EM24" s="104">
        <v>0</v>
      </c>
      <c r="EN24" s="102">
        <v>132956</v>
      </c>
      <c r="EO24" s="106">
        <v>132956</v>
      </c>
      <c r="EP24" s="100">
        <v>0</v>
      </c>
      <c r="EQ24" s="104">
        <v>0</v>
      </c>
      <c r="ER24" s="102">
        <v>0</v>
      </c>
      <c r="ES24" s="101">
        <v>0</v>
      </c>
      <c r="ET24" s="104">
        <v>0</v>
      </c>
      <c r="EU24" s="104">
        <v>0</v>
      </c>
      <c r="EV24" s="104">
        <v>0</v>
      </c>
      <c r="EW24" s="104">
        <v>0</v>
      </c>
      <c r="EX24" s="104">
        <v>0</v>
      </c>
      <c r="EY24" s="103">
        <v>0</v>
      </c>
      <c r="EZ24" s="106">
        <v>0</v>
      </c>
      <c r="FA24" s="100">
        <v>0</v>
      </c>
      <c r="FB24" s="104">
        <v>0</v>
      </c>
      <c r="FC24" s="102">
        <v>0</v>
      </c>
      <c r="FD24" s="470">
        <v>0</v>
      </c>
      <c r="FE24" s="104">
        <v>0</v>
      </c>
      <c r="FF24" s="104">
        <v>0</v>
      </c>
      <c r="FG24" s="104">
        <v>0</v>
      </c>
      <c r="FH24" s="104">
        <v>0</v>
      </c>
      <c r="FI24" s="104">
        <v>0</v>
      </c>
      <c r="FJ24" s="103">
        <v>0</v>
      </c>
      <c r="FK24" s="106">
        <v>0</v>
      </c>
      <c r="FL24" s="100">
        <v>30520</v>
      </c>
      <c r="FM24" s="104">
        <v>95365</v>
      </c>
      <c r="FN24" s="103">
        <v>125885</v>
      </c>
      <c r="FO24" s="100">
        <v>0</v>
      </c>
      <c r="FP24" s="104">
        <v>140070</v>
      </c>
      <c r="FQ24" s="104">
        <v>229467</v>
      </c>
      <c r="FR24" s="104">
        <v>303338</v>
      </c>
      <c r="FS24" s="104">
        <v>133693</v>
      </c>
      <c r="FT24" s="104">
        <v>185409</v>
      </c>
      <c r="FU24" s="103">
        <v>991977</v>
      </c>
      <c r="FV24" s="106">
        <v>1117862</v>
      </c>
      <c r="FW24" s="105">
        <v>30520</v>
      </c>
      <c r="FX24" s="104">
        <v>66780</v>
      </c>
      <c r="FY24" s="102">
        <v>97300</v>
      </c>
      <c r="FZ24" s="101">
        <v>0</v>
      </c>
      <c r="GA24" s="104">
        <v>140070</v>
      </c>
      <c r="GB24" s="104">
        <v>229467</v>
      </c>
      <c r="GC24" s="104">
        <v>293090</v>
      </c>
      <c r="GD24" s="104">
        <v>133693</v>
      </c>
      <c r="GE24" s="104">
        <v>185409</v>
      </c>
      <c r="GF24" s="103">
        <v>981729</v>
      </c>
      <c r="GG24" s="290">
        <v>1079029</v>
      </c>
      <c r="GH24" s="105">
        <v>0</v>
      </c>
      <c r="GI24" s="104">
        <v>0</v>
      </c>
      <c r="GJ24" s="102">
        <v>0</v>
      </c>
      <c r="GK24" s="101">
        <v>0</v>
      </c>
      <c r="GL24" s="104">
        <v>0</v>
      </c>
      <c r="GM24" s="104">
        <v>0</v>
      </c>
      <c r="GN24" s="104">
        <v>10248</v>
      </c>
      <c r="GO24" s="104">
        <v>0</v>
      </c>
      <c r="GP24" s="104">
        <v>0</v>
      </c>
      <c r="GQ24" s="103">
        <v>10248</v>
      </c>
      <c r="GR24" s="106">
        <v>10248</v>
      </c>
      <c r="GS24" s="100">
        <v>0</v>
      </c>
      <c r="GT24" s="104">
        <v>28585</v>
      </c>
      <c r="GU24" s="103">
        <v>28585</v>
      </c>
      <c r="GV24" s="100">
        <v>0</v>
      </c>
      <c r="GW24" s="104">
        <v>0</v>
      </c>
      <c r="GX24" s="104">
        <v>0</v>
      </c>
      <c r="GY24" s="104">
        <v>0</v>
      </c>
      <c r="GZ24" s="104">
        <v>0</v>
      </c>
      <c r="HA24" s="104">
        <v>0</v>
      </c>
      <c r="HB24" s="102">
        <v>0</v>
      </c>
      <c r="HC24" s="106">
        <v>28585</v>
      </c>
      <c r="HD24" s="100">
        <v>47395</v>
      </c>
      <c r="HE24" s="104">
        <v>83383</v>
      </c>
      <c r="HF24" s="102">
        <v>130778</v>
      </c>
      <c r="HG24" s="101">
        <v>0</v>
      </c>
      <c r="HH24" s="104">
        <v>704775</v>
      </c>
      <c r="HI24" s="104">
        <v>1100832</v>
      </c>
      <c r="HJ24" s="104">
        <v>877981</v>
      </c>
      <c r="HK24" s="104">
        <v>786124</v>
      </c>
      <c r="HL24" s="104">
        <v>475799</v>
      </c>
      <c r="HM24" s="103">
        <v>3945511</v>
      </c>
      <c r="HN24" s="99">
        <v>4076289</v>
      </c>
      <c r="HO24" s="456">
        <v>0</v>
      </c>
      <c r="HP24" s="457">
        <v>0</v>
      </c>
      <c r="HQ24" s="458">
        <v>0</v>
      </c>
      <c r="HR24" s="459">
        <v>0</v>
      </c>
      <c r="HS24" s="457">
        <v>0</v>
      </c>
      <c r="HT24" s="457">
        <v>0</v>
      </c>
      <c r="HU24" s="457">
        <v>0</v>
      </c>
      <c r="HV24" s="457">
        <v>0</v>
      </c>
      <c r="HW24" s="457">
        <v>0</v>
      </c>
      <c r="HX24" s="460">
        <v>0</v>
      </c>
      <c r="HY24" s="461">
        <v>0</v>
      </c>
      <c r="HZ24" s="135">
        <v>0</v>
      </c>
      <c r="IA24" s="122">
        <v>0</v>
      </c>
      <c r="IB24" s="135">
        <v>0</v>
      </c>
      <c r="IC24" s="121">
        <v>0</v>
      </c>
      <c r="ID24" s="122">
        <v>392916</v>
      </c>
      <c r="IE24" s="123">
        <v>778515</v>
      </c>
      <c r="IF24" s="124">
        <v>475824</v>
      </c>
      <c r="IG24" s="122">
        <v>707100</v>
      </c>
      <c r="IH24" s="124">
        <v>1506294</v>
      </c>
      <c r="II24" s="125">
        <v>3860649</v>
      </c>
      <c r="IJ24" s="135">
        <v>3860649</v>
      </c>
      <c r="IK24" s="215">
        <v>0</v>
      </c>
      <c r="IL24" s="219">
        <v>0</v>
      </c>
      <c r="IM24" s="220">
        <v>0</v>
      </c>
      <c r="IN24" s="470">
        <v>0</v>
      </c>
      <c r="IO24" s="109">
        <v>0</v>
      </c>
      <c r="IP24" s="109">
        <v>182732</v>
      </c>
      <c r="IQ24" s="109">
        <v>0</v>
      </c>
      <c r="IR24" s="109">
        <v>178209</v>
      </c>
      <c r="IS24" s="109">
        <v>185159</v>
      </c>
      <c r="IT24" s="128">
        <v>546100</v>
      </c>
      <c r="IU24" s="292">
        <v>546100</v>
      </c>
      <c r="IV24" s="129">
        <v>0</v>
      </c>
      <c r="IW24" s="109">
        <v>0</v>
      </c>
      <c r="IX24" s="110">
        <v>0</v>
      </c>
      <c r="IY24" s="470">
        <v>0</v>
      </c>
      <c r="IZ24" s="109">
        <v>0</v>
      </c>
      <c r="JA24" s="109">
        <v>0</v>
      </c>
      <c r="JB24" s="109">
        <v>0</v>
      </c>
      <c r="JC24" s="109">
        <v>0</v>
      </c>
      <c r="JD24" s="109">
        <v>0</v>
      </c>
      <c r="JE24" s="110">
        <v>0</v>
      </c>
      <c r="JF24" s="111">
        <v>0</v>
      </c>
      <c r="JG24" s="129">
        <v>0</v>
      </c>
      <c r="JH24" s="109">
        <v>0</v>
      </c>
      <c r="JI24" s="128">
        <v>0</v>
      </c>
      <c r="JJ24" s="108">
        <v>0</v>
      </c>
      <c r="JK24" s="109">
        <v>245063</v>
      </c>
      <c r="JL24" s="109">
        <v>329649</v>
      </c>
      <c r="JM24" s="109">
        <v>50841</v>
      </c>
      <c r="JN24" s="109">
        <v>124003</v>
      </c>
      <c r="JO24" s="109">
        <v>0</v>
      </c>
      <c r="JP24" s="110">
        <v>749556</v>
      </c>
      <c r="JQ24" s="292">
        <v>749556</v>
      </c>
      <c r="JR24" s="129">
        <v>0</v>
      </c>
      <c r="JS24" s="109">
        <v>0</v>
      </c>
      <c r="JT24" s="128">
        <v>0</v>
      </c>
      <c r="JU24" s="108">
        <v>0</v>
      </c>
      <c r="JV24" s="109">
        <v>35026</v>
      </c>
      <c r="JW24" s="109">
        <v>88988</v>
      </c>
      <c r="JX24" s="109">
        <v>0</v>
      </c>
      <c r="JY24" s="109">
        <v>0</v>
      </c>
      <c r="JZ24" s="109">
        <v>0</v>
      </c>
      <c r="KA24" s="110">
        <v>124014</v>
      </c>
      <c r="KB24" s="292">
        <v>124014</v>
      </c>
      <c r="KC24" s="217">
        <v>0</v>
      </c>
      <c r="KD24" s="213">
        <v>0</v>
      </c>
      <c r="KE24" s="110">
        <v>0</v>
      </c>
      <c r="KF24" s="108">
        <v>0</v>
      </c>
      <c r="KG24" s="109">
        <v>112827</v>
      </c>
      <c r="KH24" s="109">
        <v>177146</v>
      </c>
      <c r="KI24" s="109">
        <v>424983</v>
      </c>
      <c r="KJ24" s="109">
        <v>0</v>
      </c>
      <c r="KK24" s="109">
        <v>0</v>
      </c>
      <c r="KL24" s="110">
        <v>714956</v>
      </c>
      <c r="KM24" s="130">
        <v>714956</v>
      </c>
      <c r="KN24" s="215">
        <v>0</v>
      </c>
      <c r="KO24" s="219">
        <v>0</v>
      </c>
      <c r="KP24" s="220">
        <v>0</v>
      </c>
      <c r="KQ24" s="470">
        <v>0</v>
      </c>
      <c r="KR24" s="109">
        <v>0</v>
      </c>
      <c r="KS24" s="109">
        <v>0</v>
      </c>
      <c r="KT24" s="109">
        <v>0</v>
      </c>
      <c r="KU24" s="109">
        <v>0</v>
      </c>
      <c r="KV24" s="109">
        <v>472365</v>
      </c>
      <c r="KW24" s="110">
        <v>472365</v>
      </c>
      <c r="KX24" s="292">
        <v>472365</v>
      </c>
      <c r="KY24" s="129">
        <v>0</v>
      </c>
      <c r="KZ24" s="109">
        <v>0</v>
      </c>
      <c r="LA24" s="110">
        <v>0</v>
      </c>
      <c r="LB24" s="470">
        <v>0</v>
      </c>
      <c r="LC24" s="109">
        <v>0</v>
      </c>
      <c r="LD24" s="109">
        <v>0</v>
      </c>
      <c r="LE24" s="109">
        <v>0</v>
      </c>
      <c r="LF24" s="109">
        <v>0</v>
      </c>
      <c r="LG24" s="109">
        <v>0</v>
      </c>
      <c r="LH24" s="110">
        <v>0</v>
      </c>
      <c r="LI24" s="111">
        <v>0</v>
      </c>
      <c r="LJ24" s="129">
        <v>0</v>
      </c>
      <c r="LK24" s="109">
        <v>0</v>
      </c>
      <c r="LL24" s="110">
        <v>0</v>
      </c>
      <c r="LM24" s="470">
        <v>0</v>
      </c>
      <c r="LN24" s="109">
        <v>0</v>
      </c>
      <c r="LO24" s="109">
        <v>0</v>
      </c>
      <c r="LP24" s="109">
        <v>0</v>
      </c>
      <c r="LQ24" s="109">
        <v>0</v>
      </c>
      <c r="LR24" s="109">
        <v>0</v>
      </c>
      <c r="LS24" s="110">
        <v>0</v>
      </c>
      <c r="LT24" s="292">
        <v>0</v>
      </c>
      <c r="LU24" s="129">
        <v>0</v>
      </c>
      <c r="LV24" s="109">
        <v>0</v>
      </c>
      <c r="LW24" s="110">
        <v>0</v>
      </c>
      <c r="LX24" s="470">
        <v>0</v>
      </c>
      <c r="LY24" s="109">
        <v>0</v>
      </c>
      <c r="LZ24" s="109">
        <v>0</v>
      </c>
      <c r="MA24" s="109">
        <v>0</v>
      </c>
      <c r="MB24" s="109">
        <v>404888</v>
      </c>
      <c r="MC24" s="109">
        <v>848770</v>
      </c>
      <c r="MD24" s="110">
        <v>1253658</v>
      </c>
      <c r="ME24" s="111">
        <v>1253658</v>
      </c>
      <c r="MF24" s="129">
        <v>0</v>
      </c>
      <c r="MG24" s="109">
        <v>0</v>
      </c>
      <c r="MH24" s="110">
        <v>0</v>
      </c>
      <c r="MI24" s="470">
        <v>0</v>
      </c>
      <c r="MJ24" s="109">
        <v>103360</v>
      </c>
      <c r="MK24" s="109">
        <v>841285</v>
      </c>
      <c r="ML24" s="109">
        <v>920179</v>
      </c>
      <c r="MM24" s="109">
        <v>687586</v>
      </c>
      <c r="MN24" s="109">
        <v>1089089</v>
      </c>
      <c r="MO24" s="110">
        <v>3641499</v>
      </c>
      <c r="MP24" s="130">
        <v>3641499</v>
      </c>
      <c r="MQ24" s="129">
        <v>0</v>
      </c>
      <c r="MR24" s="109">
        <v>0</v>
      </c>
      <c r="MS24" s="110">
        <v>0</v>
      </c>
      <c r="MT24" s="470">
        <v>0</v>
      </c>
      <c r="MU24" s="109">
        <v>0</v>
      </c>
      <c r="MV24" s="109">
        <v>0</v>
      </c>
      <c r="MW24" s="109">
        <v>461471</v>
      </c>
      <c r="MX24" s="109">
        <v>446265</v>
      </c>
      <c r="MY24" s="109">
        <v>743700</v>
      </c>
      <c r="MZ24" s="110">
        <v>1651436</v>
      </c>
      <c r="NA24" s="130">
        <v>1651436</v>
      </c>
      <c r="NB24" s="129">
        <v>0</v>
      </c>
      <c r="NC24" s="109">
        <v>0</v>
      </c>
      <c r="ND24" s="110">
        <v>0</v>
      </c>
      <c r="NE24" s="470">
        <v>0</v>
      </c>
      <c r="NF24" s="109">
        <v>103360</v>
      </c>
      <c r="NG24" s="109">
        <v>841285</v>
      </c>
      <c r="NH24" s="109">
        <v>458708</v>
      </c>
      <c r="NI24" s="109">
        <v>241321</v>
      </c>
      <c r="NJ24" s="109">
        <v>0</v>
      </c>
      <c r="NK24" s="110">
        <v>1644674</v>
      </c>
      <c r="NL24" s="292">
        <v>1644674</v>
      </c>
      <c r="NM24" s="129">
        <v>0</v>
      </c>
      <c r="NN24" s="109">
        <v>0</v>
      </c>
      <c r="NO24" s="110">
        <v>0</v>
      </c>
      <c r="NP24" s="470">
        <v>0</v>
      </c>
      <c r="NQ24" s="109">
        <v>0</v>
      </c>
      <c r="NR24" s="109">
        <v>0</v>
      </c>
      <c r="NS24" s="109">
        <v>0</v>
      </c>
      <c r="NT24" s="109">
        <v>0</v>
      </c>
      <c r="NU24" s="109">
        <v>0</v>
      </c>
      <c r="NV24" s="110">
        <v>0</v>
      </c>
      <c r="NW24" s="111">
        <v>0</v>
      </c>
      <c r="NX24" s="129">
        <v>0</v>
      </c>
      <c r="NY24" s="109">
        <v>0</v>
      </c>
      <c r="NZ24" s="110">
        <v>0</v>
      </c>
      <c r="OA24" s="470">
        <v>0</v>
      </c>
      <c r="OB24" s="109">
        <v>0</v>
      </c>
      <c r="OC24" s="109">
        <v>0</v>
      </c>
      <c r="OD24" s="109">
        <v>0</v>
      </c>
      <c r="OE24" s="109">
        <v>0</v>
      </c>
      <c r="OF24" s="109">
        <v>345389</v>
      </c>
      <c r="OG24" s="110">
        <v>345389</v>
      </c>
      <c r="OH24" s="111">
        <v>345389</v>
      </c>
      <c r="OI24" s="129">
        <v>212221</v>
      </c>
      <c r="OJ24" s="109">
        <v>372847</v>
      </c>
      <c r="OK24" s="128">
        <v>585068</v>
      </c>
      <c r="OL24" s="108">
        <v>0</v>
      </c>
      <c r="OM24" s="109">
        <v>3550918</v>
      </c>
      <c r="ON24" s="109">
        <v>4850979</v>
      </c>
      <c r="OO24" s="109">
        <v>4621202</v>
      </c>
      <c r="OP24" s="109">
        <v>2951172</v>
      </c>
      <c r="OQ24" s="109">
        <v>4683565</v>
      </c>
      <c r="OR24" s="110">
        <v>20657836</v>
      </c>
      <c r="OS24" s="130">
        <v>21242904</v>
      </c>
    </row>
    <row r="25" spans="2:409" ht="21" customHeight="1" x14ac:dyDescent="0.2">
      <c r="B25" s="437" t="s">
        <v>20</v>
      </c>
      <c r="C25" s="100">
        <v>246924</v>
      </c>
      <c r="D25" s="104">
        <v>520849</v>
      </c>
      <c r="E25" s="103">
        <v>767773</v>
      </c>
      <c r="F25" s="100">
        <v>0</v>
      </c>
      <c r="G25" s="104">
        <v>2818020</v>
      </c>
      <c r="H25" s="104">
        <v>3411520</v>
      </c>
      <c r="I25" s="104">
        <v>3094694</v>
      </c>
      <c r="J25" s="104">
        <v>3064929</v>
      </c>
      <c r="K25" s="104">
        <v>2816751</v>
      </c>
      <c r="L25" s="156">
        <v>15205914</v>
      </c>
      <c r="M25" s="106">
        <v>15973687</v>
      </c>
      <c r="N25" s="100">
        <v>105981</v>
      </c>
      <c r="O25" s="104">
        <v>157502</v>
      </c>
      <c r="P25" s="103">
        <v>263483</v>
      </c>
      <c r="Q25" s="100">
        <v>0</v>
      </c>
      <c r="R25" s="104">
        <v>1043559</v>
      </c>
      <c r="S25" s="104">
        <v>1152573</v>
      </c>
      <c r="T25" s="104">
        <v>918456</v>
      </c>
      <c r="U25" s="104">
        <v>998986</v>
      </c>
      <c r="V25" s="104">
        <v>1550976</v>
      </c>
      <c r="W25" s="103">
        <v>5664550</v>
      </c>
      <c r="X25" s="106">
        <v>5928033</v>
      </c>
      <c r="Y25" s="100">
        <v>0</v>
      </c>
      <c r="Z25" s="104">
        <v>0</v>
      </c>
      <c r="AA25" s="103">
        <v>0</v>
      </c>
      <c r="AB25" s="100">
        <v>0</v>
      </c>
      <c r="AC25" s="104">
        <v>300684</v>
      </c>
      <c r="AD25" s="104">
        <v>554579</v>
      </c>
      <c r="AE25" s="104">
        <v>417502</v>
      </c>
      <c r="AF25" s="104">
        <v>469551</v>
      </c>
      <c r="AG25" s="104">
        <v>964946</v>
      </c>
      <c r="AH25" s="103">
        <v>2707262</v>
      </c>
      <c r="AI25" s="106">
        <v>2707262</v>
      </c>
      <c r="AJ25" s="100">
        <v>0</v>
      </c>
      <c r="AK25" s="104">
        <v>0</v>
      </c>
      <c r="AL25" s="103">
        <v>0</v>
      </c>
      <c r="AM25" s="100">
        <v>0</v>
      </c>
      <c r="AN25" s="104">
        <v>41452</v>
      </c>
      <c r="AO25" s="104">
        <v>0</v>
      </c>
      <c r="AP25" s="104">
        <v>0</v>
      </c>
      <c r="AQ25" s="104">
        <v>164680</v>
      </c>
      <c r="AR25" s="104">
        <v>246485</v>
      </c>
      <c r="AS25" s="103">
        <v>452617</v>
      </c>
      <c r="AT25" s="106">
        <v>452617</v>
      </c>
      <c r="AU25" s="100">
        <v>77904</v>
      </c>
      <c r="AV25" s="104">
        <v>86598</v>
      </c>
      <c r="AW25" s="103">
        <v>164502</v>
      </c>
      <c r="AX25" s="100">
        <v>0</v>
      </c>
      <c r="AY25" s="104">
        <v>533454</v>
      </c>
      <c r="AZ25" s="104">
        <v>367399</v>
      </c>
      <c r="BA25" s="104">
        <v>255446</v>
      </c>
      <c r="BB25" s="104">
        <v>163373</v>
      </c>
      <c r="BC25" s="104">
        <v>175581</v>
      </c>
      <c r="BD25" s="103">
        <v>1495253</v>
      </c>
      <c r="BE25" s="106">
        <v>1659755</v>
      </c>
      <c r="BF25" s="100">
        <v>0</v>
      </c>
      <c r="BG25" s="104">
        <v>64646</v>
      </c>
      <c r="BH25" s="102">
        <v>64646</v>
      </c>
      <c r="BI25" s="101">
        <v>0</v>
      </c>
      <c r="BJ25" s="104">
        <v>66028</v>
      </c>
      <c r="BK25" s="104">
        <v>75342</v>
      </c>
      <c r="BL25" s="104">
        <v>107727</v>
      </c>
      <c r="BM25" s="104">
        <v>70573</v>
      </c>
      <c r="BN25" s="104">
        <v>12155</v>
      </c>
      <c r="BO25" s="103">
        <v>331825</v>
      </c>
      <c r="BP25" s="106">
        <v>396471</v>
      </c>
      <c r="BQ25" s="100">
        <v>28077</v>
      </c>
      <c r="BR25" s="104">
        <v>6258</v>
      </c>
      <c r="BS25" s="103">
        <v>34335</v>
      </c>
      <c r="BT25" s="100">
        <v>0</v>
      </c>
      <c r="BU25" s="104">
        <v>101941</v>
      </c>
      <c r="BV25" s="104">
        <v>155253</v>
      </c>
      <c r="BW25" s="104">
        <v>137781</v>
      </c>
      <c r="BX25" s="104">
        <v>130809</v>
      </c>
      <c r="BY25" s="104">
        <v>151809</v>
      </c>
      <c r="BZ25" s="103">
        <v>677593</v>
      </c>
      <c r="CA25" s="106">
        <v>711928</v>
      </c>
      <c r="CB25" s="100">
        <v>0</v>
      </c>
      <c r="CC25" s="104">
        <v>103502</v>
      </c>
      <c r="CD25" s="103">
        <v>103502</v>
      </c>
      <c r="CE25" s="100">
        <v>0</v>
      </c>
      <c r="CF25" s="104">
        <v>850050</v>
      </c>
      <c r="CG25" s="104">
        <v>1304172</v>
      </c>
      <c r="CH25" s="104">
        <v>939265</v>
      </c>
      <c r="CI25" s="104">
        <v>556091</v>
      </c>
      <c r="CJ25" s="104">
        <v>430335</v>
      </c>
      <c r="CK25" s="103">
        <v>4079913</v>
      </c>
      <c r="CL25" s="106">
        <v>4183415</v>
      </c>
      <c r="CM25" s="100">
        <v>0</v>
      </c>
      <c r="CN25" s="104">
        <v>0</v>
      </c>
      <c r="CO25" s="103">
        <v>0</v>
      </c>
      <c r="CP25" s="101">
        <v>0</v>
      </c>
      <c r="CQ25" s="104">
        <v>750420</v>
      </c>
      <c r="CR25" s="104">
        <v>865406</v>
      </c>
      <c r="CS25" s="104">
        <v>721264</v>
      </c>
      <c r="CT25" s="104">
        <v>411403</v>
      </c>
      <c r="CU25" s="104">
        <v>270292</v>
      </c>
      <c r="CV25" s="103">
        <v>3018785</v>
      </c>
      <c r="CW25" s="106">
        <v>3018785</v>
      </c>
      <c r="CX25" s="100">
        <v>0</v>
      </c>
      <c r="CY25" s="104">
        <v>103502</v>
      </c>
      <c r="CZ25" s="103">
        <v>103502</v>
      </c>
      <c r="DA25" s="100">
        <v>0</v>
      </c>
      <c r="DB25" s="104">
        <v>99630</v>
      </c>
      <c r="DC25" s="104">
        <v>438766</v>
      </c>
      <c r="DD25" s="104">
        <v>218001</v>
      </c>
      <c r="DE25" s="104">
        <v>144688</v>
      </c>
      <c r="DF25" s="104">
        <v>160043</v>
      </c>
      <c r="DG25" s="103">
        <v>1061128</v>
      </c>
      <c r="DH25" s="106">
        <v>1164630</v>
      </c>
      <c r="DI25" s="100">
        <v>0</v>
      </c>
      <c r="DJ25" s="104">
        <v>0</v>
      </c>
      <c r="DK25" s="102">
        <v>0</v>
      </c>
      <c r="DL25" s="101">
        <v>0</v>
      </c>
      <c r="DM25" s="104">
        <v>179533</v>
      </c>
      <c r="DN25" s="104">
        <v>144520</v>
      </c>
      <c r="DO25" s="104">
        <v>283757</v>
      </c>
      <c r="DP25" s="104">
        <v>176183</v>
      </c>
      <c r="DQ25" s="104">
        <v>120741</v>
      </c>
      <c r="DR25" s="103">
        <v>904734</v>
      </c>
      <c r="DS25" s="106">
        <v>904734</v>
      </c>
      <c r="DT25" s="100">
        <v>0</v>
      </c>
      <c r="DU25" s="104">
        <v>0</v>
      </c>
      <c r="DV25" s="103">
        <v>0</v>
      </c>
      <c r="DW25" s="100">
        <v>0</v>
      </c>
      <c r="DX25" s="104">
        <v>179533</v>
      </c>
      <c r="DY25" s="104">
        <v>118144</v>
      </c>
      <c r="DZ25" s="104">
        <v>255898</v>
      </c>
      <c r="EA25" s="104">
        <v>131665</v>
      </c>
      <c r="EB25" s="104">
        <v>120741</v>
      </c>
      <c r="EC25" s="103">
        <v>805981</v>
      </c>
      <c r="ED25" s="106">
        <v>805981</v>
      </c>
      <c r="EE25" s="100">
        <v>0</v>
      </c>
      <c r="EF25" s="102">
        <v>0</v>
      </c>
      <c r="EG25" s="103">
        <v>0</v>
      </c>
      <c r="EH25" s="100">
        <v>0</v>
      </c>
      <c r="EI25" s="104">
        <v>0</v>
      </c>
      <c r="EJ25" s="104">
        <v>26376</v>
      </c>
      <c r="EK25" s="104">
        <v>27859</v>
      </c>
      <c r="EL25" s="104">
        <v>44518</v>
      </c>
      <c r="EM25" s="104">
        <v>0</v>
      </c>
      <c r="EN25" s="102">
        <v>98753</v>
      </c>
      <c r="EO25" s="106">
        <v>98753</v>
      </c>
      <c r="EP25" s="100">
        <v>0</v>
      </c>
      <c r="EQ25" s="104">
        <v>0</v>
      </c>
      <c r="ER25" s="102">
        <v>0</v>
      </c>
      <c r="ES25" s="101">
        <v>0</v>
      </c>
      <c r="ET25" s="104">
        <v>0</v>
      </c>
      <c r="EU25" s="104">
        <v>0</v>
      </c>
      <c r="EV25" s="104">
        <v>0</v>
      </c>
      <c r="EW25" s="104">
        <v>0</v>
      </c>
      <c r="EX25" s="104">
        <v>0</v>
      </c>
      <c r="EY25" s="103">
        <v>0</v>
      </c>
      <c r="EZ25" s="106">
        <v>0</v>
      </c>
      <c r="FA25" s="100">
        <v>0</v>
      </c>
      <c r="FB25" s="104">
        <v>0</v>
      </c>
      <c r="FC25" s="102">
        <v>0</v>
      </c>
      <c r="FD25" s="470">
        <v>0</v>
      </c>
      <c r="FE25" s="104">
        <v>0</v>
      </c>
      <c r="FF25" s="104">
        <v>0</v>
      </c>
      <c r="FG25" s="104">
        <v>0</v>
      </c>
      <c r="FH25" s="104">
        <v>0</v>
      </c>
      <c r="FI25" s="104">
        <v>0</v>
      </c>
      <c r="FJ25" s="103">
        <v>0</v>
      </c>
      <c r="FK25" s="106">
        <v>0</v>
      </c>
      <c r="FL25" s="100">
        <v>38535</v>
      </c>
      <c r="FM25" s="104">
        <v>180544</v>
      </c>
      <c r="FN25" s="103">
        <v>219079</v>
      </c>
      <c r="FO25" s="100">
        <v>0</v>
      </c>
      <c r="FP25" s="104">
        <v>183477</v>
      </c>
      <c r="FQ25" s="104">
        <v>285887</v>
      </c>
      <c r="FR25" s="104">
        <v>315196</v>
      </c>
      <c r="FS25" s="104">
        <v>313180</v>
      </c>
      <c r="FT25" s="104">
        <v>191135</v>
      </c>
      <c r="FU25" s="103">
        <v>1288875</v>
      </c>
      <c r="FV25" s="106">
        <v>1507954</v>
      </c>
      <c r="FW25" s="105">
        <v>38535</v>
      </c>
      <c r="FX25" s="104">
        <v>121044</v>
      </c>
      <c r="FY25" s="102">
        <v>159579</v>
      </c>
      <c r="FZ25" s="101">
        <v>0</v>
      </c>
      <c r="GA25" s="104">
        <v>183477</v>
      </c>
      <c r="GB25" s="104">
        <v>285887</v>
      </c>
      <c r="GC25" s="104">
        <v>283346</v>
      </c>
      <c r="GD25" s="104">
        <v>301280</v>
      </c>
      <c r="GE25" s="104">
        <v>191135</v>
      </c>
      <c r="GF25" s="103">
        <v>1245125</v>
      </c>
      <c r="GG25" s="290">
        <v>1404704</v>
      </c>
      <c r="GH25" s="105">
        <v>0</v>
      </c>
      <c r="GI25" s="104">
        <v>0</v>
      </c>
      <c r="GJ25" s="102">
        <v>0</v>
      </c>
      <c r="GK25" s="101">
        <v>0</v>
      </c>
      <c r="GL25" s="104">
        <v>0</v>
      </c>
      <c r="GM25" s="104">
        <v>0</v>
      </c>
      <c r="GN25" s="104">
        <v>31850</v>
      </c>
      <c r="GO25" s="104">
        <v>0</v>
      </c>
      <c r="GP25" s="104">
        <v>0</v>
      </c>
      <c r="GQ25" s="103">
        <v>31850</v>
      </c>
      <c r="GR25" s="106">
        <v>31850</v>
      </c>
      <c r="GS25" s="100">
        <v>0</v>
      </c>
      <c r="GT25" s="104">
        <v>59500</v>
      </c>
      <c r="GU25" s="103">
        <v>59500</v>
      </c>
      <c r="GV25" s="100">
        <v>0</v>
      </c>
      <c r="GW25" s="104">
        <v>0</v>
      </c>
      <c r="GX25" s="104">
        <v>0</v>
      </c>
      <c r="GY25" s="104">
        <v>0</v>
      </c>
      <c r="GZ25" s="104">
        <v>11900</v>
      </c>
      <c r="HA25" s="104">
        <v>0</v>
      </c>
      <c r="HB25" s="102">
        <v>11900</v>
      </c>
      <c r="HC25" s="106">
        <v>71400</v>
      </c>
      <c r="HD25" s="100">
        <v>102408</v>
      </c>
      <c r="HE25" s="104">
        <v>79301</v>
      </c>
      <c r="HF25" s="102">
        <v>181709</v>
      </c>
      <c r="HG25" s="101">
        <v>0</v>
      </c>
      <c r="HH25" s="104">
        <v>561401</v>
      </c>
      <c r="HI25" s="104">
        <v>524368</v>
      </c>
      <c r="HJ25" s="104">
        <v>638020</v>
      </c>
      <c r="HK25" s="104">
        <v>1020489</v>
      </c>
      <c r="HL25" s="104">
        <v>523564</v>
      </c>
      <c r="HM25" s="103">
        <v>3267842</v>
      </c>
      <c r="HN25" s="99">
        <v>3449551</v>
      </c>
      <c r="HO25" s="456">
        <v>0</v>
      </c>
      <c r="HP25" s="457">
        <v>0</v>
      </c>
      <c r="HQ25" s="458">
        <v>0</v>
      </c>
      <c r="HR25" s="459">
        <v>0</v>
      </c>
      <c r="HS25" s="457">
        <v>0</v>
      </c>
      <c r="HT25" s="457">
        <v>0</v>
      </c>
      <c r="HU25" s="457">
        <v>0</v>
      </c>
      <c r="HV25" s="457">
        <v>0</v>
      </c>
      <c r="HW25" s="457">
        <v>0</v>
      </c>
      <c r="HX25" s="460">
        <v>0</v>
      </c>
      <c r="HY25" s="461">
        <v>0</v>
      </c>
      <c r="HZ25" s="118">
        <v>0</v>
      </c>
      <c r="IA25" s="119">
        <v>65135</v>
      </c>
      <c r="IB25" s="120">
        <v>65135</v>
      </c>
      <c r="IC25" s="131">
        <v>0</v>
      </c>
      <c r="ID25" s="119">
        <v>343268</v>
      </c>
      <c r="IE25" s="132">
        <v>398494</v>
      </c>
      <c r="IF25" s="120">
        <v>1016072</v>
      </c>
      <c r="IG25" s="119">
        <v>0</v>
      </c>
      <c r="IH25" s="120">
        <v>206480</v>
      </c>
      <c r="II25" s="133">
        <v>1964314</v>
      </c>
      <c r="IJ25" s="126">
        <v>2029449</v>
      </c>
      <c r="IK25" s="215">
        <v>0</v>
      </c>
      <c r="IL25" s="219">
        <v>0</v>
      </c>
      <c r="IM25" s="220">
        <v>0</v>
      </c>
      <c r="IN25" s="470">
        <v>0</v>
      </c>
      <c r="IO25" s="109">
        <v>0</v>
      </c>
      <c r="IP25" s="109">
        <v>0</v>
      </c>
      <c r="IQ25" s="109">
        <v>0</v>
      </c>
      <c r="IR25" s="109">
        <v>0</v>
      </c>
      <c r="IS25" s="109">
        <v>0</v>
      </c>
      <c r="IT25" s="128">
        <v>0</v>
      </c>
      <c r="IU25" s="292">
        <v>0</v>
      </c>
      <c r="IV25" s="129">
        <v>0</v>
      </c>
      <c r="IW25" s="109">
        <v>0</v>
      </c>
      <c r="IX25" s="110">
        <v>0</v>
      </c>
      <c r="IY25" s="470">
        <v>0</v>
      </c>
      <c r="IZ25" s="109">
        <v>0</v>
      </c>
      <c r="JA25" s="109">
        <v>0</v>
      </c>
      <c r="JB25" s="109">
        <v>0</v>
      </c>
      <c r="JC25" s="109">
        <v>0</v>
      </c>
      <c r="JD25" s="109">
        <v>0</v>
      </c>
      <c r="JE25" s="110">
        <v>0</v>
      </c>
      <c r="JF25" s="111">
        <v>0</v>
      </c>
      <c r="JG25" s="129">
        <v>0</v>
      </c>
      <c r="JH25" s="109">
        <v>0</v>
      </c>
      <c r="JI25" s="128">
        <v>0</v>
      </c>
      <c r="JJ25" s="108">
        <v>0</v>
      </c>
      <c r="JK25" s="109">
        <v>179687</v>
      </c>
      <c r="JL25" s="109">
        <v>177266</v>
      </c>
      <c r="JM25" s="109">
        <v>128626</v>
      </c>
      <c r="JN25" s="109">
        <v>0</v>
      </c>
      <c r="JO25" s="109">
        <v>0</v>
      </c>
      <c r="JP25" s="110">
        <v>485579</v>
      </c>
      <c r="JQ25" s="292">
        <v>485579</v>
      </c>
      <c r="JR25" s="129">
        <v>0</v>
      </c>
      <c r="JS25" s="109">
        <v>0</v>
      </c>
      <c r="JT25" s="128">
        <v>0</v>
      </c>
      <c r="JU25" s="108">
        <v>0</v>
      </c>
      <c r="JV25" s="109">
        <v>0</v>
      </c>
      <c r="JW25" s="109">
        <v>0</v>
      </c>
      <c r="JX25" s="109">
        <v>0</v>
      </c>
      <c r="JY25" s="109">
        <v>0</v>
      </c>
      <c r="JZ25" s="109">
        <v>0</v>
      </c>
      <c r="KA25" s="110">
        <v>0</v>
      </c>
      <c r="KB25" s="292">
        <v>0</v>
      </c>
      <c r="KC25" s="217">
        <v>0</v>
      </c>
      <c r="KD25" s="213">
        <v>65135</v>
      </c>
      <c r="KE25" s="110">
        <v>65135</v>
      </c>
      <c r="KF25" s="108">
        <v>0</v>
      </c>
      <c r="KG25" s="109">
        <v>109228</v>
      </c>
      <c r="KH25" s="109">
        <v>0</v>
      </c>
      <c r="KI25" s="109">
        <v>209330</v>
      </c>
      <c r="KJ25" s="109">
        <v>0</v>
      </c>
      <c r="KK25" s="109">
        <v>0</v>
      </c>
      <c r="KL25" s="110">
        <v>318558</v>
      </c>
      <c r="KM25" s="130">
        <v>383693</v>
      </c>
      <c r="KN25" s="215">
        <v>0</v>
      </c>
      <c r="KO25" s="219">
        <v>0</v>
      </c>
      <c r="KP25" s="220">
        <v>0</v>
      </c>
      <c r="KQ25" s="470">
        <v>0</v>
      </c>
      <c r="KR25" s="109">
        <v>54353</v>
      </c>
      <c r="KS25" s="109">
        <v>221228</v>
      </c>
      <c r="KT25" s="109">
        <v>678116</v>
      </c>
      <c r="KU25" s="109">
        <v>0</v>
      </c>
      <c r="KV25" s="109">
        <v>206480</v>
      </c>
      <c r="KW25" s="110">
        <v>1160177</v>
      </c>
      <c r="KX25" s="292">
        <v>1160177</v>
      </c>
      <c r="KY25" s="129">
        <v>0</v>
      </c>
      <c r="KZ25" s="109">
        <v>0</v>
      </c>
      <c r="LA25" s="110">
        <v>0</v>
      </c>
      <c r="LB25" s="470">
        <v>0</v>
      </c>
      <c r="LC25" s="109">
        <v>0</v>
      </c>
      <c r="LD25" s="109">
        <v>0</v>
      </c>
      <c r="LE25" s="109">
        <v>0</v>
      </c>
      <c r="LF25" s="109">
        <v>0</v>
      </c>
      <c r="LG25" s="109">
        <v>0</v>
      </c>
      <c r="LH25" s="110">
        <v>0</v>
      </c>
      <c r="LI25" s="111">
        <v>0</v>
      </c>
      <c r="LJ25" s="129">
        <v>0</v>
      </c>
      <c r="LK25" s="109">
        <v>0</v>
      </c>
      <c r="LL25" s="110">
        <v>0</v>
      </c>
      <c r="LM25" s="470">
        <v>0</v>
      </c>
      <c r="LN25" s="109">
        <v>0</v>
      </c>
      <c r="LO25" s="109">
        <v>0</v>
      </c>
      <c r="LP25" s="109">
        <v>0</v>
      </c>
      <c r="LQ25" s="109">
        <v>0</v>
      </c>
      <c r="LR25" s="109">
        <v>0</v>
      </c>
      <c r="LS25" s="110">
        <v>0</v>
      </c>
      <c r="LT25" s="292">
        <v>0</v>
      </c>
      <c r="LU25" s="129">
        <v>0</v>
      </c>
      <c r="LV25" s="109">
        <v>0</v>
      </c>
      <c r="LW25" s="110">
        <v>0</v>
      </c>
      <c r="LX25" s="470">
        <v>0</v>
      </c>
      <c r="LY25" s="109">
        <v>0</v>
      </c>
      <c r="LZ25" s="109">
        <v>0</v>
      </c>
      <c r="MA25" s="109">
        <v>0</v>
      </c>
      <c r="MB25" s="109">
        <v>0</v>
      </c>
      <c r="MC25" s="109">
        <v>0</v>
      </c>
      <c r="MD25" s="110">
        <v>0</v>
      </c>
      <c r="ME25" s="111">
        <v>0</v>
      </c>
      <c r="MF25" s="129">
        <v>0</v>
      </c>
      <c r="MG25" s="109">
        <v>0</v>
      </c>
      <c r="MH25" s="110">
        <v>0</v>
      </c>
      <c r="MI25" s="470">
        <v>0</v>
      </c>
      <c r="MJ25" s="109">
        <v>646192</v>
      </c>
      <c r="MK25" s="109">
        <v>449635</v>
      </c>
      <c r="ML25" s="109">
        <v>1037949</v>
      </c>
      <c r="MM25" s="109">
        <v>4233133</v>
      </c>
      <c r="MN25" s="109">
        <v>1863661</v>
      </c>
      <c r="MO25" s="110">
        <v>8230570</v>
      </c>
      <c r="MP25" s="130">
        <v>8230570</v>
      </c>
      <c r="MQ25" s="129">
        <v>0</v>
      </c>
      <c r="MR25" s="109">
        <v>0</v>
      </c>
      <c r="MS25" s="110">
        <v>0</v>
      </c>
      <c r="MT25" s="470">
        <v>0</v>
      </c>
      <c r="MU25" s="109">
        <v>0</v>
      </c>
      <c r="MV25" s="109">
        <v>219398</v>
      </c>
      <c r="MW25" s="109">
        <v>446301</v>
      </c>
      <c r="MX25" s="109">
        <v>2409326</v>
      </c>
      <c r="MY25" s="109">
        <v>1587053</v>
      </c>
      <c r="MZ25" s="110">
        <v>4662078</v>
      </c>
      <c r="NA25" s="130">
        <v>4662078</v>
      </c>
      <c r="NB25" s="129">
        <v>0</v>
      </c>
      <c r="NC25" s="109">
        <v>0</v>
      </c>
      <c r="ND25" s="110">
        <v>0</v>
      </c>
      <c r="NE25" s="470">
        <v>0</v>
      </c>
      <c r="NF25" s="109">
        <v>646192</v>
      </c>
      <c r="NG25" s="109">
        <v>230237</v>
      </c>
      <c r="NH25" s="109">
        <v>591648</v>
      </c>
      <c r="NI25" s="109">
        <v>1823807</v>
      </c>
      <c r="NJ25" s="109">
        <v>276608</v>
      </c>
      <c r="NK25" s="110">
        <v>3568492</v>
      </c>
      <c r="NL25" s="292">
        <v>3568492</v>
      </c>
      <c r="NM25" s="129">
        <v>0</v>
      </c>
      <c r="NN25" s="109">
        <v>0</v>
      </c>
      <c r="NO25" s="110">
        <v>0</v>
      </c>
      <c r="NP25" s="470">
        <v>0</v>
      </c>
      <c r="NQ25" s="109">
        <v>0</v>
      </c>
      <c r="NR25" s="109">
        <v>0</v>
      </c>
      <c r="NS25" s="109">
        <v>0</v>
      </c>
      <c r="NT25" s="109">
        <v>0</v>
      </c>
      <c r="NU25" s="109">
        <v>0</v>
      </c>
      <c r="NV25" s="110">
        <v>0</v>
      </c>
      <c r="NW25" s="111">
        <v>0</v>
      </c>
      <c r="NX25" s="129">
        <v>0</v>
      </c>
      <c r="NY25" s="109">
        <v>0</v>
      </c>
      <c r="NZ25" s="110">
        <v>0</v>
      </c>
      <c r="OA25" s="470">
        <v>0</v>
      </c>
      <c r="OB25" s="109">
        <v>0</v>
      </c>
      <c r="OC25" s="109">
        <v>0</v>
      </c>
      <c r="OD25" s="109">
        <v>0</v>
      </c>
      <c r="OE25" s="109">
        <v>0</v>
      </c>
      <c r="OF25" s="109">
        <v>0</v>
      </c>
      <c r="OG25" s="110">
        <v>0</v>
      </c>
      <c r="OH25" s="111">
        <v>0</v>
      </c>
      <c r="OI25" s="129">
        <v>246924</v>
      </c>
      <c r="OJ25" s="109">
        <v>585984</v>
      </c>
      <c r="OK25" s="128">
        <v>832908</v>
      </c>
      <c r="OL25" s="108">
        <v>0</v>
      </c>
      <c r="OM25" s="109">
        <v>3807480</v>
      </c>
      <c r="ON25" s="109">
        <v>4259649</v>
      </c>
      <c r="OO25" s="109">
        <v>5148715</v>
      </c>
      <c r="OP25" s="109">
        <v>7298062</v>
      </c>
      <c r="OQ25" s="109">
        <v>4886892</v>
      </c>
      <c r="OR25" s="110">
        <v>25400798</v>
      </c>
      <c r="OS25" s="130">
        <v>26233706</v>
      </c>
    </row>
    <row r="26" spans="2:409" ht="21" customHeight="1" x14ac:dyDescent="0.2">
      <c r="B26" s="437" t="s">
        <v>21</v>
      </c>
      <c r="C26" s="100">
        <v>187721</v>
      </c>
      <c r="D26" s="104">
        <v>465039</v>
      </c>
      <c r="E26" s="103">
        <v>652760</v>
      </c>
      <c r="F26" s="99">
        <v>0</v>
      </c>
      <c r="G26" s="104">
        <v>2825045</v>
      </c>
      <c r="H26" s="104">
        <v>2887865</v>
      </c>
      <c r="I26" s="104">
        <v>3027116</v>
      </c>
      <c r="J26" s="104">
        <v>2626210</v>
      </c>
      <c r="K26" s="104">
        <v>996842</v>
      </c>
      <c r="L26" s="156">
        <v>12363078</v>
      </c>
      <c r="M26" s="106">
        <v>13015838</v>
      </c>
      <c r="N26" s="100">
        <v>32753</v>
      </c>
      <c r="O26" s="104">
        <v>221071</v>
      </c>
      <c r="P26" s="103">
        <v>253824</v>
      </c>
      <c r="Q26" s="100">
        <v>0</v>
      </c>
      <c r="R26" s="104">
        <v>1085877</v>
      </c>
      <c r="S26" s="104">
        <v>1199418</v>
      </c>
      <c r="T26" s="104">
        <v>1261461</v>
      </c>
      <c r="U26" s="104">
        <v>746338</v>
      </c>
      <c r="V26" s="104">
        <v>625210</v>
      </c>
      <c r="W26" s="103">
        <v>4918304</v>
      </c>
      <c r="X26" s="106">
        <v>5172128</v>
      </c>
      <c r="Y26" s="100">
        <v>0</v>
      </c>
      <c r="Z26" s="104">
        <v>0</v>
      </c>
      <c r="AA26" s="103">
        <v>0</v>
      </c>
      <c r="AB26" s="100">
        <v>0</v>
      </c>
      <c r="AC26" s="104">
        <v>379396</v>
      </c>
      <c r="AD26" s="104">
        <v>552145</v>
      </c>
      <c r="AE26" s="104">
        <v>603849</v>
      </c>
      <c r="AF26" s="104">
        <v>518027</v>
      </c>
      <c r="AG26" s="104">
        <v>208728</v>
      </c>
      <c r="AH26" s="103">
        <v>2262145</v>
      </c>
      <c r="AI26" s="106">
        <v>2262145</v>
      </c>
      <c r="AJ26" s="100">
        <v>0</v>
      </c>
      <c r="AK26" s="104">
        <v>0</v>
      </c>
      <c r="AL26" s="103">
        <v>0</v>
      </c>
      <c r="AM26" s="100">
        <v>0</v>
      </c>
      <c r="AN26" s="104">
        <v>0</v>
      </c>
      <c r="AO26" s="104">
        <v>42550</v>
      </c>
      <c r="AP26" s="104">
        <v>0</v>
      </c>
      <c r="AQ26" s="104">
        <v>0</v>
      </c>
      <c r="AR26" s="104">
        <v>102019</v>
      </c>
      <c r="AS26" s="103">
        <v>144569</v>
      </c>
      <c r="AT26" s="106">
        <v>144569</v>
      </c>
      <c r="AU26" s="100">
        <v>0</v>
      </c>
      <c r="AV26" s="104">
        <v>80388</v>
      </c>
      <c r="AW26" s="103">
        <v>80388</v>
      </c>
      <c r="AX26" s="100">
        <v>0</v>
      </c>
      <c r="AY26" s="104">
        <v>523438</v>
      </c>
      <c r="AZ26" s="104">
        <v>404124</v>
      </c>
      <c r="BA26" s="104">
        <v>425192</v>
      </c>
      <c r="BB26" s="104">
        <v>11339</v>
      </c>
      <c r="BC26" s="104">
        <v>238282</v>
      </c>
      <c r="BD26" s="103">
        <v>1602375</v>
      </c>
      <c r="BE26" s="106">
        <v>1682763</v>
      </c>
      <c r="BF26" s="100">
        <v>0</v>
      </c>
      <c r="BG26" s="104">
        <v>56361</v>
      </c>
      <c r="BH26" s="102">
        <v>56361</v>
      </c>
      <c r="BI26" s="101">
        <v>0</v>
      </c>
      <c r="BJ26" s="104">
        <v>0</v>
      </c>
      <c r="BK26" s="104">
        <v>0</v>
      </c>
      <c r="BL26" s="104">
        <v>31814</v>
      </c>
      <c r="BM26" s="104">
        <v>0</v>
      </c>
      <c r="BN26" s="104">
        <v>0</v>
      </c>
      <c r="BO26" s="103">
        <v>31814</v>
      </c>
      <c r="BP26" s="106">
        <v>88175</v>
      </c>
      <c r="BQ26" s="100">
        <v>32753</v>
      </c>
      <c r="BR26" s="104">
        <v>84322</v>
      </c>
      <c r="BS26" s="103">
        <v>117075</v>
      </c>
      <c r="BT26" s="100">
        <v>0</v>
      </c>
      <c r="BU26" s="104">
        <v>183043</v>
      </c>
      <c r="BV26" s="104">
        <v>200599</v>
      </c>
      <c r="BW26" s="104">
        <v>200606</v>
      </c>
      <c r="BX26" s="104">
        <v>216972</v>
      </c>
      <c r="BY26" s="104">
        <v>76181</v>
      </c>
      <c r="BZ26" s="103">
        <v>877401</v>
      </c>
      <c r="CA26" s="106">
        <v>994476</v>
      </c>
      <c r="CB26" s="100">
        <v>0</v>
      </c>
      <c r="CC26" s="104">
        <v>33187</v>
      </c>
      <c r="CD26" s="103">
        <v>33187</v>
      </c>
      <c r="CE26" s="100">
        <v>0</v>
      </c>
      <c r="CF26" s="104">
        <v>786390</v>
      </c>
      <c r="CG26" s="104">
        <v>483305</v>
      </c>
      <c r="CH26" s="104">
        <v>563849</v>
      </c>
      <c r="CI26" s="104">
        <v>140617</v>
      </c>
      <c r="CJ26" s="104">
        <v>37503</v>
      </c>
      <c r="CK26" s="103">
        <v>2011664</v>
      </c>
      <c r="CL26" s="106">
        <v>2044851</v>
      </c>
      <c r="CM26" s="100">
        <v>0</v>
      </c>
      <c r="CN26" s="104">
        <v>0</v>
      </c>
      <c r="CO26" s="103">
        <v>0</v>
      </c>
      <c r="CP26" s="101">
        <v>0</v>
      </c>
      <c r="CQ26" s="104">
        <v>660843</v>
      </c>
      <c r="CR26" s="104">
        <v>396644</v>
      </c>
      <c r="CS26" s="104">
        <v>510479</v>
      </c>
      <c r="CT26" s="104">
        <v>140617</v>
      </c>
      <c r="CU26" s="104">
        <v>37503</v>
      </c>
      <c r="CV26" s="103">
        <v>1746086</v>
      </c>
      <c r="CW26" s="106">
        <v>1746086</v>
      </c>
      <c r="CX26" s="100">
        <v>0</v>
      </c>
      <c r="CY26" s="104">
        <v>33187</v>
      </c>
      <c r="CZ26" s="103">
        <v>33187</v>
      </c>
      <c r="DA26" s="100">
        <v>0</v>
      </c>
      <c r="DB26" s="104">
        <v>125547</v>
      </c>
      <c r="DC26" s="104">
        <v>86661</v>
      </c>
      <c r="DD26" s="104">
        <v>53370</v>
      </c>
      <c r="DE26" s="104">
        <v>0</v>
      </c>
      <c r="DF26" s="104">
        <v>0</v>
      </c>
      <c r="DG26" s="103">
        <v>265578</v>
      </c>
      <c r="DH26" s="106">
        <v>298765</v>
      </c>
      <c r="DI26" s="100">
        <v>24724</v>
      </c>
      <c r="DJ26" s="104">
        <v>53555</v>
      </c>
      <c r="DK26" s="102">
        <v>78279</v>
      </c>
      <c r="DL26" s="101">
        <v>0</v>
      </c>
      <c r="DM26" s="104">
        <v>152622</v>
      </c>
      <c r="DN26" s="104">
        <v>69049</v>
      </c>
      <c r="DO26" s="104">
        <v>245869</v>
      </c>
      <c r="DP26" s="104">
        <v>-7864</v>
      </c>
      <c r="DQ26" s="104">
        <v>0</v>
      </c>
      <c r="DR26" s="103">
        <v>459676</v>
      </c>
      <c r="DS26" s="106">
        <v>537955</v>
      </c>
      <c r="DT26" s="100">
        <v>24724</v>
      </c>
      <c r="DU26" s="104">
        <v>53555</v>
      </c>
      <c r="DV26" s="103">
        <v>78279</v>
      </c>
      <c r="DW26" s="100">
        <v>0</v>
      </c>
      <c r="DX26" s="104">
        <v>56406</v>
      </c>
      <c r="DY26" s="104">
        <v>69049</v>
      </c>
      <c r="DZ26" s="104">
        <v>198052</v>
      </c>
      <c r="EA26" s="104">
        <v>-7864</v>
      </c>
      <c r="EB26" s="104">
        <v>0</v>
      </c>
      <c r="EC26" s="103">
        <v>315643</v>
      </c>
      <c r="ED26" s="106">
        <v>393922</v>
      </c>
      <c r="EE26" s="100">
        <v>0</v>
      </c>
      <c r="EF26" s="102">
        <v>0</v>
      </c>
      <c r="EG26" s="103">
        <v>0</v>
      </c>
      <c r="EH26" s="100">
        <v>0</v>
      </c>
      <c r="EI26" s="104">
        <v>96216</v>
      </c>
      <c r="EJ26" s="104">
        <v>0</v>
      </c>
      <c r="EK26" s="104">
        <v>47817</v>
      </c>
      <c r="EL26" s="104">
        <v>0</v>
      </c>
      <c r="EM26" s="104">
        <v>0</v>
      </c>
      <c r="EN26" s="102">
        <v>144033</v>
      </c>
      <c r="EO26" s="106">
        <v>144033</v>
      </c>
      <c r="EP26" s="100">
        <v>0</v>
      </c>
      <c r="EQ26" s="104">
        <v>0</v>
      </c>
      <c r="ER26" s="102">
        <v>0</v>
      </c>
      <c r="ES26" s="101">
        <v>0</v>
      </c>
      <c r="ET26" s="104">
        <v>0</v>
      </c>
      <c r="EU26" s="104">
        <v>0</v>
      </c>
      <c r="EV26" s="104">
        <v>0</v>
      </c>
      <c r="EW26" s="104">
        <v>0</v>
      </c>
      <c r="EX26" s="104">
        <v>0</v>
      </c>
      <c r="EY26" s="103">
        <v>0</v>
      </c>
      <c r="EZ26" s="106">
        <v>0</v>
      </c>
      <c r="FA26" s="100">
        <v>0</v>
      </c>
      <c r="FB26" s="104">
        <v>0</v>
      </c>
      <c r="FC26" s="102">
        <v>0</v>
      </c>
      <c r="FD26" s="470">
        <v>0</v>
      </c>
      <c r="FE26" s="104">
        <v>0</v>
      </c>
      <c r="FF26" s="104">
        <v>0</v>
      </c>
      <c r="FG26" s="104">
        <v>0</v>
      </c>
      <c r="FH26" s="104">
        <v>0</v>
      </c>
      <c r="FI26" s="104">
        <v>0</v>
      </c>
      <c r="FJ26" s="103">
        <v>0</v>
      </c>
      <c r="FK26" s="106">
        <v>0</v>
      </c>
      <c r="FL26" s="100">
        <v>32830</v>
      </c>
      <c r="FM26" s="104">
        <v>76286</v>
      </c>
      <c r="FN26" s="103">
        <v>109116</v>
      </c>
      <c r="FO26" s="100">
        <v>0</v>
      </c>
      <c r="FP26" s="104">
        <v>110390</v>
      </c>
      <c r="FQ26" s="104">
        <v>216825</v>
      </c>
      <c r="FR26" s="104">
        <v>178500</v>
      </c>
      <c r="FS26" s="104">
        <v>42777</v>
      </c>
      <c r="FT26" s="104">
        <v>104615</v>
      </c>
      <c r="FU26" s="103">
        <v>653107</v>
      </c>
      <c r="FV26" s="106">
        <v>762223</v>
      </c>
      <c r="FW26" s="105">
        <v>32830</v>
      </c>
      <c r="FX26" s="104">
        <v>62986</v>
      </c>
      <c r="FY26" s="102">
        <v>95816</v>
      </c>
      <c r="FZ26" s="101">
        <v>0</v>
      </c>
      <c r="GA26" s="104">
        <v>110390</v>
      </c>
      <c r="GB26" s="104">
        <v>216825</v>
      </c>
      <c r="GC26" s="104">
        <v>147945</v>
      </c>
      <c r="GD26" s="104">
        <v>42777</v>
      </c>
      <c r="GE26" s="104">
        <v>104615</v>
      </c>
      <c r="GF26" s="103">
        <v>622552</v>
      </c>
      <c r="GG26" s="290">
        <v>718368</v>
      </c>
      <c r="GH26" s="105">
        <v>0</v>
      </c>
      <c r="GI26" s="104">
        <v>13300</v>
      </c>
      <c r="GJ26" s="102">
        <v>13300</v>
      </c>
      <c r="GK26" s="101">
        <v>0</v>
      </c>
      <c r="GL26" s="104">
        <v>0</v>
      </c>
      <c r="GM26" s="104">
        <v>0</v>
      </c>
      <c r="GN26" s="104">
        <v>30555</v>
      </c>
      <c r="GO26" s="104">
        <v>0</v>
      </c>
      <c r="GP26" s="104">
        <v>0</v>
      </c>
      <c r="GQ26" s="103">
        <v>30555</v>
      </c>
      <c r="GR26" s="106">
        <v>43855</v>
      </c>
      <c r="GS26" s="100">
        <v>0</v>
      </c>
      <c r="GT26" s="104">
        <v>0</v>
      </c>
      <c r="GU26" s="103">
        <v>0</v>
      </c>
      <c r="GV26" s="100">
        <v>0</v>
      </c>
      <c r="GW26" s="104">
        <v>0</v>
      </c>
      <c r="GX26" s="104">
        <v>0</v>
      </c>
      <c r="GY26" s="104">
        <v>0</v>
      </c>
      <c r="GZ26" s="104">
        <v>0</v>
      </c>
      <c r="HA26" s="104">
        <v>0</v>
      </c>
      <c r="HB26" s="102">
        <v>0</v>
      </c>
      <c r="HC26" s="106">
        <v>0</v>
      </c>
      <c r="HD26" s="100">
        <v>97414</v>
      </c>
      <c r="HE26" s="104">
        <v>80940</v>
      </c>
      <c r="HF26" s="102">
        <v>178354</v>
      </c>
      <c r="HG26" s="101">
        <v>0</v>
      </c>
      <c r="HH26" s="104">
        <v>689766</v>
      </c>
      <c r="HI26" s="104">
        <v>919268</v>
      </c>
      <c r="HJ26" s="104">
        <v>777437</v>
      </c>
      <c r="HK26" s="104">
        <v>1704342</v>
      </c>
      <c r="HL26" s="104">
        <v>229514</v>
      </c>
      <c r="HM26" s="103">
        <v>4320327</v>
      </c>
      <c r="HN26" s="99">
        <v>4498681</v>
      </c>
      <c r="HO26" s="456">
        <v>0</v>
      </c>
      <c r="HP26" s="457">
        <v>0</v>
      </c>
      <c r="HQ26" s="458">
        <v>0</v>
      </c>
      <c r="HR26" s="459">
        <v>0</v>
      </c>
      <c r="HS26" s="457">
        <v>0</v>
      </c>
      <c r="HT26" s="457">
        <v>0</v>
      </c>
      <c r="HU26" s="457">
        <v>0</v>
      </c>
      <c r="HV26" s="457">
        <v>0</v>
      </c>
      <c r="HW26" s="457">
        <v>0</v>
      </c>
      <c r="HX26" s="460">
        <v>0</v>
      </c>
      <c r="HY26" s="461">
        <v>0</v>
      </c>
      <c r="HZ26" s="135">
        <v>0</v>
      </c>
      <c r="IA26" s="122">
        <v>0</v>
      </c>
      <c r="IB26" s="135">
        <v>0</v>
      </c>
      <c r="IC26" s="121">
        <v>0</v>
      </c>
      <c r="ID26" s="122">
        <v>527958</v>
      </c>
      <c r="IE26" s="123">
        <v>322181</v>
      </c>
      <c r="IF26" s="124">
        <v>481792</v>
      </c>
      <c r="IG26" s="122">
        <v>718469</v>
      </c>
      <c r="IH26" s="124">
        <v>414149</v>
      </c>
      <c r="II26" s="125">
        <v>2464549</v>
      </c>
      <c r="IJ26" s="135">
        <v>2464549</v>
      </c>
      <c r="IK26" s="215">
        <v>0</v>
      </c>
      <c r="IL26" s="219">
        <v>0</v>
      </c>
      <c r="IM26" s="220">
        <v>0</v>
      </c>
      <c r="IN26" s="470">
        <v>0</v>
      </c>
      <c r="IO26" s="109">
        <v>55875</v>
      </c>
      <c r="IP26" s="109">
        <v>0</v>
      </c>
      <c r="IQ26" s="109">
        <v>0</v>
      </c>
      <c r="IR26" s="109">
        <v>0</v>
      </c>
      <c r="IS26" s="109">
        <v>0</v>
      </c>
      <c r="IT26" s="128">
        <v>55875</v>
      </c>
      <c r="IU26" s="292">
        <v>55875</v>
      </c>
      <c r="IV26" s="129">
        <v>0</v>
      </c>
      <c r="IW26" s="109">
        <v>0</v>
      </c>
      <c r="IX26" s="110">
        <v>0</v>
      </c>
      <c r="IY26" s="470">
        <v>0</v>
      </c>
      <c r="IZ26" s="109">
        <v>0</v>
      </c>
      <c r="JA26" s="109">
        <v>0</v>
      </c>
      <c r="JB26" s="109">
        <v>0</v>
      </c>
      <c r="JC26" s="109">
        <v>0</v>
      </c>
      <c r="JD26" s="109">
        <v>0</v>
      </c>
      <c r="JE26" s="110">
        <v>0</v>
      </c>
      <c r="JF26" s="111">
        <v>0</v>
      </c>
      <c r="JG26" s="129">
        <v>0</v>
      </c>
      <c r="JH26" s="109">
        <v>0</v>
      </c>
      <c r="JI26" s="128">
        <v>0</v>
      </c>
      <c r="JJ26" s="108">
        <v>0</v>
      </c>
      <c r="JK26" s="109">
        <v>472083</v>
      </c>
      <c r="JL26" s="109">
        <v>96653</v>
      </c>
      <c r="JM26" s="109">
        <v>94179</v>
      </c>
      <c r="JN26" s="109">
        <v>33121</v>
      </c>
      <c r="JO26" s="109">
        <v>0</v>
      </c>
      <c r="JP26" s="110">
        <v>696036</v>
      </c>
      <c r="JQ26" s="292">
        <v>696036</v>
      </c>
      <c r="JR26" s="129">
        <v>0</v>
      </c>
      <c r="JS26" s="109">
        <v>0</v>
      </c>
      <c r="JT26" s="128">
        <v>0</v>
      </c>
      <c r="JU26" s="108">
        <v>0</v>
      </c>
      <c r="JV26" s="109">
        <v>0</v>
      </c>
      <c r="JW26" s="109">
        <v>0</v>
      </c>
      <c r="JX26" s="109">
        <v>0</v>
      </c>
      <c r="JY26" s="109">
        <v>0</v>
      </c>
      <c r="JZ26" s="109">
        <v>0</v>
      </c>
      <c r="KA26" s="110">
        <v>0</v>
      </c>
      <c r="KB26" s="292">
        <v>0</v>
      </c>
      <c r="KC26" s="217">
        <v>0</v>
      </c>
      <c r="KD26" s="213">
        <v>0</v>
      </c>
      <c r="KE26" s="110">
        <v>0</v>
      </c>
      <c r="KF26" s="108">
        <v>0</v>
      </c>
      <c r="KG26" s="109">
        <v>0</v>
      </c>
      <c r="KH26" s="109">
        <v>0</v>
      </c>
      <c r="KI26" s="109">
        <v>387452</v>
      </c>
      <c r="KJ26" s="109">
        <v>0</v>
      </c>
      <c r="KK26" s="109">
        <v>0</v>
      </c>
      <c r="KL26" s="110">
        <v>387452</v>
      </c>
      <c r="KM26" s="130">
        <v>387452</v>
      </c>
      <c r="KN26" s="215">
        <v>0</v>
      </c>
      <c r="KO26" s="219">
        <v>0</v>
      </c>
      <c r="KP26" s="220">
        <v>0</v>
      </c>
      <c r="KQ26" s="470">
        <v>0</v>
      </c>
      <c r="KR26" s="109">
        <v>0</v>
      </c>
      <c r="KS26" s="109">
        <v>225528</v>
      </c>
      <c r="KT26" s="109">
        <v>161</v>
      </c>
      <c r="KU26" s="109">
        <v>685348</v>
      </c>
      <c r="KV26" s="109">
        <v>0</v>
      </c>
      <c r="KW26" s="110">
        <v>911037</v>
      </c>
      <c r="KX26" s="292">
        <v>911037</v>
      </c>
      <c r="KY26" s="129">
        <v>0</v>
      </c>
      <c r="KZ26" s="109">
        <v>0</v>
      </c>
      <c r="LA26" s="110">
        <v>0</v>
      </c>
      <c r="LB26" s="470">
        <v>0</v>
      </c>
      <c r="LC26" s="109">
        <v>0</v>
      </c>
      <c r="LD26" s="109">
        <v>0</v>
      </c>
      <c r="LE26" s="109">
        <v>0</v>
      </c>
      <c r="LF26" s="109">
        <v>0</v>
      </c>
      <c r="LG26" s="109">
        <v>0</v>
      </c>
      <c r="LH26" s="110">
        <v>0</v>
      </c>
      <c r="LI26" s="111">
        <v>0</v>
      </c>
      <c r="LJ26" s="129">
        <v>0</v>
      </c>
      <c r="LK26" s="109">
        <v>0</v>
      </c>
      <c r="LL26" s="110">
        <v>0</v>
      </c>
      <c r="LM26" s="470">
        <v>0</v>
      </c>
      <c r="LN26" s="109">
        <v>0</v>
      </c>
      <c r="LO26" s="109">
        <v>0</v>
      </c>
      <c r="LP26" s="109">
        <v>0</v>
      </c>
      <c r="LQ26" s="109">
        <v>0</v>
      </c>
      <c r="LR26" s="109">
        <v>0</v>
      </c>
      <c r="LS26" s="110">
        <v>0</v>
      </c>
      <c r="LT26" s="292">
        <v>0</v>
      </c>
      <c r="LU26" s="129">
        <v>0</v>
      </c>
      <c r="LV26" s="109">
        <v>0</v>
      </c>
      <c r="LW26" s="110">
        <v>0</v>
      </c>
      <c r="LX26" s="470">
        <v>0</v>
      </c>
      <c r="LY26" s="109">
        <v>0</v>
      </c>
      <c r="LZ26" s="109">
        <v>0</v>
      </c>
      <c r="MA26" s="109">
        <v>0</v>
      </c>
      <c r="MB26" s="109">
        <v>0</v>
      </c>
      <c r="MC26" s="109">
        <v>414149</v>
      </c>
      <c r="MD26" s="110">
        <v>414149</v>
      </c>
      <c r="ME26" s="111">
        <v>414149</v>
      </c>
      <c r="MF26" s="129">
        <v>0</v>
      </c>
      <c r="MG26" s="109">
        <v>0</v>
      </c>
      <c r="MH26" s="110">
        <v>0</v>
      </c>
      <c r="MI26" s="470">
        <v>0</v>
      </c>
      <c r="MJ26" s="109">
        <v>0</v>
      </c>
      <c r="MK26" s="109">
        <v>636195</v>
      </c>
      <c r="ML26" s="109">
        <v>853640</v>
      </c>
      <c r="MM26" s="109">
        <v>1717316</v>
      </c>
      <c r="MN26" s="109">
        <v>1285243</v>
      </c>
      <c r="MO26" s="110">
        <v>4492394</v>
      </c>
      <c r="MP26" s="130">
        <v>4492394</v>
      </c>
      <c r="MQ26" s="129">
        <v>0</v>
      </c>
      <c r="MR26" s="109">
        <v>0</v>
      </c>
      <c r="MS26" s="110">
        <v>0</v>
      </c>
      <c r="MT26" s="470">
        <v>0</v>
      </c>
      <c r="MU26" s="109">
        <v>0</v>
      </c>
      <c r="MV26" s="109">
        <v>0</v>
      </c>
      <c r="MW26" s="109">
        <v>342107</v>
      </c>
      <c r="MX26" s="109">
        <v>1435369</v>
      </c>
      <c r="MY26" s="109">
        <v>1285243</v>
      </c>
      <c r="MZ26" s="110">
        <v>3062719</v>
      </c>
      <c r="NA26" s="130">
        <v>3062719</v>
      </c>
      <c r="NB26" s="129">
        <v>0</v>
      </c>
      <c r="NC26" s="109">
        <v>0</v>
      </c>
      <c r="ND26" s="110">
        <v>0</v>
      </c>
      <c r="NE26" s="470">
        <v>0</v>
      </c>
      <c r="NF26" s="109">
        <v>0</v>
      </c>
      <c r="NG26" s="109">
        <v>636195</v>
      </c>
      <c r="NH26" s="109">
        <v>511533</v>
      </c>
      <c r="NI26" s="109">
        <v>281947</v>
      </c>
      <c r="NJ26" s="109">
        <v>0</v>
      </c>
      <c r="NK26" s="110">
        <v>1429675</v>
      </c>
      <c r="NL26" s="292">
        <v>1429675</v>
      </c>
      <c r="NM26" s="129">
        <v>0</v>
      </c>
      <c r="NN26" s="109">
        <v>0</v>
      </c>
      <c r="NO26" s="110">
        <v>0</v>
      </c>
      <c r="NP26" s="470">
        <v>0</v>
      </c>
      <c r="NQ26" s="109">
        <v>0</v>
      </c>
      <c r="NR26" s="109">
        <v>0</v>
      </c>
      <c r="NS26" s="109">
        <v>0</v>
      </c>
      <c r="NT26" s="109">
        <v>0</v>
      </c>
      <c r="NU26" s="109">
        <v>0</v>
      </c>
      <c r="NV26" s="110">
        <v>0</v>
      </c>
      <c r="NW26" s="111">
        <v>0</v>
      </c>
      <c r="NX26" s="129">
        <v>0</v>
      </c>
      <c r="NY26" s="109">
        <v>0</v>
      </c>
      <c r="NZ26" s="110">
        <v>0</v>
      </c>
      <c r="OA26" s="470">
        <v>0</v>
      </c>
      <c r="OB26" s="109">
        <v>0</v>
      </c>
      <c r="OC26" s="109">
        <v>0</v>
      </c>
      <c r="OD26" s="109">
        <v>0</v>
      </c>
      <c r="OE26" s="109">
        <v>0</v>
      </c>
      <c r="OF26" s="109">
        <v>0</v>
      </c>
      <c r="OG26" s="110">
        <v>0</v>
      </c>
      <c r="OH26" s="111">
        <v>0</v>
      </c>
      <c r="OI26" s="129">
        <v>187721</v>
      </c>
      <c r="OJ26" s="109">
        <v>465039</v>
      </c>
      <c r="OK26" s="128">
        <v>652760</v>
      </c>
      <c r="OL26" s="108">
        <v>0</v>
      </c>
      <c r="OM26" s="109">
        <v>3353003</v>
      </c>
      <c r="ON26" s="109">
        <v>3846241</v>
      </c>
      <c r="OO26" s="109">
        <v>4362548</v>
      </c>
      <c r="OP26" s="109">
        <v>5061995</v>
      </c>
      <c r="OQ26" s="109">
        <v>2696234</v>
      </c>
      <c r="OR26" s="110">
        <v>19320021</v>
      </c>
      <c r="OS26" s="130">
        <v>19972781</v>
      </c>
    </row>
    <row r="27" spans="2:409" ht="21" customHeight="1" x14ac:dyDescent="0.2">
      <c r="B27" s="437" t="s">
        <v>22</v>
      </c>
      <c r="C27" s="100">
        <v>75082</v>
      </c>
      <c r="D27" s="104">
        <v>35980</v>
      </c>
      <c r="E27" s="103">
        <v>111062</v>
      </c>
      <c r="F27" s="99">
        <v>0</v>
      </c>
      <c r="G27" s="104">
        <v>835621</v>
      </c>
      <c r="H27" s="104">
        <v>1265361</v>
      </c>
      <c r="I27" s="104">
        <v>1148883</v>
      </c>
      <c r="J27" s="104">
        <v>1699451</v>
      </c>
      <c r="K27" s="104">
        <v>1885740</v>
      </c>
      <c r="L27" s="156">
        <v>6835056</v>
      </c>
      <c r="M27" s="106">
        <v>6946118</v>
      </c>
      <c r="N27" s="100">
        <v>0</v>
      </c>
      <c r="O27" s="104">
        <v>0</v>
      </c>
      <c r="P27" s="103">
        <v>0</v>
      </c>
      <c r="Q27" s="100">
        <v>0</v>
      </c>
      <c r="R27" s="104">
        <v>254201</v>
      </c>
      <c r="S27" s="104">
        <v>295957</v>
      </c>
      <c r="T27" s="104">
        <v>331179</v>
      </c>
      <c r="U27" s="104">
        <v>198759</v>
      </c>
      <c r="V27" s="104">
        <v>943061</v>
      </c>
      <c r="W27" s="103">
        <v>2023157</v>
      </c>
      <c r="X27" s="106">
        <v>2023157</v>
      </c>
      <c r="Y27" s="100">
        <v>0</v>
      </c>
      <c r="Z27" s="104">
        <v>0</v>
      </c>
      <c r="AA27" s="103">
        <v>0</v>
      </c>
      <c r="AB27" s="100">
        <v>0</v>
      </c>
      <c r="AC27" s="104">
        <v>76930</v>
      </c>
      <c r="AD27" s="104">
        <v>25963</v>
      </c>
      <c r="AE27" s="104">
        <v>112625</v>
      </c>
      <c r="AF27" s="104">
        <v>37829</v>
      </c>
      <c r="AG27" s="104">
        <v>265727</v>
      </c>
      <c r="AH27" s="103">
        <v>519074</v>
      </c>
      <c r="AI27" s="106">
        <v>519074</v>
      </c>
      <c r="AJ27" s="100">
        <v>0</v>
      </c>
      <c r="AK27" s="104">
        <v>0</v>
      </c>
      <c r="AL27" s="103">
        <v>0</v>
      </c>
      <c r="AM27" s="100">
        <v>0</v>
      </c>
      <c r="AN27" s="104">
        <v>0</v>
      </c>
      <c r="AO27" s="104">
        <v>0</v>
      </c>
      <c r="AP27" s="104">
        <v>0</v>
      </c>
      <c r="AQ27" s="104">
        <v>0</v>
      </c>
      <c r="AR27" s="104">
        <v>339411</v>
      </c>
      <c r="AS27" s="103">
        <v>339411</v>
      </c>
      <c r="AT27" s="106">
        <v>339411</v>
      </c>
      <c r="AU27" s="100">
        <v>0</v>
      </c>
      <c r="AV27" s="104">
        <v>0</v>
      </c>
      <c r="AW27" s="103">
        <v>0</v>
      </c>
      <c r="AX27" s="100">
        <v>0</v>
      </c>
      <c r="AY27" s="104">
        <v>103505</v>
      </c>
      <c r="AZ27" s="104">
        <v>184468</v>
      </c>
      <c r="BA27" s="104">
        <v>148911</v>
      </c>
      <c r="BB27" s="104">
        <v>35546</v>
      </c>
      <c r="BC27" s="104">
        <v>310847</v>
      </c>
      <c r="BD27" s="103">
        <v>783277</v>
      </c>
      <c r="BE27" s="106">
        <v>783277</v>
      </c>
      <c r="BF27" s="100">
        <v>0</v>
      </c>
      <c r="BG27" s="104">
        <v>0</v>
      </c>
      <c r="BH27" s="102">
        <v>0</v>
      </c>
      <c r="BI27" s="101">
        <v>0</v>
      </c>
      <c r="BJ27" s="104">
        <v>60228</v>
      </c>
      <c r="BK27" s="104">
        <v>47677</v>
      </c>
      <c r="BL27" s="104">
        <v>0</v>
      </c>
      <c r="BM27" s="104">
        <v>53536</v>
      </c>
      <c r="BN27" s="104">
        <v>0</v>
      </c>
      <c r="BO27" s="103">
        <v>161441</v>
      </c>
      <c r="BP27" s="106">
        <v>161441</v>
      </c>
      <c r="BQ27" s="100">
        <v>0</v>
      </c>
      <c r="BR27" s="104">
        <v>0</v>
      </c>
      <c r="BS27" s="103">
        <v>0</v>
      </c>
      <c r="BT27" s="100">
        <v>0</v>
      </c>
      <c r="BU27" s="104">
        <v>13538</v>
      </c>
      <c r="BV27" s="104">
        <v>37849</v>
      </c>
      <c r="BW27" s="104">
        <v>69643</v>
      </c>
      <c r="BX27" s="104">
        <v>71848</v>
      </c>
      <c r="BY27" s="104">
        <v>27076</v>
      </c>
      <c r="BZ27" s="103">
        <v>219954</v>
      </c>
      <c r="CA27" s="106">
        <v>219954</v>
      </c>
      <c r="CB27" s="100">
        <v>48678</v>
      </c>
      <c r="CC27" s="104">
        <v>0</v>
      </c>
      <c r="CD27" s="103">
        <v>48678</v>
      </c>
      <c r="CE27" s="100">
        <v>0</v>
      </c>
      <c r="CF27" s="104">
        <v>148988</v>
      </c>
      <c r="CG27" s="104">
        <v>474384</v>
      </c>
      <c r="CH27" s="104">
        <v>364551</v>
      </c>
      <c r="CI27" s="104">
        <v>492823</v>
      </c>
      <c r="CJ27" s="104">
        <v>161896</v>
      </c>
      <c r="CK27" s="103">
        <v>1642642</v>
      </c>
      <c r="CL27" s="106">
        <v>1691320</v>
      </c>
      <c r="CM27" s="100">
        <v>0</v>
      </c>
      <c r="CN27" s="104">
        <v>0</v>
      </c>
      <c r="CO27" s="103">
        <v>0</v>
      </c>
      <c r="CP27" s="101">
        <v>0</v>
      </c>
      <c r="CQ27" s="104">
        <v>129437</v>
      </c>
      <c r="CR27" s="104">
        <v>245729</v>
      </c>
      <c r="CS27" s="104">
        <v>230018</v>
      </c>
      <c r="CT27" s="104">
        <v>372050</v>
      </c>
      <c r="CU27" s="104">
        <v>161896</v>
      </c>
      <c r="CV27" s="103">
        <v>1139130</v>
      </c>
      <c r="CW27" s="106">
        <v>1139130</v>
      </c>
      <c r="CX27" s="100">
        <v>48678</v>
      </c>
      <c r="CY27" s="104">
        <v>0</v>
      </c>
      <c r="CZ27" s="103">
        <v>48678</v>
      </c>
      <c r="DA27" s="100">
        <v>0</v>
      </c>
      <c r="DB27" s="104">
        <v>19551</v>
      </c>
      <c r="DC27" s="104">
        <v>228655</v>
      </c>
      <c r="DD27" s="104">
        <v>134533</v>
      </c>
      <c r="DE27" s="104">
        <v>120773</v>
      </c>
      <c r="DF27" s="104">
        <v>0</v>
      </c>
      <c r="DG27" s="103">
        <v>503512</v>
      </c>
      <c r="DH27" s="106">
        <v>552190</v>
      </c>
      <c r="DI27" s="100">
        <v>0</v>
      </c>
      <c r="DJ27" s="104">
        <v>0</v>
      </c>
      <c r="DK27" s="102">
        <v>0</v>
      </c>
      <c r="DL27" s="101">
        <v>0</v>
      </c>
      <c r="DM27" s="104">
        <v>0</v>
      </c>
      <c r="DN27" s="104">
        <v>119016</v>
      </c>
      <c r="DO27" s="104">
        <v>16202</v>
      </c>
      <c r="DP27" s="104">
        <v>137516</v>
      </c>
      <c r="DQ27" s="104">
        <v>248259</v>
      </c>
      <c r="DR27" s="103">
        <v>520993</v>
      </c>
      <c r="DS27" s="106">
        <v>520993</v>
      </c>
      <c r="DT27" s="100">
        <v>0</v>
      </c>
      <c r="DU27" s="104">
        <v>0</v>
      </c>
      <c r="DV27" s="103">
        <v>0</v>
      </c>
      <c r="DW27" s="100">
        <v>0</v>
      </c>
      <c r="DX27" s="104">
        <v>0</v>
      </c>
      <c r="DY27" s="104">
        <v>119016</v>
      </c>
      <c r="DZ27" s="104">
        <v>16202</v>
      </c>
      <c r="EA27" s="104">
        <v>91071</v>
      </c>
      <c r="EB27" s="104">
        <v>187933</v>
      </c>
      <c r="EC27" s="103">
        <v>414222</v>
      </c>
      <c r="ED27" s="106">
        <v>414222</v>
      </c>
      <c r="EE27" s="100">
        <v>0</v>
      </c>
      <c r="EF27" s="102">
        <v>0</v>
      </c>
      <c r="EG27" s="103">
        <v>0</v>
      </c>
      <c r="EH27" s="100">
        <v>0</v>
      </c>
      <c r="EI27" s="104">
        <v>0</v>
      </c>
      <c r="EJ27" s="104">
        <v>0</v>
      </c>
      <c r="EK27" s="104">
        <v>0</v>
      </c>
      <c r="EL27" s="104">
        <v>46445</v>
      </c>
      <c r="EM27" s="104">
        <v>60326</v>
      </c>
      <c r="EN27" s="102">
        <v>106771</v>
      </c>
      <c r="EO27" s="106">
        <v>106771</v>
      </c>
      <c r="EP27" s="100">
        <v>0</v>
      </c>
      <c r="EQ27" s="104">
        <v>0</v>
      </c>
      <c r="ER27" s="102">
        <v>0</v>
      </c>
      <c r="ES27" s="101">
        <v>0</v>
      </c>
      <c r="ET27" s="104">
        <v>0</v>
      </c>
      <c r="EU27" s="104">
        <v>0</v>
      </c>
      <c r="EV27" s="104">
        <v>0</v>
      </c>
      <c r="EW27" s="104">
        <v>0</v>
      </c>
      <c r="EX27" s="104">
        <v>0</v>
      </c>
      <c r="EY27" s="103">
        <v>0</v>
      </c>
      <c r="EZ27" s="106">
        <v>0</v>
      </c>
      <c r="FA27" s="100">
        <v>0</v>
      </c>
      <c r="FB27" s="104">
        <v>0</v>
      </c>
      <c r="FC27" s="102">
        <v>0</v>
      </c>
      <c r="FD27" s="470">
        <v>0</v>
      </c>
      <c r="FE27" s="104">
        <v>0</v>
      </c>
      <c r="FF27" s="104">
        <v>0</v>
      </c>
      <c r="FG27" s="104">
        <v>0</v>
      </c>
      <c r="FH27" s="104">
        <v>0</v>
      </c>
      <c r="FI27" s="104">
        <v>0</v>
      </c>
      <c r="FJ27" s="103">
        <v>0</v>
      </c>
      <c r="FK27" s="106">
        <v>0</v>
      </c>
      <c r="FL27" s="100">
        <v>26404</v>
      </c>
      <c r="FM27" s="104">
        <v>35980</v>
      </c>
      <c r="FN27" s="103">
        <v>62384</v>
      </c>
      <c r="FO27" s="100">
        <v>0</v>
      </c>
      <c r="FP27" s="104">
        <v>29435</v>
      </c>
      <c r="FQ27" s="104">
        <v>64715</v>
      </c>
      <c r="FR27" s="104">
        <v>99918</v>
      </c>
      <c r="FS27" s="104">
        <v>125776</v>
      </c>
      <c r="FT27" s="104">
        <v>112637</v>
      </c>
      <c r="FU27" s="103">
        <v>432481</v>
      </c>
      <c r="FV27" s="106">
        <v>494865</v>
      </c>
      <c r="FW27" s="105">
        <v>7000</v>
      </c>
      <c r="FX27" s="104">
        <v>35980</v>
      </c>
      <c r="FY27" s="102">
        <v>42980</v>
      </c>
      <c r="FZ27" s="101">
        <v>0</v>
      </c>
      <c r="GA27" s="104">
        <v>29435</v>
      </c>
      <c r="GB27" s="104">
        <v>64715</v>
      </c>
      <c r="GC27" s="104">
        <v>99918</v>
      </c>
      <c r="GD27" s="104">
        <v>125776</v>
      </c>
      <c r="GE27" s="104">
        <v>112637</v>
      </c>
      <c r="GF27" s="103">
        <v>432481</v>
      </c>
      <c r="GG27" s="290">
        <v>475461</v>
      </c>
      <c r="GH27" s="105">
        <v>19404</v>
      </c>
      <c r="GI27" s="104">
        <v>0</v>
      </c>
      <c r="GJ27" s="102">
        <v>19404</v>
      </c>
      <c r="GK27" s="101">
        <v>0</v>
      </c>
      <c r="GL27" s="104">
        <v>0</v>
      </c>
      <c r="GM27" s="104">
        <v>0</v>
      </c>
      <c r="GN27" s="104">
        <v>0</v>
      </c>
      <c r="GO27" s="104">
        <v>0</v>
      </c>
      <c r="GP27" s="104">
        <v>0</v>
      </c>
      <c r="GQ27" s="103">
        <v>0</v>
      </c>
      <c r="GR27" s="106">
        <v>19404</v>
      </c>
      <c r="GS27" s="100">
        <v>0</v>
      </c>
      <c r="GT27" s="104">
        <v>0</v>
      </c>
      <c r="GU27" s="103">
        <v>0</v>
      </c>
      <c r="GV27" s="100">
        <v>0</v>
      </c>
      <c r="GW27" s="104">
        <v>0</v>
      </c>
      <c r="GX27" s="104">
        <v>0</v>
      </c>
      <c r="GY27" s="104">
        <v>0</v>
      </c>
      <c r="GZ27" s="104">
        <v>0</v>
      </c>
      <c r="HA27" s="104">
        <v>0</v>
      </c>
      <c r="HB27" s="102">
        <v>0</v>
      </c>
      <c r="HC27" s="106">
        <v>0</v>
      </c>
      <c r="HD27" s="100">
        <v>0</v>
      </c>
      <c r="HE27" s="104">
        <v>0</v>
      </c>
      <c r="HF27" s="102">
        <v>0</v>
      </c>
      <c r="HG27" s="101">
        <v>0</v>
      </c>
      <c r="HH27" s="104">
        <v>402997</v>
      </c>
      <c r="HI27" s="104">
        <v>311289</v>
      </c>
      <c r="HJ27" s="104">
        <v>337033</v>
      </c>
      <c r="HK27" s="104">
        <v>744577</v>
      </c>
      <c r="HL27" s="104">
        <v>419887</v>
      </c>
      <c r="HM27" s="103">
        <v>2215783</v>
      </c>
      <c r="HN27" s="99">
        <v>2215783</v>
      </c>
      <c r="HO27" s="456">
        <v>0</v>
      </c>
      <c r="HP27" s="457">
        <v>0</v>
      </c>
      <c r="HQ27" s="458">
        <v>0</v>
      </c>
      <c r="HR27" s="459">
        <v>0</v>
      </c>
      <c r="HS27" s="457">
        <v>0</v>
      </c>
      <c r="HT27" s="457">
        <v>0</v>
      </c>
      <c r="HU27" s="457">
        <v>0</v>
      </c>
      <c r="HV27" s="457">
        <v>0</v>
      </c>
      <c r="HW27" s="457">
        <v>0</v>
      </c>
      <c r="HX27" s="460">
        <v>0</v>
      </c>
      <c r="HY27" s="461">
        <v>0</v>
      </c>
      <c r="HZ27" s="118">
        <v>0</v>
      </c>
      <c r="IA27" s="119">
        <v>0</v>
      </c>
      <c r="IB27" s="120">
        <v>0</v>
      </c>
      <c r="IC27" s="131">
        <v>0</v>
      </c>
      <c r="ID27" s="119">
        <v>206899</v>
      </c>
      <c r="IE27" s="132">
        <v>624071</v>
      </c>
      <c r="IF27" s="120">
        <v>224189</v>
      </c>
      <c r="IG27" s="119">
        <v>199010</v>
      </c>
      <c r="IH27" s="120">
        <v>0</v>
      </c>
      <c r="II27" s="133">
        <v>1254169</v>
      </c>
      <c r="IJ27" s="126">
        <v>1254169</v>
      </c>
      <c r="IK27" s="215">
        <v>0</v>
      </c>
      <c r="IL27" s="219">
        <v>0</v>
      </c>
      <c r="IM27" s="220">
        <v>0</v>
      </c>
      <c r="IN27" s="470">
        <v>0</v>
      </c>
      <c r="IO27" s="109">
        <v>0</v>
      </c>
      <c r="IP27" s="109">
        <v>0</v>
      </c>
      <c r="IQ27" s="109">
        <v>128506</v>
      </c>
      <c r="IR27" s="109">
        <v>163947</v>
      </c>
      <c r="IS27" s="109">
        <v>0</v>
      </c>
      <c r="IT27" s="128">
        <v>292453</v>
      </c>
      <c r="IU27" s="292">
        <v>292453</v>
      </c>
      <c r="IV27" s="129">
        <v>0</v>
      </c>
      <c r="IW27" s="109">
        <v>0</v>
      </c>
      <c r="IX27" s="110">
        <v>0</v>
      </c>
      <c r="IY27" s="470">
        <v>0</v>
      </c>
      <c r="IZ27" s="109">
        <v>0</v>
      </c>
      <c r="JA27" s="109">
        <v>0</v>
      </c>
      <c r="JB27" s="109">
        <v>0</v>
      </c>
      <c r="JC27" s="109">
        <v>0</v>
      </c>
      <c r="JD27" s="109">
        <v>0</v>
      </c>
      <c r="JE27" s="110">
        <v>0</v>
      </c>
      <c r="JF27" s="111">
        <v>0</v>
      </c>
      <c r="JG27" s="129">
        <v>0</v>
      </c>
      <c r="JH27" s="109">
        <v>0</v>
      </c>
      <c r="JI27" s="128">
        <v>0</v>
      </c>
      <c r="JJ27" s="108">
        <v>0</v>
      </c>
      <c r="JK27" s="109">
        <v>206899</v>
      </c>
      <c r="JL27" s="109">
        <v>223426</v>
      </c>
      <c r="JM27" s="109">
        <v>43834</v>
      </c>
      <c r="JN27" s="109">
        <v>35063</v>
      </c>
      <c r="JO27" s="109">
        <v>0</v>
      </c>
      <c r="JP27" s="110">
        <v>509222</v>
      </c>
      <c r="JQ27" s="292">
        <v>509222</v>
      </c>
      <c r="JR27" s="129">
        <v>0</v>
      </c>
      <c r="JS27" s="109">
        <v>0</v>
      </c>
      <c r="JT27" s="128">
        <v>0</v>
      </c>
      <c r="JU27" s="108">
        <v>0</v>
      </c>
      <c r="JV27" s="109">
        <v>0</v>
      </c>
      <c r="JW27" s="109">
        <v>0</v>
      </c>
      <c r="JX27" s="109">
        <v>51849</v>
      </c>
      <c r="JY27" s="109">
        <v>0</v>
      </c>
      <c r="JZ27" s="109">
        <v>0</v>
      </c>
      <c r="KA27" s="110">
        <v>51849</v>
      </c>
      <c r="KB27" s="292">
        <v>51849</v>
      </c>
      <c r="KC27" s="217">
        <v>0</v>
      </c>
      <c r="KD27" s="213">
        <v>0</v>
      </c>
      <c r="KE27" s="110">
        <v>0</v>
      </c>
      <c r="KF27" s="108">
        <v>0</v>
      </c>
      <c r="KG27" s="109">
        <v>0</v>
      </c>
      <c r="KH27" s="109">
        <v>400645</v>
      </c>
      <c r="KI27" s="109">
        <v>0</v>
      </c>
      <c r="KJ27" s="109">
        <v>0</v>
      </c>
      <c r="KK27" s="109">
        <v>0</v>
      </c>
      <c r="KL27" s="110">
        <v>400645</v>
      </c>
      <c r="KM27" s="130">
        <v>400645</v>
      </c>
      <c r="KN27" s="215">
        <v>0</v>
      </c>
      <c r="KO27" s="219">
        <v>0</v>
      </c>
      <c r="KP27" s="220">
        <v>0</v>
      </c>
      <c r="KQ27" s="470">
        <v>0</v>
      </c>
      <c r="KR27" s="109">
        <v>0</v>
      </c>
      <c r="KS27" s="109">
        <v>0</v>
      </c>
      <c r="KT27" s="109">
        <v>0</v>
      </c>
      <c r="KU27" s="109">
        <v>0</v>
      </c>
      <c r="KV27" s="109">
        <v>0</v>
      </c>
      <c r="KW27" s="110">
        <v>0</v>
      </c>
      <c r="KX27" s="292">
        <v>0</v>
      </c>
      <c r="KY27" s="129">
        <v>0</v>
      </c>
      <c r="KZ27" s="109">
        <v>0</v>
      </c>
      <c r="LA27" s="110">
        <v>0</v>
      </c>
      <c r="LB27" s="470">
        <v>0</v>
      </c>
      <c r="LC27" s="109">
        <v>0</v>
      </c>
      <c r="LD27" s="109">
        <v>0</v>
      </c>
      <c r="LE27" s="109">
        <v>0</v>
      </c>
      <c r="LF27" s="109">
        <v>0</v>
      </c>
      <c r="LG27" s="109">
        <v>0</v>
      </c>
      <c r="LH27" s="110">
        <v>0</v>
      </c>
      <c r="LI27" s="111">
        <v>0</v>
      </c>
      <c r="LJ27" s="129">
        <v>0</v>
      </c>
      <c r="LK27" s="109">
        <v>0</v>
      </c>
      <c r="LL27" s="110">
        <v>0</v>
      </c>
      <c r="LM27" s="470">
        <v>0</v>
      </c>
      <c r="LN27" s="109">
        <v>0</v>
      </c>
      <c r="LO27" s="109">
        <v>0</v>
      </c>
      <c r="LP27" s="109">
        <v>0</v>
      </c>
      <c r="LQ27" s="109">
        <v>0</v>
      </c>
      <c r="LR27" s="109">
        <v>0</v>
      </c>
      <c r="LS27" s="110">
        <v>0</v>
      </c>
      <c r="LT27" s="292">
        <v>0</v>
      </c>
      <c r="LU27" s="129">
        <v>0</v>
      </c>
      <c r="LV27" s="109">
        <v>0</v>
      </c>
      <c r="LW27" s="110">
        <v>0</v>
      </c>
      <c r="LX27" s="470">
        <v>0</v>
      </c>
      <c r="LY27" s="109">
        <v>0</v>
      </c>
      <c r="LZ27" s="109">
        <v>0</v>
      </c>
      <c r="MA27" s="109">
        <v>0</v>
      </c>
      <c r="MB27" s="109">
        <v>0</v>
      </c>
      <c r="MC27" s="109">
        <v>0</v>
      </c>
      <c r="MD27" s="110">
        <v>0</v>
      </c>
      <c r="ME27" s="111">
        <v>0</v>
      </c>
      <c r="MF27" s="129">
        <v>0</v>
      </c>
      <c r="MG27" s="109">
        <v>0</v>
      </c>
      <c r="MH27" s="110">
        <v>0</v>
      </c>
      <c r="MI27" s="470">
        <v>0</v>
      </c>
      <c r="MJ27" s="109">
        <v>0</v>
      </c>
      <c r="MK27" s="109">
        <v>620522</v>
      </c>
      <c r="ML27" s="109">
        <v>213073</v>
      </c>
      <c r="MM27" s="109">
        <v>959820</v>
      </c>
      <c r="MN27" s="109">
        <v>0</v>
      </c>
      <c r="MO27" s="110">
        <v>1793415</v>
      </c>
      <c r="MP27" s="130">
        <v>1793415</v>
      </c>
      <c r="MQ27" s="129">
        <v>0</v>
      </c>
      <c r="MR27" s="109">
        <v>0</v>
      </c>
      <c r="MS27" s="110">
        <v>0</v>
      </c>
      <c r="MT27" s="470">
        <v>0</v>
      </c>
      <c r="MU27" s="109">
        <v>0</v>
      </c>
      <c r="MV27" s="109">
        <v>195230</v>
      </c>
      <c r="MW27" s="109">
        <v>213073</v>
      </c>
      <c r="MX27" s="109">
        <v>238746</v>
      </c>
      <c r="MY27" s="109">
        <v>0</v>
      </c>
      <c r="MZ27" s="110">
        <v>647049</v>
      </c>
      <c r="NA27" s="130">
        <v>647049</v>
      </c>
      <c r="NB27" s="129">
        <v>0</v>
      </c>
      <c r="NC27" s="109">
        <v>0</v>
      </c>
      <c r="ND27" s="110">
        <v>0</v>
      </c>
      <c r="NE27" s="470">
        <v>0</v>
      </c>
      <c r="NF27" s="109">
        <v>0</v>
      </c>
      <c r="NG27" s="109">
        <v>425292</v>
      </c>
      <c r="NH27" s="109">
        <v>0</v>
      </c>
      <c r="NI27" s="109">
        <v>721074</v>
      </c>
      <c r="NJ27" s="109">
        <v>0</v>
      </c>
      <c r="NK27" s="110">
        <v>1146366</v>
      </c>
      <c r="NL27" s="292">
        <v>1146366</v>
      </c>
      <c r="NM27" s="129">
        <v>0</v>
      </c>
      <c r="NN27" s="109">
        <v>0</v>
      </c>
      <c r="NO27" s="110">
        <v>0</v>
      </c>
      <c r="NP27" s="470">
        <v>0</v>
      </c>
      <c r="NQ27" s="109">
        <v>0</v>
      </c>
      <c r="NR27" s="109">
        <v>0</v>
      </c>
      <c r="NS27" s="109">
        <v>0</v>
      </c>
      <c r="NT27" s="109">
        <v>0</v>
      </c>
      <c r="NU27" s="109">
        <v>0</v>
      </c>
      <c r="NV27" s="110">
        <v>0</v>
      </c>
      <c r="NW27" s="111">
        <v>0</v>
      </c>
      <c r="NX27" s="129">
        <v>0</v>
      </c>
      <c r="NY27" s="109">
        <v>0</v>
      </c>
      <c r="NZ27" s="110">
        <v>0</v>
      </c>
      <c r="OA27" s="470">
        <v>0</v>
      </c>
      <c r="OB27" s="109">
        <v>0</v>
      </c>
      <c r="OC27" s="109">
        <v>0</v>
      </c>
      <c r="OD27" s="109">
        <v>0</v>
      </c>
      <c r="OE27" s="109">
        <v>0</v>
      </c>
      <c r="OF27" s="109">
        <v>0</v>
      </c>
      <c r="OG27" s="110">
        <v>0</v>
      </c>
      <c r="OH27" s="111">
        <v>0</v>
      </c>
      <c r="OI27" s="129">
        <v>75082</v>
      </c>
      <c r="OJ27" s="109">
        <v>35980</v>
      </c>
      <c r="OK27" s="128">
        <v>111062</v>
      </c>
      <c r="OL27" s="108">
        <v>0</v>
      </c>
      <c r="OM27" s="109">
        <v>1042520</v>
      </c>
      <c r="ON27" s="109">
        <v>2509954</v>
      </c>
      <c r="OO27" s="109">
        <v>1586145</v>
      </c>
      <c r="OP27" s="109">
        <v>2858281</v>
      </c>
      <c r="OQ27" s="109">
        <v>1885740</v>
      </c>
      <c r="OR27" s="110">
        <v>9882640</v>
      </c>
      <c r="OS27" s="130">
        <v>9993702</v>
      </c>
    </row>
    <row r="28" spans="2:409" ht="21" customHeight="1" x14ac:dyDescent="0.2">
      <c r="B28" s="437" t="s">
        <v>23</v>
      </c>
      <c r="C28" s="100">
        <v>76465</v>
      </c>
      <c r="D28" s="104">
        <v>196701</v>
      </c>
      <c r="E28" s="103">
        <v>273166</v>
      </c>
      <c r="F28" s="99">
        <v>0</v>
      </c>
      <c r="G28" s="104">
        <v>1155560</v>
      </c>
      <c r="H28" s="104">
        <v>2341044</v>
      </c>
      <c r="I28" s="104">
        <v>2142366</v>
      </c>
      <c r="J28" s="104">
        <v>2743364</v>
      </c>
      <c r="K28" s="104">
        <v>1350467</v>
      </c>
      <c r="L28" s="156">
        <v>9732801</v>
      </c>
      <c r="M28" s="106">
        <v>10005967</v>
      </c>
      <c r="N28" s="100">
        <v>66973</v>
      </c>
      <c r="O28" s="104">
        <v>86311</v>
      </c>
      <c r="P28" s="103">
        <v>153284</v>
      </c>
      <c r="Q28" s="100">
        <v>0</v>
      </c>
      <c r="R28" s="104">
        <v>241420</v>
      </c>
      <c r="S28" s="104">
        <v>825811</v>
      </c>
      <c r="T28" s="104">
        <v>1134736</v>
      </c>
      <c r="U28" s="104">
        <v>269636</v>
      </c>
      <c r="V28" s="104">
        <v>152839</v>
      </c>
      <c r="W28" s="103">
        <v>2624442</v>
      </c>
      <c r="X28" s="106">
        <v>2777726</v>
      </c>
      <c r="Y28" s="100">
        <v>0</v>
      </c>
      <c r="Z28" s="104">
        <v>0</v>
      </c>
      <c r="AA28" s="103">
        <v>0</v>
      </c>
      <c r="AB28" s="100">
        <v>0</v>
      </c>
      <c r="AC28" s="104">
        <v>11655</v>
      </c>
      <c r="AD28" s="104">
        <v>186017</v>
      </c>
      <c r="AE28" s="104">
        <v>676882</v>
      </c>
      <c r="AF28" s="104">
        <v>35112</v>
      </c>
      <c r="AG28" s="104">
        <v>0</v>
      </c>
      <c r="AH28" s="103">
        <v>909666</v>
      </c>
      <c r="AI28" s="106">
        <v>909666</v>
      </c>
      <c r="AJ28" s="100">
        <v>0</v>
      </c>
      <c r="AK28" s="104">
        <v>0</v>
      </c>
      <c r="AL28" s="103">
        <v>0</v>
      </c>
      <c r="AM28" s="100">
        <v>0</v>
      </c>
      <c r="AN28" s="104">
        <v>11691</v>
      </c>
      <c r="AO28" s="104">
        <v>81842</v>
      </c>
      <c r="AP28" s="104">
        <v>20729</v>
      </c>
      <c r="AQ28" s="104">
        <v>0</v>
      </c>
      <c r="AR28" s="104">
        <v>0</v>
      </c>
      <c r="AS28" s="103">
        <v>114262</v>
      </c>
      <c r="AT28" s="106">
        <v>114262</v>
      </c>
      <c r="AU28" s="100">
        <v>48289</v>
      </c>
      <c r="AV28" s="104">
        <v>66030</v>
      </c>
      <c r="AW28" s="103">
        <v>114319</v>
      </c>
      <c r="AX28" s="100">
        <v>0</v>
      </c>
      <c r="AY28" s="104">
        <v>163313</v>
      </c>
      <c r="AZ28" s="104">
        <v>419694</v>
      </c>
      <c r="BA28" s="104">
        <v>279226</v>
      </c>
      <c r="BB28" s="104">
        <v>96470</v>
      </c>
      <c r="BC28" s="104">
        <v>26398</v>
      </c>
      <c r="BD28" s="103">
        <v>985101</v>
      </c>
      <c r="BE28" s="106">
        <v>1099420</v>
      </c>
      <c r="BF28" s="100">
        <v>18684</v>
      </c>
      <c r="BG28" s="104">
        <v>20281</v>
      </c>
      <c r="BH28" s="102">
        <v>38965</v>
      </c>
      <c r="BI28" s="101">
        <v>0</v>
      </c>
      <c r="BJ28" s="104">
        <v>0</v>
      </c>
      <c r="BK28" s="104">
        <v>50114</v>
      </c>
      <c r="BL28" s="104">
        <v>0</v>
      </c>
      <c r="BM28" s="104">
        <v>0</v>
      </c>
      <c r="BN28" s="104">
        <v>0</v>
      </c>
      <c r="BO28" s="103">
        <v>50114</v>
      </c>
      <c r="BP28" s="106">
        <v>89079</v>
      </c>
      <c r="BQ28" s="100">
        <v>0</v>
      </c>
      <c r="BR28" s="104">
        <v>0</v>
      </c>
      <c r="BS28" s="103">
        <v>0</v>
      </c>
      <c r="BT28" s="100">
        <v>0</v>
      </c>
      <c r="BU28" s="104">
        <v>54761</v>
      </c>
      <c r="BV28" s="104">
        <v>88144</v>
      </c>
      <c r="BW28" s="104">
        <v>157899</v>
      </c>
      <c r="BX28" s="104">
        <v>138054</v>
      </c>
      <c r="BY28" s="104">
        <v>126441</v>
      </c>
      <c r="BZ28" s="103">
        <v>565299</v>
      </c>
      <c r="CA28" s="106">
        <v>565299</v>
      </c>
      <c r="CB28" s="100">
        <v>0</v>
      </c>
      <c r="CC28" s="104">
        <v>0</v>
      </c>
      <c r="CD28" s="103">
        <v>0</v>
      </c>
      <c r="CE28" s="100">
        <v>0</v>
      </c>
      <c r="CF28" s="104">
        <v>549248</v>
      </c>
      <c r="CG28" s="104">
        <v>669887</v>
      </c>
      <c r="CH28" s="104">
        <v>480159</v>
      </c>
      <c r="CI28" s="104">
        <v>630474</v>
      </c>
      <c r="CJ28" s="104">
        <v>11304</v>
      </c>
      <c r="CK28" s="103">
        <v>2341072</v>
      </c>
      <c r="CL28" s="106">
        <v>2341072</v>
      </c>
      <c r="CM28" s="100">
        <v>0</v>
      </c>
      <c r="CN28" s="104">
        <v>0</v>
      </c>
      <c r="CO28" s="103">
        <v>0</v>
      </c>
      <c r="CP28" s="101">
        <v>0</v>
      </c>
      <c r="CQ28" s="104">
        <v>444309</v>
      </c>
      <c r="CR28" s="104">
        <v>603298</v>
      </c>
      <c r="CS28" s="104">
        <v>381147</v>
      </c>
      <c r="CT28" s="104">
        <v>341214</v>
      </c>
      <c r="CU28" s="104">
        <v>0</v>
      </c>
      <c r="CV28" s="103">
        <v>1769968</v>
      </c>
      <c r="CW28" s="106">
        <v>1769968</v>
      </c>
      <c r="CX28" s="100">
        <v>0</v>
      </c>
      <c r="CY28" s="104">
        <v>0</v>
      </c>
      <c r="CZ28" s="103">
        <v>0</v>
      </c>
      <c r="DA28" s="100">
        <v>0</v>
      </c>
      <c r="DB28" s="104">
        <v>104939</v>
      </c>
      <c r="DC28" s="104">
        <v>66589</v>
      </c>
      <c r="DD28" s="104">
        <v>99012</v>
      </c>
      <c r="DE28" s="104">
        <v>289260</v>
      </c>
      <c r="DF28" s="104">
        <v>11304</v>
      </c>
      <c r="DG28" s="103">
        <v>571104</v>
      </c>
      <c r="DH28" s="106">
        <v>571104</v>
      </c>
      <c r="DI28" s="100">
        <v>0</v>
      </c>
      <c r="DJ28" s="104">
        <v>0</v>
      </c>
      <c r="DK28" s="102">
        <v>0</v>
      </c>
      <c r="DL28" s="101">
        <v>0</v>
      </c>
      <c r="DM28" s="104">
        <v>80842</v>
      </c>
      <c r="DN28" s="104">
        <v>192436</v>
      </c>
      <c r="DO28" s="104">
        <v>365407</v>
      </c>
      <c r="DP28" s="104">
        <v>400047</v>
      </c>
      <c r="DQ28" s="104">
        <v>78768</v>
      </c>
      <c r="DR28" s="103">
        <v>1117500</v>
      </c>
      <c r="DS28" s="106">
        <v>1117500</v>
      </c>
      <c r="DT28" s="100">
        <v>0</v>
      </c>
      <c r="DU28" s="104">
        <v>0</v>
      </c>
      <c r="DV28" s="103">
        <v>0</v>
      </c>
      <c r="DW28" s="100">
        <v>0</v>
      </c>
      <c r="DX28" s="104">
        <v>80842</v>
      </c>
      <c r="DY28" s="104">
        <v>192436</v>
      </c>
      <c r="DZ28" s="104">
        <v>365407</v>
      </c>
      <c r="EA28" s="104">
        <v>182744</v>
      </c>
      <c r="EB28" s="104">
        <v>78768</v>
      </c>
      <c r="EC28" s="103">
        <v>900197</v>
      </c>
      <c r="ED28" s="106">
        <v>900197</v>
      </c>
      <c r="EE28" s="100">
        <v>0</v>
      </c>
      <c r="EF28" s="102">
        <v>0</v>
      </c>
      <c r="EG28" s="103">
        <v>0</v>
      </c>
      <c r="EH28" s="100">
        <v>0</v>
      </c>
      <c r="EI28" s="104">
        <v>0</v>
      </c>
      <c r="EJ28" s="104">
        <v>0</v>
      </c>
      <c r="EK28" s="104">
        <v>0</v>
      </c>
      <c r="EL28" s="104">
        <v>217303</v>
      </c>
      <c r="EM28" s="104">
        <v>0</v>
      </c>
      <c r="EN28" s="102">
        <v>217303</v>
      </c>
      <c r="EO28" s="106">
        <v>217303</v>
      </c>
      <c r="EP28" s="100">
        <v>0</v>
      </c>
      <c r="EQ28" s="104">
        <v>0</v>
      </c>
      <c r="ER28" s="102">
        <v>0</v>
      </c>
      <c r="ES28" s="101">
        <v>0</v>
      </c>
      <c r="ET28" s="104">
        <v>0</v>
      </c>
      <c r="EU28" s="104">
        <v>0</v>
      </c>
      <c r="EV28" s="104">
        <v>0</v>
      </c>
      <c r="EW28" s="104">
        <v>0</v>
      </c>
      <c r="EX28" s="104">
        <v>0</v>
      </c>
      <c r="EY28" s="103">
        <v>0</v>
      </c>
      <c r="EZ28" s="106">
        <v>0</v>
      </c>
      <c r="FA28" s="100">
        <v>0</v>
      </c>
      <c r="FB28" s="104">
        <v>0</v>
      </c>
      <c r="FC28" s="102">
        <v>0</v>
      </c>
      <c r="FD28" s="470">
        <v>0</v>
      </c>
      <c r="FE28" s="104">
        <v>0</v>
      </c>
      <c r="FF28" s="104">
        <v>0</v>
      </c>
      <c r="FG28" s="104">
        <v>0</v>
      </c>
      <c r="FH28" s="104">
        <v>0</v>
      </c>
      <c r="FI28" s="104">
        <v>0</v>
      </c>
      <c r="FJ28" s="103">
        <v>0</v>
      </c>
      <c r="FK28" s="106">
        <v>0</v>
      </c>
      <c r="FL28" s="100">
        <v>9492</v>
      </c>
      <c r="FM28" s="104">
        <v>110390</v>
      </c>
      <c r="FN28" s="103">
        <v>119882</v>
      </c>
      <c r="FO28" s="100">
        <v>0</v>
      </c>
      <c r="FP28" s="104">
        <v>135723</v>
      </c>
      <c r="FQ28" s="104">
        <v>330876</v>
      </c>
      <c r="FR28" s="104">
        <v>162064</v>
      </c>
      <c r="FS28" s="104">
        <v>104902</v>
      </c>
      <c r="FT28" s="104">
        <v>58198</v>
      </c>
      <c r="FU28" s="103">
        <v>791763</v>
      </c>
      <c r="FV28" s="106">
        <v>911645</v>
      </c>
      <c r="FW28" s="105">
        <v>9492</v>
      </c>
      <c r="FX28" s="104">
        <v>33390</v>
      </c>
      <c r="FY28" s="102">
        <v>42882</v>
      </c>
      <c r="FZ28" s="101">
        <v>0</v>
      </c>
      <c r="GA28" s="104">
        <v>135723</v>
      </c>
      <c r="GB28" s="104">
        <v>264026</v>
      </c>
      <c r="GC28" s="104">
        <v>162064</v>
      </c>
      <c r="GD28" s="104">
        <v>104902</v>
      </c>
      <c r="GE28" s="104">
        <v>45598</v>
      </c>
      <c r="GF28" s="103">
        <v>712313</v>
      </c>
      <c r="GG28" s="290">
        <v>755195</v>
      </c>
      <c r="GH28" s="105">
        <v>0</v>
      </c>
      <c r="GI28" s="104">
        <v>0</v>
      </c>
      <c r="GJ28" s="102">
        <v>0</v>
      </c>
      <c r="GK28" s="101">
        <v>0</v>
      </c>
      <c r="GL28" s="104">
        <v>0</v>
      </c>
      <c r="GM28" s="104">
        <v>22050</v>
      </c>
      <c r="GN28" s="104">
        <v>0</v>
      </c>
      <c r="GO28" s="104">
        <v>0</v>
      </c>
      <c r="GP28" s="104">
        <v>12600</v>
      </c>
      <c r="GQ28" s="103">
        <v>34650</v>
      </c>
      <c r="GR28" s="106">
        <v>34650</v>
      </c>
      <c r="GS28" s="100">
        <v>0</v>
      </c>
      <c r="GT28" s="104">
        <v>77000</v>
      </c>
      <c r="GU28" s="103">
        <v>77000</v>
      </c>
      <c r="GV28" s="100">
        <v>0</v>
      </c>
      <c r="GW28" s="104">
        <v>0</v>
      </c>
      <c r="GX28" s="104">
        <v>44800</v>
      </c>
      <c r="GY28" s="104">
        <v>0</v>
      </c>
      <c r="GZ28" s="104">
        <v>0</v>
      </c>
      <c r="HA28" s="104">
        <v>0</v>
      </c>
      <c r="HB28" s="102">
        <v>44800</v>
      </c>
      <c r="HC28" s="106">
        <v>121800</v>
      </c>
      <c r="HD28" s="100">
        <v>0</v>
      </c>
      <c r="HE28" s="104">
        <v>0</v>
      </c>
      <c r="HF28" s="102">
        <v>0</v>
      </c>
      <c r="HG28" s="101">
        <v>0</v>
      </c>
      <c r="HH28" s="104">
        <v>148327</v>
      </c>
      <c r="HI28" s="104">
        <v>322034</v>
      </c>
      <c r="HJ28" s="104">
        <v>0</v>
      </c>
      <c r="HK28" s="104">
        <v>1338305</v>
      </c>
      <c r="HL28" s="104">
        <v>1049358</v>
      </c>
      <c r="HM28" s="103">
        <v>2858024</v>
      </c>
      <c r="HN28" s="99">
        <v>2858024</v>
      </c>
      <c r="HO28" s="456">
        <v>0</v>
      </c>
      <c r="HP28" s="457">
        <v>0</v>
      </c>
      <c r="HQ28" s="458">
        <v>0</v>
      </c>
      <c r="HR28" s="459">
        <v>0</v>
      </c>
      <c r="HS28" s="457">
        <v>0</v>
      </c>
      <c r="HT28" s="457">
        <v>0</v>
      </c>
      <c r="HU28" s="457">
        <v>0</v>
      </c>
      <c r="HV28" s="457">
        <v>0</v>
      </c>
      <c r="HW28" s="457">
        <v>0</v>
      </c>
      <c r="HX28" s="460">
        <v>0</v>
      </c>
      <c r="HY28" s="461">
        <v>0</v>
      </c>
      <c r="HZ28" s="135">
        <v>0</v>
      </c>
      <c r="IA28" s="122">
        <v>0</v>
      </c>
      <c r="IB28" s="135">
        <v>0</v>
      </c>
      <c r="IC28" s="121">
        <v>0</v>
      </c>
      <c r="ID28" s="122">
        <v>248301</v>
      </c>
      <c r="IE28" s="123">
        <v>299708</v>
      </c>
      <c r="IF28" s="124">
        <v>735833</v>
      </c>
      <c r="IG28" s="122">
        <v>0</v>
      </c>
      <c r="IH28" s="124">
        <v>232199</v>
      </c>
      <c r="II28" s="125">
        <v>1516041</v>
      </c>
      <c r="IJ28" s="135">
        <v>1516041</v>
      </c>
      <c r="IK28" s="215">
        <v>0</v>
      </c>
      <c r="IL28" s="219">
        <v>0</v>
      </c>
      <c r="IM28" s="220">
        <v>0</v>
      </c>
      <c r="IN28" s="470">
        <v>0</v>
      </c>
      <c r="IO28" s="109">
        <v>0</v>
      </c>
      <c r="IP28" s="109">
        <v>0</v>
      </c>
      <c r="IQ28" s="109">
        <v>0</v>
      </c>
      <c r="IR28" s="109">
        <v>0</v>
      </c>
      <c r="IS28" s="109">
        <v>232199</v>
      </c>
      <c r="IT28" s="128">
        <v>232199</v>
      </c>
      <c r="IU28" s="292">
        <v>232199</v>
      </c>
      <c r="IV28" s="129">
        <v>0</v>
      </c>
      <c r="IW28" s="109">
        <v>0</v>
      </c>
      <c r="IX28" s="110">
        <v>0</v>
      </c>
      <c r="IY28" s="470">
        <v>0</v>
      </c>
      <c r="IZ28" s="109">
        <v>0</v>
      </c>
      <c r="JA28" s="109">
        <v>0</v>
      </c>
      <c r="JB28" s="109">
        <v>0</v>
      </c>
      <c r="JC28" s="109">
        <v>0</v>
      </c>
      <c r="JD28" s="109">
        <v>0</v>
      </c>
      <c r="JE28" s="110">
        <v>0</v>
      </c>
      <c r="JF28" s="111">
        <v>0</v>
      </c>
      <c r="JG28" s="129">
        <v>0</v>
      </c>
      <c r="JH28" s="109">
        <v>0</v>
      </c>
      <c r="JI28" s="128">
        <v>0</v>
      </c>
      <c r="JJ28" s="108">
        <v>0</v>
      </c>
      <c r="JK28" s="109">
        <v>36657</v>
      </c>
      <c r="JL28" s="109">
        <v>82395</v>
      </c>
      <c r="JM28" s="109">
        <v>56389</v>
      </c>
      <c r="JN28" s="109">
        <v>0</v>
      </c>
      <c r="JO28" s="109">
        <v>0</v>
      </c>
      <c r="JP28" s="110">
        <v>175441</v>
      </c>
      <c r="JQ28" s="292">
        <v>175441</v>
      </c>
      <c r="JR28" s="129">
        <v>0</v>
      </c>
      <c r="JS28" s="109">
        <v>0</v>
      </c>
      <c r="JT28" s="128">
        <v>0</v>
      </c>
      <c r="JU28" s="108">
        <v>0</v>
      </c>
      <c r="JV28" s="109">
        <v>0</v>
      </c>
      <c r="JW28" s="109">
        <v>0</v>
      </c>
      <c r="JX28" s="109">
        <v>0</v>
      </c>
      <c r="JY28" s="109">
        <v>0</v>
      </c>
      <c r="JZ28" s="109">
        <v>0</v>
      </c>
      <c r="KA28" s="110">
        <v>0</v>
      </c>
      <c r="KB28" s="292">
        <v>0</v>
      </c>
      <c r="KC28" s="217">
        <v>0</v>
      </c>
      <c r="KD28" s="213">
        <v>0</v>
      </c>
      <c r="KE28" s="110">
        <v>0</v>
      </c>
      <c r="KF28" s="108">
        <v>0</v>
      </c>
      <c r="KG28" s="109">
        <v>0</v>
      </c>
      <c r="KH28" s="109">
        <v>0</v>
      </c>
      <c r="KI28" s="109">
        <v>0</v>
      </c>
      <c r="KJ28" s="109">
        <v>0</v>
      </c>
      <c r="KK28" s="109">
        <v>0</v>
      </c>
      <c r="KL28" s="110">
        <v>0</v>
      </c>
      <c r="KM28" s="130">
        <v>0</v>
      </c>
      <c r="KN28" s="215">
        <v>0</v>
      </c>
      <c r="KO28" s="219">
        <v>0</v>
      </c>
      <c r="KP28" s="220">
        <v>0</v>
      </c>
      <c r="KQ28" s="470">
        <v>0</v>
      </c>
      <c r="KR28" s="109">
        <v>211644</v>
      </c>
      <c r="KS28" s="109">
        <v>217313</v>
      </c>
      <c r="KT28" s="109">
        <v>679444</v>
      </c>
      <c r="KU28" s="109">
        <v>0</v>
      </c>
      <c r="KV28" s="109">
        <v>0</v>
      </c>
      <c r="KW28" s="110">
        <v>1108401</v>
      </c>
      <c r="KX28" s="292">
        <v>1108401</v>
      </c>
      <c r="KY28" s="129">
        <v>0</v>
      </c>
      <c r="KZ28" s="109">
        <v>0</v>
      </c>
      <c r="LA28" s="110">
        <v>0</v>
      </c>
      <c r="LB28" s="470">
        <v>0</v>
      </c>
      <c r="LC28" s="109">
        <v>0</v>
      </c>
      <c r="LD28" s="109">
        <v>0</v>
      </c>
      <c r="LE28" s="109">
        <v>0</v>
      </c>
      <c r="LF28" s="109">
        <v>0</v>
      </c>
      <c r="LG28" s="109">
        <v>0</v>
      </c>
      <c r="LH28" s="110">
        <v>0</v>
      </c>
      <c r="LI28" s="111">
        <v>0</v>
      </c>
      <c r="LJ28" s="129">
        <v>0</v>
      </c>
      <c r="LK28" s="109">
        <v>0</v>
      </c>
      <c r="LL28" s="110">
        <v>0</v>
      </c>
      <c r="LM28" s="470">
        <v>0</v>
      </c>
      <c r="LN28" s="109">
        <v>0</v>
      </c>
      <c r="LO28" s="109">
        <v>0</v>
      </c>
      <c r="LP28" s="109">
        <v>0</v>
      </c>
      <c r="LQ28" s="109">
        <v>0</v>
      </c>
      <c r="LR28" s="109">
        <v>0</v>
      </c>
      <c r="LS28" s="110">
        <v>0</v>
      </c>
      <c r="LT28" s="292">
        <v>0</v>
      </c>
      <c r="LU28" s="129">
        <v>0</v>
      </c>
      <c r="LV28" s="109">
        <v>0</v>
      </c>
      <c r="LW28" s="110">
        <v>0</v>
      </c>
      <c r="LX28" s="470">
        <v>0</v>
      </c>
      <c r="LY28" s="109">
        <v>0</v>
      </c>
      <c r="LZ28" s="109">
        <v>0</v>
      </c>
      <c r="MA28" s="109">
        <v>0</v>
      </c>
      <c r="MB28" s="109">
        <v>0</v>
      </c>
      <c r="MC28" s="109">
        <v>0</v>
      </c>
      <c r="MD28" s="110">
        <v>0</v>
      </c>
      <c r="ME28" s="111">
        <v>0</v>
      </c>
      <c r="MF28" s="129">
        <v>0</v>
      </c>
      <c r="MG28" s="109">
        <v>0</v>
      </c>
      <c r="MH28" s="110">
        <v>0</v>
      </c>
      <c r="MI28" s="470">
        <v>0</v>
      </c>
      <c r="MJ28" s="109">
        <v>0</v>
      </c>
      <c r="MK28" s="109">
        <v>0</v>
      </c>
      <c r="ML28" s="109">
        <v>442028</v>
      </c>
      <c r="MM28" s="109">
        <v>662217</v>
      </c>
      <c r="MN28" s="109">
        <v>1019323</v>
      </c>
      <c r="MO28" s="110">
        <v>2123568</v>
      </c>
      <c r="MP28" s="130">
        <v>2123568</v>
      </c>
      <c r="MQ28" s="129">
        <v>0</v>
      </c>
      <c r="MR28" s="109">
        <v>0</v>
      </c>
      <c r="MS28" s="110">
        <v>0</v>
      </c>
      <c r="MT28" s="470">
        <v>0</v>
      </c>
      <c r="MU28" s="109">
        <v>0</v>
      </c>
      <c r="MV28" s="109">
        <v>0</v>
      </c>
      <c r="MW28" s="109">
        <v>442028</v>
      </c>
      <c r="MX28" s="109">
        <v>662217</v>
      </c>
      <c r="MY28" s="109">
        <v>447574</v>
      </c>
      <c r="MZ28" s="110">
        <v>1551819</v>
      </c>
      <c r="NA28" s="130">
        <v>1551819</v>
      </c>
      <c r="NB28" s="129">
        <v>0</v>
      </c>
      <c r="NC28" s="109">
        <v>0</v>
      </c>
      <c r="ND28" s="110">
        <v>0</v>
      </c>
      <c r="NE28" s="470">
        <v>0</v>
      </c>
      <c r="NF28" s="109">
        <v>0</v>
      </c>
      <c r="NG28" s="109">
        <v>0</v>
      </c>
      <c r="NH28" s="109">
        <v>0</v>
      </c>
      <c r="NI28" s="109">
        <v>0</v>
      </c>
      <c r="NJ28" s="109">
        <v>244635</v>
      </c>
      <c r="NK28" s="110">
        <v>244635</v>
      </c>
      <c r="NL28" s="292">
        <v>244635</v>
      </c>
      <c r="NM28" s="129">
        <v>0</v>
      </c>
      <c r="NN28" s="109">
        <v>0</v>
      </c>
      <c r="NO28" s="110">
        <v>0</v>
      </c>
      <c r="NP28" s="470">
        <v>0</v>
      </c>
      <c r="NQ28" s="109">
        <v>0</v>
      </c>
      <c r="NR28" s="109">
        <v>0</v>
      </c>
      <c r="NS28" s="109">
        <v>0</v>
      </c>
      <c r="NT28" s="109">
        <v>0</v>
      </c>
      <c r="NU28" s="109">
        <v>0</v>
      </c>
      <c r="NV28" s="110">
        <v>0</v>
      </c>
      <c r="NW28" s="111">
        <v>0</v>
      </c>
      <c r="NX28" s="129">
        <v>0</v>
      </c>
      <c r="NY28" s="109">
        <v>0</v>
      </c>
      <c r="NZ28" s="110">
        <v>0</v>
      </c>
      <c r="OA28" s="470">
        <v>0</v>
      </c>
      <c r="OB28" s="109">
        <v>0</v>
      </c>
      <c r="OC28" s="109">
        <v>0</v>
      </c>
      <c r="OD28" s="109">
        <v>0</v>
      </c>
      <c r="OE28" s="109">
        <v>0</v>
      </c>
      <c r="OF28" s="109">
        <v>327114</v>
      </c>
      <c r="OG28" s="110">
        <v>327114</v>
      </c>
      <c r="OH28" s="111">
        <v>327114</v>
      </c>
      <c r="OI28" s="129">
        <v>76465</v>
      </c>
      <c r="OJ28" s="109">
        <v>196701</v>
      </c>
      <c r="OK28" s="128">
        <v>273166</v>
      </c>
      <c r="OL28" s="108">
        <v>0</v>
      </c>
      <c r="OM28" s="109">
        <v>1403861</v>
      </c>
      <c r="ON28" s="109">
        <v>2640752</v>
      </c>
      <c r="OO28" s="109">
        <v>3320227</v>
      </c>
      <c r="OP28" s="109">
        <v>3405581</v>
      </c>
      <c r="OQ28" s="109">
        <v>2601989</v>
      </c>
      <c r="OR28" s="110">
        <v>13372410</v>
      </c>
      <c r="OS28" s="130">
        <v>13645576</v>
      </c>
    </row>
    <row r="29" spans="2:409" ht="21" customHeight="1" x14ac:dyDescent="0.2">
      <c r="B29" s="437" t="s">
        <v>24</v>
      </c>
      <c r="C29" s="100">
        <v>209595</v>
      </c>
      <c r="D29" s="104">
        <v>364325</v>
      </c>
      <c r="E29" s="103">
        <v>573920</v>
      </c>
      <c r="F29" s="99">
        <v>0</v>
      </c>
      <c r="G29" s="104">
        <v>2009171</v>
      </c>
      <c r="H29" s="104">
        <v>2313781</v>
      </c>
      <c r="I29" s="104">
        <v>1303253</v>
      </c>
      <c r="J29" s="104">
        <v>2075365</v>
      </c>
      <c r="K29" s="104">
        <v>2270613</v>
      </c>
      <c r="L29" s="156">
        <v>9972183</v>
      </c>
      <c r="M29" s="106">
        <v>10546103</v>
      </c>
      <c r="N29" s="100">
        <v>47794</v>
      </c>
      <c r="O29" s="104">
        <v>52005</v>
      </c>
      <c r="P29" s="103">
        <v>99799</v>
      </c>
      <c r="Q29" s="100">
        <v>0</v>
      </c>
      <c r="R29" s="104">
        <v>571347</v>
      </c>
      <c r="S29" s="104">
        <v>657857</v>
      </c>
      <c r="T29" s="104">
        <v>449060</v>
      </c>
      <c r="U29" s="104">
        <v>669993</v>
      </c>
      <c r="V29" s="104">
        <v>787389</v>
      </c>
      <c r="W29" s="103">
        <v>3135646</v>
      </c>
      <c r="X29" s="106">
        <v>3235445</v>
      </c>
      <c r="Y29" s="100">
        <v>0</v>
      </c>
      <c r="Z29" s="104">
        <v>0</v>
      </c>
      <c r="AA29" s="103">
        <v>0</v>
      </c>
      <c r="AB29" s="100">
        <v>0</v>
      </c>
      <c r="AC29" s="104">
        <v>171575</v>
      </c>
      <c r="AD29" s="104">
        <v>322671</v>
      </c>
      <c r="AE29" s="104">
        <v>189306</v>
      </c>
      <c r="AF29" s="104">
        <v>284950</v>
      </c>
      <c r="AG29" s="104">
        <v>388289</v>
      </c>
      <c r="AH29" s="103">
        <v>1356791</v>
      </c>
      <c r="AI29" s="106">
        <v>1356791</v>
      </c>
      <c r="AJ29" s="100">
        <v>0</v>
      </c>
      <c r="AK29" s="104">
        <v>0</v>
      </c>
      <c r="AL29" s="103">
        <v>0</v>
      </c>
      <c r="AM29" s="100">
        <v>0</v>
      </c>
      <c r="AN29" s="104">
        <v>42256</v>
      </c>
      <c r="AO29" s="104">
        <v>0</v>
      </c>
      <c r="AP29" s="104">
        <v>0</v>
      </c>
      <c r="AQ29" s="104">
        <v>0</v>
      </c>
      <c r="AR29" s="104">
        <v>83173</v>
      </c>
      <c r="AS29" s="103">
        <v>125429</v>
      </c>
      <c r="AT29" s="106">
        <v>125429</v>
      </c>
      <c r="AU29" s="100">
        <v>42355</v>
      </c>
      <c r="AV29" s="104">
        <v>34631</v>
      </c>
      <c r="AW29" s="103">
        <v>76986</v>
      </c>
      <c r="AX29" s="100">
        <v>0</v>
      </c>
      <c r="AY29" s="104">
        <v>223970</v>
      </c>
      <c r="AZ29" s="104">
        <v>207723</v>
      </c>
      <c r="BA29" s="104">
        <v>183594</v>
      </c>
      <c r="BB29" s="104">
        <v>247892</v>
      </c>
      <c r="BC29" s="104">
        <v>147073</v>
      </c>
      <c r="BD29" s="103">
        <v>1010252</v>
      </c>
      <c r="BE29" s="106">
        <v>1087238</v>
      </c>
      <c r="BF29" s="100">
        <v>0</v>
      </c>
      <c r="BG29" s="104">
        <v>0</v>
      </c>
      <c r="BH29" s="102">
        <v>0</v>
      </c>
      <c r="BI29" s="101">
        <v>0</v>
      </c>
      <c r="BJ29" s="104">
        <v>0</v>
      </c>
      <c r="BK29" s="104">
        <v>0</v>
      </c>
      <c r="BL29" s="104">
        <v>0</v>
      </c>
      <c r="BM29" s="104">
        <v>0</v>
      </c>
      <c r="BN29" s="104">
        <v>28490</v>
      </c>
      <c r="BO29" s="103">
        <v>28490</v>
      </c>
      <c r="BP29" s="106">
        <v>28490</v>
      </c>
      <c r="BQ29" s="100">
        <v>5439</v>
      </c>
      <c r="BR29" s="104">
        <v>17374</v>
      </c>
      <c r="BS29" s="103">
        <v>22813</v>
      </c>
      <c r="BT29" s="100">
        <v>0</v>
      </c>
      <c r="BU29" s="104">
        <v>133546</v>
      </c>
      <c r="BV29" s="104">
        <v>127463</v>
      </c>
      <c r="BW29" s="104">
        <v>76160</v>
      </c>
      <c r="BX29" s="104">
        <v>137151</v>
      </c>
      <c r="BY29" s="104">
        <v>140364</v>
      </c>
      <c r="BZ29" s="103">
        <v>614684</v>
      </c>
      <c r="CA29" s="106">
        <v>637497</v>
      </c>
      <c r="CB29" s="100">
        <v>35733</v>
      </c>
      <c r="CC29" s="104">
        <v>35660</v>
      </c>
      <c r="CD29" s="103">
        <v>71393</v>
      </c>
      <c r="CE29" s="100">
        <v>0</v>
      </c>
      <c r="CF29" s="104">
        <v>476767</v>
      </c>
      <c r="CG29" s="104">
        <v>385706</v>
      </c>
      <c r="CH29" s="104">
        <v>176652</v>
      </c>
      <c r="CI29" s="104">
        <v>87762</v>
      </c>
      <c r="CJ29" s="104">
        <v>352599</v>
      </c>
      <c r="CK29" s="103">
        <v>1479486</v>
      </c>
      <c r="CL29" s="106">
        <v>1550879</v>
      </c>
      <c r="CM29" s="100">
        <v>0</v>
      </c>
      <c r="CN29" s="104">
        <v>0</v>
      </c>
      <c r="CO29" s="103">
        <v>0</v>
      </c>
      <c r="CP29" s="101">
        <v>0</v>
      </c>
      <c r="CQ29" s="104">
        <v>341264</v>
      </c>
      <c r="CR29" s="104">
        <v>248387</v>
      </c>
      <c r="CS29" s="104">
        <v>72558</v>
      </c>
      <c r="CT29" s="104">
        <v>0</v>
      </c>
      <c r="CU29" s="104">
        <v>124455</v>
      </c>
      <c r="CV29" s="103">
        <v>786664</v>
      </c>
      <c r="CW29" s="106">
        <v>786664</v>
      </c>
      <c r="CX29" s="100">
        <v>35733</v>
      </c>
      <c r="CY29" s="104">
        <v>35660</v>
      </c>
      <c r="CZ29" s="103">
        <v>71393</v>
      </c>
      <c r="DA29" s="100">
        <v>0</v>
      </c>
      <c r="DB29" s="104">
        <v>135503</v>
      </c>
      <c r="DC29" s="104">
        <v>137319</v>
      </c>
      <c r="DD29" s="104">
        <v>104094</v>
      </c>
      <c r="DE29" s="104">
        <v>87762</v>
      </c>
      <c r="DF29" s="104">
        <v>228144</v>
      </c>
      <c r="DG29" s="103">
        <v>692822</v>
      </c>
      <c r="DH29" s="106">
        <v>764215</v>
      </c>
      <c r="DI29" s="100">
        <v>17657</v>
      </c>
      <c r="DJ29" s="104">
        <v>0</v>
      </c>
      <c r="DK29" s="102">
        <v>17657</v>
      </c>
      <c r="DL29" s="101">
        <v>0</v>
      </c>
      <c r="DM29" s="104">
        <v>0</v>
      </c>
      <c r="DN29" s="104">
        <v>0</v>
      </c>
      <c r="DO29" s="104">
        <v>57803</v>
      </c>
      <c r="DP29" s="104">
        <v>0</v>
      </c>
      <c r="DQ29" s="104">
        <v>138213</v>
      </c>
      <c r="DR29" s="103">
        <v>196016</v>
      </c>
      <c r="DS29" s="106">
        <v>213673</v>
      </c>
      <c r="DT29" s="100">
        <v>17657</v>
      </c>
      <c r="DU29" s="104">
        <v>0</v>
      </c>
      <c r="DV29" s="103">
        <v>17657</v>
      </c>
      <c r="DW29" s="100">
        <v>0</v>
      </c>
      <c r="DX29" s="104">
        <v>0</v>
      </c>
      <c r="DY29" s="104">
        <v>0</v>
      </c>
      <c r="DZ29" s="104">
        <v>57803</v>
      </c>
      <c r="EA29" s="104">
        <v>0</v>
      </c>
      <c r="EB29" s="104">
        <v>138213</v>
      </c>
      <c r="EC29" s="103">
        <v>196016</v>
      </c>
      <c r="ED29" s="106">
        <v>213673</v>
      </c>
      <c r="EE29" s="100">
        <v>0</v>
      </c>
      <c r="EF29" s="102">
        <v>0</v>
      </c>
      <c r="EG29" s="103">
        <v>0</v>
      </c>
      <c r="EH29" s="100">
        <v>0</v>
      </c>
      <c r="EI29" s="104">
        <v>0</v>
      </c>
      <c r="EJ29" s="104">
        <v>0</v>
      </c>
      <c r="EK29" s="104">
        <v>0</v>
      </c>
      <c r="EL29" s="104">
        <v>0</v>
      </c>
      <c r="EM29" s="104">
        <v>0</v>
      </c>
      <c r="EN29" s="102">
        <v>0</v>
      </c>
      <c r="EO29" s="106">
        <v>0</v>
      </c>
      <c r="EP29" s="100">
        <v>0</v>
      </c>
      <c r="EQ29" s="104">
        <v>0</v>
      </c>
      <c r="ER29" s="102">
        <v>0</v>
      </c>
      <c r="ES29" s="101">
        <v>0</v>
      </c>
      <c r="ET29" s="104">
        <v>0</v>
      </c>
      <c r="EU29" s="104">
        <v>0</v>
      </c>
      <c r="EV29" s="104">
        <v>0</v>
      </c>
      <c r="EW29" s="104">
        <v>0</v>
      </c>
      <c r="EX29" s="104">
        <v>0</v>
      </c>
      <c r="EY29" s="103">
        <v>0</v>
      </c>
      <c r="EZ29" s="106">
        <v>0</v>
      </c>
      <c r="FA29" s="100">
        <v>0</v>
      </c>
      <c r="FB29" s="104">
        <v>0</v>
      </c>
      <c r="FC29" s="102">
        <v>0</v>
      </c>
      <c r="FD29" s="470">
        <v>0</v>
      </c>
      <c r="FE29" s="104">
        <v>0</v>
      </c>
      <c r="FF29" s="104">
        <v>0</v>
      </c>
      <c r="FG29" s="104">
        <v>0</v>
      </c>
      <c r="FH29" s="104">
        <v>0</v>
      </c>
      <c r="FI29" s="104">
        <v>0</v>
      </c>
      <c r="FJ29" s="103">
        <v>0</v>
      </c>
      <c r="FK29" s="106">
        <v>0</v>
      </c>
      <c r="FL29" s="100">
        <v>14588</v>
      </c>
      <c r="FM29" s="104">
        <v>58646</v>
      </c>
      <c r="FN29" s="103">
        <v>73234</v>
      </c>
      <c r="FO29" s="100">
        <v>0</v>
      </c>
      <c r="FP29" s="104">
        <v>38500</v>
      </c>
      <c r="FQ29" s="104">
        <v>159334</v>
      </c>
      <c r="FR29" s="104">
        <v>72856</v>
      </c>
      <c r="FS29" s="104">
        <v>101542</v>
      </c>
      <c r="FT29" s="104">
        <v>138887</v>
      </c>
      <c r="FU29" s="103">
        <v>511119</v>
      </c>
      <c r="FV29" s="106">
        <v>584353</v>
      </c>
      <c r="FW29" s="105">
        <v>14588</v>
      </c>
      <c r="FX29" s="104">
        <v>41146</v>
      </c>
      <c r="FY29" s="102">
        <v>55734</v>
      </c>
      <c r="FZ29" s="101">
        <v>0</v>
      </c>
      <c r="GA29" s="104">
        <v>38500</v>
      </c>
      <c r="GB29" s="104">
        <v>143318</v>
      </c>
      <c r="GC29" s="104">
        <v>72856</v>
      </c>
      <c r="GD29" s="104">
        <v>101542</v>
      </c>
      <c r="GE29" s="104">
        <v>138887</v>
      </c>
      <c r="GF29" s="103">
        <v>495103</v>
      </c>
      <c r="GG29" s="290">
        <v>550837</v>
      </c>
      <c r="GH29" s="105">
        <v>0</v>
      </c>
      <c r="GI29" s="104">
        <v>0</v>
      </c>
      <c r="GJ29" s="102">
        <v>0</v>
      </c>
      <c r="GK29" s="101">
        <v>0</v>
      </c>
      <c r="GL29" s="104">
        <v>0</v>
      </c>
      <c r="GM29" s="104">
        <v>16016</v>
      </c>
      <c r="GN29" s="104">
        <v>0</v>
      </c>
      <c r="GO29" s="104">
        <v>0</v>
      </c>
      <c r="GP29" s="104">
        <v>0</v>
      </c>
      <c r="GQ29" s="103">
        <v>16016</v>
      </c>
      <c r="GR29" s="106">
        <v>16016</v>
      </c>
      <c r="GS29" s="100">
        <v>0</v>
      </c>
      <c r="GT29" s="104">
        <v>17500</v>
      </c>
      <c r="GU29" s="103">
        <v>17500</v>
      </c>
      <c r="GV29" s="100">
        <v>0</v>
      </c>
      <c r="GW29" s="104">
        <v>0</v>
      </c>
      <c r="GX29" s="104">
        <v>0</v>
      </c>
      <c r="GY29" s="104">
        <v>0</v>
      </c>
      <c r="GZ29" s="104">
        <v>0</v>
      </c>
      <c r="HA29" s="104">
        <v>0</v>
      </c>
      <c r="HB29" s="102">
        <v>0</v>
      </c>
      <c r="HC29" s="106">
        <v>17500</v>
      </c>
      <c r="HD29" s="100">
        <v>93823</v>
      </c>
      <c r="HE29" s="104">
        <v>218014</v>
      </c>
      <c r="HF29" s="102">
        <v>311837</v>
      </c>
      <c r="HG29" s="101">
        <v>0</v>
      </c>
      <c r="HH29" s="104">
        <v>922557</v>
      </c>
      <c r="HI29" s="104">
        <v>1110884</v>
      </c>
      <c r="HJ29" s="104">
        <v>546882</v>
      </c>
      <c r="HK29" s="104">
        <v>1216068</v>
      </c>
      <c r="HL29" s="104">
        <v>853525</v>
      </c>
      <c r="HM29" s="103">
        <v>4649916</v>
      </c>
      <c r="HN29" s="99">
        <v>4961753</v>
      </c>
      <c r="HO29" s="456">
        <v>0</v>
      </c>
      <c r="HP29" s="457">
        <v>0</v>
      </c>
      <c r="HQ29" s="458">
        <v>0</v>
      </c>
      <c r="HR29" s="459">
        <v>0</v>
      </c>
      <c r="HS29" s="457">
        <v>0</v>
      </c>
      <c r="HT29" s="457">
        <v>0</v>
      </c>
      <c r="HU29" s="457">
        <v>0</v>
      </c>
      <c r="HV29" s="457">
        <v>0</v>
      </c>
      <c r="HW29" s="457">
        <v>0</v>
      </c>
      <c r="HX29" s="460">
        <v>0</v>
      </c>
      <c r="HY29" s="461">
        <v>0</v>
      </c>
      <c r="HZ29" s="118">
        <v>0</v>
      </c>
      <c r="IA29" s="119">
        <v>0</v>
      </c>
      <c r="IB29" s="120">
        <v>0</v>
      </c>
      <c r="IC29" s="131">
        <v>0</v>
      </c>
      <c r="ID29" s="119">
        <v>274319</v>
      </c>
      <c r="IE29" s="132">
        <v>115723</v>
      </c>
      <c r="IF29" s="120">
        <v>179039</v>
      </c>
      <c r="IG29" s="119">
        <v>476312</v>
      </c>
      <c r="IH29" s="120">
        <v>294504</v>
      </c>
      <c r="II29" s="133">
        <v>1339897</v>
      </c>
      <c r="IJ29" s="126">
        <v>1339897</v>
      </c>
      <c r="IK29" s="215">
        <v>0</v>
      </c>
      <c r="IL29" s="219">
        <v>0</v>
      </c>
      <c r="IM29" s="220">
        <v>0</v>
      </c>
      <c r="IN29" s="470">
        <v>0</v>
      </c>
      <c r="IO29" s="109">
        <v>0</v>
      </c>
      <c r="IP29" s="109">
        <v>0</v>
      </c>
      <c r="IQ29" s="109">
        <v>0</v>
      </c>
      <c r="IR29" s="109">
        <v>378658</v>
      </c>
      <c r="IS29" s="109">
        <v>0</v>
      </c>
      <c r="IT29" s="128">
        <v>378658</v>
      </c>
      <c r="IU29" s="292">
        <v>378658</v>
      </c>
      <c r="IV29" s="129">
        <v>0</v>
      </c>
      <c r="IW29" s="109">
        <v>0</v>
      </c>
      <c r="IX29" s="110">
        <v>0</v>
      </c>
      <c r="IY29" s="470">
        <v>0</v>
      </c>
      <c r="IZ29" s="109">
        <v>0</v>
      </c>
      <c r="JA29" s="109">
        <v>0</v>
      </c>
      <c r="JB29" s="109">
        <v>0</v>
      </c>
      <c r="JC29" s="109">
        <v>0</v>
      </c>
      <c r="JD29" s="109">
        <v>0</v>
      </c>
      <c r="JE29" s="110">
        <v>0</v>
      </c>
      <c r="JF29" s="111">
        <v>0</v>
      </c>
      <c r="JG29" s="129">
        <v>0</v>
      </c>
      <c r="JH29" s="109">
        <v>0</v>
      </c>
      <c r="JI29" s="128">
        <v>0</v>
      </c>
      <c r="JJ29" s="108">
        <v>0</v>
      </c>
      <c r="JK29" s="109">
        <v>0</v>
      </c>
      <c r="JL29" s="109">
        <v>0</v>
      </c>
      <c r="JM29" s="109">
        <v>0</v>
      </c>
      <c r="JN29" s="109">
        <v>97654</v>
      </c>
      <c r="JO29" s="109">
        <v>0</v>
      </c>
      <c r="JP29" s="110">
        <v>97654</v>
      </c>
      <c r="JQ29" s="292">
        <v>97654</v>
      </c>
      <c r="JR29" s="129">
        <v>0</v>
      </c>
      <c r="JS29" s="109">
        <v>0</v>
      </c>
      <c r="JT29" s="128">
        <v>0</v>
      </c>
      <c r="JU29" s="108">
        <v>0</v>
      </c>
      <c r="JV29" s="109">
        <v>0</v>
      </c>
      <c r="JW29" s="109">
        <v>18575</v>
      </c>
      <c r="JX29" s="109">
        <v>0</v>
      </c>
      <c r="JY29" s="109">
        <v>0</v>
      </c>
      <c r="JZ29" s="109">
        <v>74305</v>
      </c>
      <c r="KA29" s="110">
        <v>92880</v>
      </c>
      <c r="KB29" s="292">
        <v>92880</v>
      </c>
      <c r="KC29" s="217">
        <v>0</v>
      </c>
      <c r="KD29" s="213">
        <v>0</v>
      </c>
      <c r="KE29" s="110">
        <v>0</v>
      </c>
      <c r="KF29" s="108">
        <v>0</v>
      </c>
      <c r="KG29" s="109">
        <v>274319</v>
      </c>
      <c r="KH29" s="109">
        <v>97148</v>
      </c>
      <c r="KI29" s="109">
        <v>179039</v>
      </c>
      <c r="KJ29" s="109">
        <v>0</v>
      </c>
      <c r="KK29" s="109">
        <v>0</v>
      </c>
      <c r="KL29" s="110">
        <v>550506</v>
      </c>
      <c r="KM29" s="130">
        <v>550506</v>
      </c>
      <c r="KN29" s="215">
        <v>0</v>
      </c>
      <c r="KO29" s="219">
        <v>0</v>
      </c>
      <c r="KP29" s="220">
        <v>0</v>
      </c>
      <c r="KQ29" s="470">
        <v>0</v>
      </c>
      <c r="KR29" s="109">
        <v>0</v>
      </c>
      <c r="KS29" s="109">
        <v>0</v>
      </c>
      <c r="KT29" s="109">
        <v>0</v>
      </c>
      <c r="KU29" s="109">
        <v>0</v>
      </c>
      <c r="KV29" s="109">
        <v>220199</v>
      </c>
      <c r="KW29" s="110">
        <v>220199</v>
      </c>
      <c r="KX29" s="292">
        <v>220199</v>
      </c>
      <c r="KY29" s="129">
        <v>0</v>
      </c>
      <c r="KZ29" s="109">
        <v>0</v>
      </c>
      <c r="LA29" s="110">
        <v>0</v>
      </c>
      <c r="LB29" s="470">
        <v>0</v>
      </c>
      <c r="LC29" s="109">
        <v>0</v>
      </c>
      <c r="LD29" s="109">
        <v>0</v>
      </c>
      <c r="LE29" s="109">
        <v>0</v>
      </c>
      <c r="LF29" s="109">
        <v>0</v>
      </c>
      <c r="LG29" s="109">
        <v>0</v>
      </c>
      <c r="LH29" s="110">
        <v>0</v>
      </c>
      <c r="LI29" s="111">
        <v>0</v>
      </c>
      <c r="LJ29" s="129">
        <v>0</v>
      </c>
      <c r="LK29" s="109">
        <v>0</v>
      </c>
      <c r="LL29" s="110">
        <v>0</v>
      </c>
      <c r="LM29" s="470">
        <v>0</v>
      </c>
      <c r="LN29" s="109">
        <v>0</v>
      </c>
      <c r="LO29" s="109">
        <v>0</v>
      </c>
      <c r="LP29" s="109">
        <v>0</v>
      </c>
      <c r="LQ29" s="109">
        <v>0</v>
      </c>
      <c r="LR29" s="109">
        <v>0</v>
      </c>
      <c r="LS29" s="110">
        <v>0</v>
      </c>
      <c r="LT29" s="292">
        <v>0</v>
      </c>
      <c r="LU29" s="129">
        <v>0</v>
      </c>
      <c r="LV29" s="109">
        <v>0</v>
      </c>
      <c r="LW29" s="110">
        <v>0</v>
      </c>
      <c r="LX29" s="470">
        <v>0</v>
      </c>
      <c r="LY29" s="109">
        <v>0</v>
      </c>
      <c r="LZ29" s="109">
        <v>0</v>
      </c>
      <c r="MA29" s="109">
        <v>0</v>
      </c>
      <c r="MB29" s="109">
        <v>0</v>
      </c>
      <c r="MC29" s="109">
        <v>0</v>
      </c>
      <c r="MD29" s="110">
        <v>0</v>
      </c>
      <c r="ME29" s="111">
        <v>0</v>
      </c>
      <c r="MF29" s="129">
        <v>0</v>
      </c>
      <c r="MG29" s="109">
        <v>0</v>
      </c>
      <c r="MH29" s="110">
        <v>0</v>
      </c>
      <c r="MI29" s="470">
        <v>0</v>
      </c>
      <c r="MJ29" s="109">
        <v>0</v>
      </c>
      <c r="MK29" s="109">
        <v>0</v>
      </c>
      <c r="ML29" s="109">
        <v>607152</v>
      </c>
      <c r="MM29" s="109">
        <v>709431</v>
      </c>
      <c r="MN29" s="109">
        <v>237696</v>
      </c>
      <c r="MO29" s="110">
        <v>1554279</v>
      </c>
      <c r="MP29" s="130">
        <v>1554279</v>
      </c>
      <c r="MQ29" s="129">
        <v>0</v>
      </c>
      <c r="MR29" s="109">
        <v>0</v>
      </c>
      <c r="MS29" s="110">
        <v>0</v>
      </c>
      <c r="MT29" s="470">
        <v>0</v>
      </c>
      <c r="MU29" s="109">
        <v>0</v>
      </c>
      <c r="MV29" s="109">
        <v>0</v>
      </c>
      <c r="MW29" s="109">
        <v>154218</v>
      </c>
      <c r="MX29" s="109">
        <v>709431</v>
      </c>
      <c r="MY29" s="109">
        <v>237696</v>
      </c>
      <c r="MZ29" s="110">
        <v>1101345</v>
      </c>
      <c r="NA29" s="130">
        <v>1101345</v>
      </c>
      <c r="NB29" s="129">
        <v>0</v>
      </c>
      <c r="NC29" s="109">
        <v>0</v>
      </c>
      <c r="ND29" s="110">
        <v>0</v>
      </c>
      <c r="NE29" s="470">
        <v>0</v>
      </c>
      <c r="NF29" s="109">
        <v>0</v>
      </c>
      <c r="NG29" s="109">
        <v>0</v>
      </c>
      <c r="NH29" s="109">
        <v>452934</v>
      </c>
      <c r="NI29" s="109">
        <v>0</v>
      </c>
      <c r="NJ29" s="109">
        <v>0</v>
      </c>
      <c r="NK29" s="110">
        <v>452934</v>
      </c>
      <c r="NL29" s="292">
        <v>452934</v>
      </c>
      <c r="NM29" s="129">
        <v>0</v>
      </c>
      <c r="NN29" s="109">
        <v>0</v>
      </c>
      <c r="NO29" s="110">
        <v>0</v>
      </c>
      <c r="NP29" s="470">
        <v>0</v>
      </c>
      <c r="NQ29" s="109">
        <v>0</v>
      </c>
      <c r="NR29" s="109">
        <v>0</v>
      </c>
      <c r="NS29" s="109">
        <v>0</v>
      </c>
      <c r="NT29" s="109">
        <v>0</v>
      </c>
      <c r="NU29" s="109">
        <v>0</v>
      </c>
      <c r="NV29" s="110">
        <v>0</v>
      </c>
      <c r="NW29" s="111">
        <v>0</v>
      </c>
      <c r="NX29" s="129">
        <v>0</v>
      </c>
      <c r="NY29" s="109">
        <v>0</v>
      </c>
      <c r="NZ29" s="110">
        <v>0</v>
      </c>
      <c r="OA29" s="470">
        <v>0</v>
      </c>
      <c r="OB29" s="109">
        <v>0</v>
      </c>
      <c r="OC29" s="109">
        <v>0</v>
      </c>
      <c r="OD29" s="109">
        <v>0</v>
      </c>
      <c r="OE29" s="109">
        <v>0</v>
      </c>
      <c r="OF29" s="109">
        <v>0</v>
      </c>
      <c r="OG29" s="110">
        <v>0</v>
      </c>
      <c r="OH29" s="111">
        <v>0</v>
      </c>
      <c r="OI29" s="129">
        <v>209595</v>
      </c>
      <c r="OJ29" s="109">
        <v>364325</v>
      </c>
      <c r="OK29" s="128">
        <v>573920</v>
      </c>
      <c r="OL29" s="108">
        <v>0</v>
      </c>
      <c r="OM29" s="109">
        <v>2283490</v>
      </c>
      <c r="ON29" s="109">
        <v>2429504</v>
      </c>
      <c r="OO29" s="109">
        <v>2089444</v>
      </c>
      <c r="OP29" s="109">
        <v>3261108</v>
      </c>
      <c r="OQ29" s="109">
        <v>2802813</v>
      </c>
      <c r="OR29" s="110">
        <v>12866359</v>
      </c>
      <c r="OS29" s="130">
        <v>13440279</v>
      </c>
    </row>
    <row r="30" spans="2:409" ht="21" customHeight="1" x14ac:dyDescent="0.2">
      <c r="B30" s="437" t="s">
        <v>25</v>
      </c>
      <c r="C30" s="100">
        <v>179367</v>
      </c>
      <c r="D30" s="104">
        <v>130222</v>
      </c>
      <c r="E30" s="103">
        <v>309589</v>
      </c>
      <c r="F30" s="99">
        <v>0</v>
      </c>
      <c r="G30" s="104">
        <v>797785</v>
      </c>
      <c r="H30" s="104">
        <v>722874</v>
      </c>
      <c r="I30" s="104">
        <v>724463</v>
      </c>
      <c r="J30" s="104">
        <v>466155</v>
      </c>
      <c r="K30" s="104">
        <v>698665</v>
      </c>
      <c r="L30" s="156">
        <v>3409942</v>
      </c>
      <c r="M30" s="106">
        <v>3719531</v>
      </c>
      <c r="N30" s="100">
        <v>42751</v>
      </c>
      <c r="O30" s="104">
        <v>72944</v>
      </c>
      <c r="P30" s="103">
        <v>115695</v>
      </c>
      <c r="Q30" s="100">
        <v>0</v>
      </c>
      <c r="R30" s="104">
        <v>267812</v>
      </c>
      <c r="S30" s="104">
        <v>78871</v>
      </c>
      <c r="T30" s="104">
        <v>45343</v>
      </c>
      <c r="U30" s="104">
        <v>258045</v>
      </c>
      <c r="V30" s="104">
        <v>176630</v>
      </c>
      <c r="W30" s="103">
        <v>826701</v>
      </c>
      <c r="X30" s="106">
        <v>942396</v>
      </c>
      <c r="Y30" s="100">
        <v>0</v>
      </c>
      <c r="Z30" s="104">
        <v>0</v>
      </c>
      <c r="AA30" s="103">
        <v>0</v>
      </c>
      <c r="AB30" s="100">
        <v>0</v>
      </c>
      <c r="AC30" s="104">
        <v>81046</v>
      </c>
      <c r="AD30" s="104">
        <v>64458</v>
      </c>
      <c r="AE30" s="104">
        <v>28543</v>
      </c>
      <c r="AF30" s="104">
        <v>239306</v>
      </c>
      <c r="AG30" s="104">
        <v>0</v>
      </c>
      <c r="AH30" s="103">
        <v>413353</v>
      </c>
      <c r="AI30" s="106">
        <v>413353</v>
      </c>
      <c r="AJ30" s="100">
        <v>0</v>
      </c>
      <c r="AK30" s="104">
        <v>0</v>
      </c>
      <c r="AL30" s="103">
        <v>0</v>
      </c>
      <c r="AM30" s="100">
        <v>0</v>
      </c>
      <c r="AN30" s="104">
        <v>51149</v>
      </c>
      <c r="AO30" s="104">
        <v>0</v>
      </c>
      <c r="AP30" s="104">
        <v>0</v>
      </c>
      <c r="AQ30" s="104">
        <v>0</v>
      </c>
      <c r="AR30" s="104">
        <v>81842</v>
      </c>
      <c r="AS30" s="103">
        <v>132991</v>
      </c>
      <c r="AT30" s="106">
        <v>132991</v>
      </c>
      <c r="AU30" s="100">
        <v>15234</v>
      </c>
      <c r="AV30" s="104">
        <v>67512</v>
      </c>
      <c r="AW30" s="103">
        <v>82746</v>
      </c>
      <c r="AX30" s="100">
        <v>0</v>
      </c>
      <c r="AY30" s="104">
        <v>118033</v>
      </c>
      <c r="AZ30" s="104">
        <v>0</v>
      </c>
      <c r="BA30" s="104">
        <v>0</v>
      </c>
      <c r="BB30" s="104">
        <v>0</v>
      </c>
      <c r="BC30" s="104">
        <v>68398</v>
      </c>
      <c r="BD30" s="103">
        <v>186431</v>
      </c>
      <c r="BE30" s="106">
        <v>269177</v>
      </c>
      <c r="BF30" s="100">
        <v>0</v>
      </c>
      <c r="BG30" s="104">
        <v>0</v>
      </c>
      <c r="BH30" s="102">
        <v>0</v>
      </c>
      <c r="BI30" s="101">
        <v>0</v>
      </c>
      <c r="BJ30" s="104">
        <v>0</v>
      </c>
      <c r="BK30" s="104">
        <v>0</v>
      </c>
      <c r="BL30" s="104">
        <v>0</v>
      </c>
      <c r="BM30" s="104">
        <v>0</v>
      </c>
      <c r="BN30" s="104">
        <v>0</v>
      </c>
      <c r="BO30" s="103">
        <v>0</v>
      </c>
      <c r="BP30" s="106">
        <v>0</v>
      </c>
      <c r="BQ30" s="100">
        <v>27517</v>
      </c>
      <c r="BR30" s="104">
        <v>5432</v>
      </c>
      <c r="BS30" s="103">
        <v>32949</v>
      </c>
      <c r="BT30" s="100">
        <v>0</v>
      </c>
      <c r="BU30" s="104">
        <v>17584</v>
      </c>
      <c r="BV30" s="104">
        <v>14413</v>
      </c>
      <c r="BW30" s="104">
        <v>16800</v>
      </c>
      <c r="BX30" s="104">
        <v>18739</v>
      </c>
      <c r="BY30" s="104">
        <v>26390</v>
      </c>
      <c r="BZ30" s="103">
        <v>93926</v>
      </c>
      <c r="CA30" s="106">
        <v>126875</v>
      </c>
      <c r="CB30" s="100">
        <v>17028</v>
      </c>
      <c r="CC30" s="104">
        <v>0</v>
      </c>
      <c r="CD30" s="103">
        <v>17028</v>
      </c>
      <c r="CE30" s="100">
        <v>0</v>
      </c>
      <c r="CF30" s="104">
        <v>318452</v>
      </c>
      <c r="CG30" s="104">
        <v>253691</v>
      </c>
      <c r="CH30" s="104">
        <v>117541</v>
      </c>
      <c r="CI30" s="104">
        <v>0</v>
      </c>
      <c r="CJ30" s="104">
        <v>73007</v>
      </c>
      <c r="CK30" s="103">
        <v>762691</v>
      </c>
      <c r="CL30" s="106">
        <v>779719</v>
      </c>
      <c r="CM30" s="100">
        <v>0</v>
      </c>
      <c r="CN30" s="104">
        <v>0</v>
      </c>
      <c r="CO30" s="103">
        <v>0</v>
      </c>
      <c r="CP30" s="101">
        <v>0</v>
      </c>
      <c r="CQ30" s="104">
        <v>172652</v>
      </c>
      <c r="CR30" s="104">
        <v>196236</v>
      </c>
      <c r="CS30" s="104">
        <v>23531</v>
      </c>
      <c r="CT30" s="104">
        <v>0</v>
      </c>
      <c r="CU30" s="104">
        <v>0</v>
      </c>
      <c r="CV30" s="103">
        <v>392419</v>
      </c>
      <c r="CW30" s="106">
        <v>392419</v>
      </c>
      <c r="CX30" s="100">
        <v>17028</v>
      </c>
      <c r="CY30" s="104">
        <v>0</v>
      </c>
      <c r="CZ30" s="103">
        <v>17028</v>
      </c>
      <c r="DA30" s="100">
        <v>0</v>
      </c>
      <c r="DB30" s="104">
        <v>145800</v>
      </c>
      <c r="DC30" s="104">
        <v>57455</v>
      </c>
      <c r="DD30" s="104">
        <v>94010</v>
      </c>
      <c r="DE30" s="104">
        <v>0</v>
      </c>
      <c r="DF30" s="104">
        <v>73007</v>
      </c>
      <c r="DG30" s="103">
        <v>370272</v>
      </c>
      <c r="DH30" s="106">
        <v>387300</v>
      </c>
      <c r="DI30" s="100">
        <v>0</v>
      </c>
      <c r="DJ30" s="104">
        <v>17686</v>
      </c>
      <c r="DK30" s="102">
        <v>17686</v>
      </c>
      <c r="DL30" s="101">
        <v>0</v>
      </c>
      <c r="DM30" s="104">
        <v>65858</v>
      </c>
      <c r="DN30" s="104">
        <v>0</v>
      </c>
      <c r="DO30" s="104">
        <v>207813</v>
      </c>
      <c r="DP30" s="104">
        <v>0</v>
      </c>
      <c r="DQ30" s="104">
        <v>207370</v>
      </c>
      <c r="DR30" s="103">
        <v>481041</v>
      </c>
      <c r="DS30" s="106">
        <v>498727</v>
      </c>
      <c r="DT30" s="100">
        <v>0</v>
      </c>
      <c r="DU30" s="104">
        <v>17686</v>
      </c>
      <c r="DV30" s="103">
        <v>17686</v>
      </c>
      <c r="DW30" s="100">
        <v>0</v>
      </c>
      <c r="DX30" s="104">
        <v>65858</v>
      </c>
      <c r="DY30" s="104">
        <v>0</v>
      </c>
      <c r="DZ30" s="104">
        <v>207813</v>
      </c>
      <c r="EA30" s="104">
        <v>0</v>
      </c>
      <c r="EB30" s="104">
        <v>207370</v>
      </c>
      <c r="EC30" s="103">
        <v>481041</v>
      </c>
      <c r="ED30" s="106">
        <v>498727</v>
      </c>
      <c r="EE30" s="100">
        <v>0</v>
      </c>
      <c r="EF30" s="102">
        <v>0</v>
      </c>
      <c r="EG30" s="103">
        <v>0</v>
      </c>
      <c r="EH30" s="100">
        <v>0</v>
      </c>
      <c r="EI30" s="104">
        <v>0</v>
      </c>
      <c r="EJ30" s="104">
        <v>0</v>
      </c>
      <c r="EK30" s="104">
        <v>0</v>
      </c>
      <c r="EL30" s="104">
        <v>0</v>
      </c>
      <c r="EM30" s="104">
        <v>0</v>
      </c>
      <c r="EN30" s="102">
        <v>0</v>
      </c>
      <c r="EO30" s="106">
        <v>0</v>
      </c>
      <c r="EP30" s="100">
        <v>0</v>
      </c>
      <c r="EQ30" s="104">
        <v>0</v>
      </c>
      <c r="ER30" s="102">
        <v>0</v>
      </c>
      <c r="ES30" s="101">
        <v>0</v>
      </c>
      <c r="ET30" s="104">
        <v>0</v>
      </c>
      <c r="EU30" s="104">
        <v>0</v>
      </c>
      <c r="EV30" s="104">
        <v>0</v>
      </c>
      <c r="EW30" s="104">
        <v>0</v>
      </c>
      <c r="EX30" s="104">
        <v>0</v>
      </c>
      <c r="EY30" s="103">
        <v>0</v>
      </c>
      <c r="EZ30" s="106">
        <v>0</v>
      </c>
      <c r="FA30" s="100">
        <v>0</v>
      </c>
      <c r="FB30" s="104">
        <v>0</v>
      </c>
      <c r="FC30" s="102">
        <v>0</v>
      </c>
      <c r="FD30" s="470">
        <v>0</v>
      </c>
      <c r="FE30" s="104">
        <v>0</v>
      </c>
      <c r="FF30" s="104">
        <v>0</v>
      </c>
      <c r="FG30" s="104">
        <v>0</v>
      </c>
      <c r="FH30" s="104">
        <v>0</v>
      </c>
      <c r="FI30" s="104">
        <v>0</v>
      </c>
      <c r="FJ30" s="103">
        <v>0</v>
      </c>
      <c r="FK30" s="106">
        <v>0</v>
      </c>
      <c r="FL30" s="100">
        <v>119588</v>
      </c>
      <c r="FM30" s="104">
        <v>39592</v>
      </c>
      <c r="FN30" s="103">
        <v>159180</v>
      </c>
      <c r="FO30" s="100">
        <v>0</v>
      </c>
      <c r="FP30" s="104">
        <v>145663</v>
      </c>
      <c r="FQ30" s="104">
        <v>65212</v>
      </c>
      <c r="FR30" s="104">
        <v>29274</v>
      </c>
      <c r="FS30" s="104">
        <v>21308</v>
      </c>
      <c r="FT30" s="104">
        <v>58660</v>
      </c>
      <c r="FU30" s="103">
        <v>320117</v>
      </c>
      <c r="FV30" s="106">
        <v>479297</v>
      </c>
      <c r="FW30" s="105">
        <v>13188</v>
      </c>
      <c r="FX30" s="104">
        <v>39592</v>
      </c>
      <c r="FY30" s="102">
        <v>52780</v>
      </c>
      <c r="FZ30" s="101">
        <v>0</v>
      </c>
      <c r="GA30" s="104">
        <v>42483</v>
      </c>
      <c r="GB30" s="104">
        <v>65212</v>
      </c>
      <c r="GC30" s="104">
        <v>29274</v>
      </c>
      <c r="GD30" s="104">
        <v>21308</v>
      </c>
      <c r="GE30" s="104">
        <v>58660</v>
      </c>
      <c r="GF30" s="103">
        <v>216937</v>
      </c>
      <c r="GG30" s="290">
        <v>269717</v>
      </c>
      <c r="GH30" s="105">
        <v>0</v>
      </c>
      <c r="GI30" s="104">
        <v>0</v>
      </c>
      <c r="GJ30" s="102">
        <v>0</v>
      </c>
      <c r="GK30" s="101">
        <v>0</v>
      </c>
      <c r="GL30" s="104">
        <v>0</v>
      </c>
      <c r="GM30" s="104">
        <v>0</v>
      </c>
      <c r="GN30" s="104">
        <v>0</v>
      </c>
      <c r="GO30" s="104">
        <v>0</v>
      </c>
      <c r="GP30" s="104">
        <v>0</v>
      </c>
      <c r="GQ30" s="103">
        <v>0</v>
      </c>
      <c r="GR30" s="106">
        <v>0</v>
      </c>
      <c r="GS30" s="100">
        <v>106400</v>
      </c>
      <c r="GT30" s="104">
        <v>0</v>
      </c>
      <c r="GU30" s="103">
        <v>106400</v>
      </c>
      <c r="GV30" s="100">
        <v>0</v>
      </c>
      <c r="GW30" s="104">
        <v>103180</v>
      </c>
      <c r="GX30" s="104">
        <v>0</v>
      </c>
      <c r="GY30" s="104">
        <v>0</v>
      </c>
      <c r="GZ30" s="104">
        <v>0</v>
      </c>
      <c r="HA30" s="104">
        <v>0</v>
      </c>
      <c r="HB30" s="102">
        <v>103180</v>
      </c>
      <c r="HC30" s="106">
        <v>209580</v>
      </c>
      <c r="HD30" s="100">
        <v>0</v>
      </c>
      <c r="HE30" s="104">
        <v>0</v>
      </c>
      <c r="HF30" s="102">
        <v>0</v>
      </c>
      <c r="HG30" s="101">
        <v>0</v>
      </c>
      <c r="HH30" s="104">
        <v>0</v>
      </c>
      <c r="HI30" s="104">
        <v>325100</v>
      </c>
      <c r="HJ30" s="104">
        <v>324492</v>
      </c>
      <c r="HK30" s="104">
        <v>186802</v>
      </c>
      <c r="HL30" s="104">
        <v>182998</v>
      </c>
      <c r="HM30" s="103">
        <v>1019392</v>
      </c>
      <c r="HN30" s="99">
        <v>1019392</v>
      </c>
      <c r="HO30" s="456">
        <v>0</v>
      </c>
      <c r="HP30" s="457">
        <v>0</v>
      </c>
      <c r="HQ30" s="458">
        <v>0</v>
      </c>
      <c r="HR30" s="459">
        <v>0</v>
      </c>
      <c r="HS30" s="457">
        <v>0</v>
      </c>
      <c r="HT30" s="457">
        <v>0</v>
      </c>
      <c r="HU30" s="457">
        <v>0</v>
      </c>
      <c r="HV30" s="457">
        <v>0</v>
      </c>
      <c r="HW30" s="457">
        <v>0</v>
      </c>
      <c r="HX30" s="460">
        <v>0</v>
      </c>
      <c r="HY30" s="461">
        <v>0</v>
      </c>
      <c r="HZ30" s="135">
        <v>0</v>
      </c>
      <c r="IA30" s="122">
        <v>0</v>
      </c>
      <c r="IB30" s="135">
        <v>0</v>
      </c>
      <c r="IC30" s="121">
        <v>0</v>
      </c>
      <c r="ID30" s="122">
        <v>302414</v>
      </c>
      <c r="IE30" s="123">
        <v>26421</v>
      </c>
      <c r="IF30" s="124">
        <v>0</v>
      </c>
      <c r="IG30" s="122">
        <v>0</v>
      </c>
      <c r="IH30" s="124">
        <v>0</v>
      </c>
      <c r="II30" s="125">
        <v>328835</v>
      </c>
      <c r="IJ30" s="135">
        <v>328835</v>
      </c>
      <c r="IK30" s="215">
        <v>0</v>
      </c>
      <c r="IL30" s="219">
        <v>0</v>
      </c>
      <c r="IM30" s="220">
        <v>0</v>
      </c>
      <c r="IN30" s="470">
        <v>0</v>
      </c>
      <c r="IO30" s="109">
        <v>0</v>
      </c>
      <c r="IP30" s="109">
        <v>0</v>
      </c>
      <c r="IQ30" s="109">
        <v>0</v>
      </c>
      <c r="IR30" s="109">
        <v>0</v>
      </c>
      <c r="IS30" s="109">
        <v>0</v>
      </c>
      <c r="IT30" s="128">
        <v>0</v>
      </c>
      <c r="IU30" s="292">
        <v>0</v>
      </c>
      <c r="IV30" s="129">
        <v>0</v>
      </c>
      <c r="IW30" s="109">
        <v>0</v>
      </c>
      <c r="IX30" s="110">
        <v>0</v>
      </c>
      <c r="IY30" s="470">
        <v>0</v>
      </c>
      <c r="IZ30" s="109">
        <v>0</v>
      </c>
      <c r="JA30" s="109">
        <v>0</v>
      </c>
      <c r="JB30" s="109">
        <v>0</v>
      </c>
      <c r="JC30" s="109">
        <v>0</v>
      </c>
      <c r="JD30" s="109">
        <v>0</v>
      </c>
      <c r="JE30" s="110">
        <v>0</v>
      </c>
      <c r="JF30" s="111">
        <v>0</v>
      </c>
      <c r="JG30" s="129">
        <v>0</v>
      </c>
      <c r="JH30" s="109">
        <v>0</v>
      </c>
      <c r="JI30" s="128">
        <v>0</v>
      </c>
      <c r="JJ30" s="108">
        <v>0</v>
      </c>
      <c r="JK30" s="109">
        <v>103132</v>
      </c>
      <c r="JL30" s="109">
        <v>26421</v>
      </c>
      <c r="JM30" s="109">
        <v>0</v>
      </c>
      <c r="JN30" s="109">
        <v>0</v>
      </c>
      <c r="JO30" s="109">
        <v>0</v>
      </c>
      <c r="JP30" s="110">
        <v>129553</v>
      </c>
      <c r="JQ30" s="292">
        <v>129553</v>
      </c>
      <c r="JR30" s="129">
        <v>0</v>
      </c>
      <c r="JS30" s="109">
        <v>0</v>
      </c>
      <c r="JT30" s="128">
        <v>0</v>
      </c>
      <c r="JU30" s="108">
        <v>0</v>
      </c>
      <c r="JV30" s="109">
        <v>0</v>
      </c>
      <c r="JW30" s="109">
        <v>0</v>
      </c>
      <c r="JX30" s="109">
        <v>0</v>
      </c>
      <c r="JY30" s="109">
        <v>0</v>
      </c>
      <c r="JZ30" s="109">
        <v>0</v>
      </c>
      <c r="KA30" s="110">
        <v>0</v>
      </c>
      <c r="KB30" s="292">
        <v>0</v>
      </c>
      <c r="KC30" s="217">
        <v>0</v>
      </c>
      <c r="KD30" s="213">
        <v>0</v>
      </c>
      <c r="KE30" s="110">
        <v>0</v>
      </c>
      <c r="KF30" s="108">
        <v>0</v>
      </c>
      <c r="KG30" s="109">
        <v>0</v>
      </c>
      <c r="KH30" s="109">
        <v>0</v>
      </c>
      <c r="KI30" s="109">
        <v>0</v>
      </c>
      <c r="KJ30" s="109">
        <v>0</v>
      </c>
      <c r="KK30" s="109">
        <v>0</v>
      </c>
      <c r="KL30" s="110">
        <v>0</v>
      </c>
      <c r="KM30" s="130">
        <v>0</v>
      </c>
      <c r="KN30" s="215">
        <v>0</v>
      </c>
      <c r="KO30" s="219">
        <v>0</v>
      </c>
      <c r="KP30" s="220">
        <v>0</v>
      </c>
      <c r="KQ30" s="470">
        <v>0</v>
      </c>
      <c r="KR30" s="109">
        <v>199282</v>
      </c>
      <c r="KS30" s="109">
        <v>0</v>
      </c>
      <c r="KT30" s="109">
        <v>0</v>
      </c>
      <c r="KU30" s="109">
        <v>0</v>
      </c>
      <c r="KV30" s="109">
        <v>0</v>
      </c>
      <c r="KW30" s="110">
        <v>199282</v>
      </c>
      <c r="KX30" s="292">
        <v>199282</v>
      </c>
      <c r="KY30" s="129">
        <v>0</v>
      </c>
      <c r="KZ30" s="109">
        <v>0</v>
      </c>
      <c r="LA30" s="110">
        <v>0</v>
      </c>
      <c r="LB30" s="470">
        <v>0</v>
      </c>
      <c r="LC30" s="109">
        <v>0</v>
      </c>
      <c r="LD30" s="109">
        <v>0</v>
      </c>
      <c r="LE30" s="109">
        <v>0</v>
      </c>
      <c r="LF30" s="109">
        <v>0</v>
      </c>
      <c r="LG30" s="109">
        <v>0</v>
      </c>
      <c r="LH30" s="110">
        <v>0</v>
      </c>
      <c r="LI30" s="111">
        <v>0</v>
      </c>
      <c r="LJ30" s="129">
        <v>0</v>
      </c>
      <c r="LK30" s="109">
        <v>0</v>
      </c>
      <c r="LL30" s="110">
        <v>0</v>
      </c>
      <c r="LM30" s="470">
        <v>0</v>
      </c>
      <c r="LN30" s="109">
        <v>0</v>
      </c>
      <c r="LO30" s="109">
        <v>0</v>
      </c>
      <c r="LP30" s="109">
        <v>0</v>
      </c>
      <c r="LQ30" s="109">
        <v>0</v>
      </c>
      <c r="LR30" s="109">
        <v>0</v>
      </c>
      <c r="LS30" s="110">
        <v>0</v>
      </c>
      <c r="LT30" s="292">
        <v>0</v>
      </c>
      <c r="LU30" s="129">
        <v>0</v>
      </c>
      <c r="LV30" s="109">
        <v>0</v>
      </c>
      <c r="LW30" s="110">
        <v>0</v>
      </c>
      <c r="LX30" s="470">
        <v>0</v>
      </c>
      <c r="LY30" s="109">
        <v>0</v>
      </c>
      <c r="LZ30" s="109">
        <v>0</v>
      </c>
      <c r="MA30" s="109">
        <v>0</v>
      </c>
      <c r="MB30" s="109">
        <v>0</v>
      </c>
      <c r="MC30" s="109">
        <v>0</v>
      </c>
      <c r="MD30" s="110">
        <v>0</v>
      </c>
      <c r="ME30" s="111">
        <v>0</v>
      </c>
      <c r="MF30" s="129">
        <v>0</v>
      </c>
      <c r="MG30" s="109">
        <v>0</v>
      </c>
      <c r="MH30" s="110">
        <v>0</v>
      </c>
      <c r="MI30" s="470">
        <v>0</v>
      </c>
      <c r="MJ30" s="109">
        <v>231256</v>
      </c>
      <c r="MK30" s="109">
        <v>688024</v>
      </c>
      <c r="ML30" s="109">
        <v>331917</v>
      </c>
      <c r="MM30" s="109">
        <v>912109</v>
      </c>
      <c r="MN30" s="109">
        <v>274881</v>
      </c>
      <c r="MO30" s="110">
        <v>2438187</v>
      </c>
      <c r="MP30" s="130">
        <v>2438187</v>
      </c>
      <c r="MQ30" s="129">
        <v>0</v>
      </c>
      <c r="MR30" s="109">
        <v>0</v>
      </c>
      <c r="MS30" s="110">
        <v>0</v>
      </c>
      <c r="MT30" s="470">
        <v>0</v>
      </c>
      <c r="MU30" s="109">
        <v>0</v>
      </c>
      <c r="MV30" s="109">
        <v>0</v>
      </c>
      <c r="MW30" s="109">
        <v>331917</v>
      </c>
      <c r="MX30" s="109">
        <v>434596</v>
      </c>
      <c r="MY30" s="109">
        <v>274881</v>
      </c>
      <c r="MZ30" s="110">
        <v>1041394</v>
      </c>
      <c r="NA30" s="130">
        <v>1041394</v>
      </c>
      <c r="NB30" s="129">
        <v>0</v>
      </c>
      <c r="NC30" s="109">
        <v>0</v>
      </c>
      <c r="ND30" s="110">
        <v>0</v>
      </c>
      <c r="NE30" s="470">
        <v>0</v>
      </c>
      <c r="NF30" s="109">
        <v>231256</v>
      </c>
      <c r="NG30" s="109">
        <v>688024</v>
      </c>
      <c r="NH30" s="109">
        <v>0</v>
      </c>
      <c r="NI30" s="109">
        <v>477513</v>
      </c>
      <c r="NJ30" s="109">
        <v>0</v>
      </c>
      <c r="NK30" s="110">
        <v>1396793</v>
      </c>
      <c r="NL30" s="292">
        <v>1396793</v>
      </c>
      <c r="NM30" s="129">
        <v>0</v>
      </c>
      <c r="NN30" s="109">
        <v>0</v>
      </c>
      <c r="NO30" s="110">
        <v>0</v>
      </c>
      <c r="NP30" s="470">
        <v>0</v>
      </c>
      <c r="NQ30" s="109">
        <v>0</v>
      </c>
      <c r="NR30" s="109">
        <v>0</v>
      </c>
      <c r="NS30" s="109">
        <v>0</v>
      </c>
      <c r="NT30" s="109">
        <v>0</v>
      </c>
      <c r="NU30" s="109">
        <v>0</v>
      </c>
      <c r="NV30" s="110">
        <v>0</v>
      </c>
      <c r="NW30" s="111">
        <v>0</v>
      </c>
      <c r="NX30" s="129">
        <v>0</v>
      </c>
      <c r="NY30" s="109">
        <v>0</v>
      </c>
      <c r="NZ30" s="110">
        <v>0</v>
      </c>
      <c r="OA30" s="470">
        <v>0</v>
      </c>
      <c r="OB30" s="109">
        <v>0</v>
      </c>
      <c r="OC30" s="109">
        <v>0</v>
      </c>
      <c r="OD30" s="109">
        <v>0</v>
      </c>
      <c r="OE30" s="109">
        <v>0</v>
      </c>
      <c r="OF30" s="109">
        <v>0</v>
      </c>
      <c r="OG30" s="110">
        <v>0</v>
      </c>
      <c r="OH30" s="111">
        <v>0</v>
      </c>
      <c r="OI30" s="129">
        <v>179367</v>
      </c>
      <c r="OJ30" s="109">
        <v>130222</v>
      </c>
      <c r="OK30" s="128">
        <v>309589</v>
      </c>
      <c r="OL30" s="108">
        <v>0</v>
      </c>
      <c r="OM30" s="109">
        <v>1331455</v>
      </c>
      <c r="ON30" s="109">
        <v>1437319</v>
      </c>
      <c r="OO30" s="109">
        <v>1056380</v>
      </c>
      <c r="OP30" s="109">
        <v>1378264</v>
      </c>
      <c r="OQ30" s="109">
        <v>973546</v>
      </c>
      <c r="OR30" s="110">
        <v>6176964</v>
      </c>
      <c r="OS30" s="130">
        <v>6486553</v>
      </c>
    </row>
    <row r="31" spans="2:409" ht="21" customHeight="1" x14ac:dyDescent="0.2">
      <c r="B31" s="437" t="s">
        <v>26</v>
      </c>
      <c r="C31" s="100">
        <v>147466</v>
      </c>
      <c r="D31" s="104">
        <v>168066</v>
      </c>
      <c r="E31" s="103">
        <v>315532</v>
      </c>
      <c r="F31" s="99">
        <v>0</v>
      </c>
      <c r="G31" s="104">
        <v>1617728</v>
      </c>
      <c r="H31" s="104">
        <v>1495664</v>
      </c>
      <c r="I31" s="104">
        <v>726495</v>
      </c>
      <c r="J31" s="104">
        <v>1176815</v>
      </c>
      <c r="K31" s="104">
        <v>1175172</v>
      </c>
      <c r="L31" s="156">
        <v>6191874</v>
      </c>
      <c r="M31" s="106">
        <v>6507406</v>
      </c>
      <c r="N31" s="100">
        <v>45514</v>
      </c>
      <c r="O31" s="104">
        <v>72576</v>
      </c>
      <c r="P31" s="103">
        <v>118090</v>
      </c>
      <c r="Q31" s="100">
        <v>0</v>
      </c>
      <c r="R31" s="104">
        <v>367413</v>
      </c>
      <c r="S31" s="104">
        <v>531543</v>
      </c>
      <c r="T31" s="104">
        <v>80754</v>
      </c>
      <c r="U31" s="104">
        <v>306203</v>
      </c>
      <c r="V31" s="104">
        <v>1066595</v>
      </c>
      <c r="W31" s="103">
        <v>2352508</v>
      </c>
      <c r="X31" s="106">
        <v>2470598</v>
      </c>
      <c r="Y31" s="100">
        <v>0</v>
      </c>
      <c r="Z31" s="104">
        <v>0</v>
      </c>
      <c r="AA31" s="103">
        <v>0</v>
      </c>
      <c r="AB31" s="100">
        <v>0</v>
      </c>
      <c r="AC31" s="104">
        <v>103265</v>
      </c>
      <c r="AD31" s="104">
        <v>245441</v>
      </c>
      <c r="AE31" s="104">
        <v>29094</v>
      </c>
      <c r="AF31" s="104">
        <v>104230</v>
      </c>
      <c r="AG31" s="104">
        <v>493705</v>
      </c>
      <c r="AH31" s="103">
        <v>975735</v>
      </c>
      <c r="AI31" s="106">
        <v>975735</v>
      </c>
      <c r="AJ31" s="100">
        <v>0</v>
      </c>
      <c r="AK31" s="104">
        <v>0</v>
      </c>
      <c r="AL31" s="103">
        <v>0</v>
      </c>
      <c r="AM31" s="100">
        <v>0</v>
      </c>
      <c r="AN31" s="104">
        <v>0</v>
      </c>
      <c r="AO31" s="104">
        <v>0</v>
      </c>
      <c r="AP31" s="104">
        <v>0</v>
      </c>
      <c r="AQ31" s="104">
        <v>0</v>
      </c>
      <c r="AR31" s="104">
        <v>127756</v>
      </c>
      <c r="AS31" s="103">
        <v>127756</v>
      </c>
      <c r="AT31" s="106">
        <v>127756</v>
      </c>
      <c r="AU31" s="100">
        <v>0</v>
      </c>
      <c r="AV31" s="104">
        <v>18258</v>
      </c>
      <c r="AW31" s="103">
        <v>18258</v>
      </c>
      <c r="AX31" s="100">
        <v>0</v>
      </c>
      <c r="AY31" s="104">
        <v>164769</v>
      </c>
      <c r="AZ31" s="104">
        <v>247525</v>
      </c>
      <c r="BA31" s="104">
        <v>0</v>
      </c>
      <c r="BB31" s="104">
        <v>123223</v>
      </c>
      <c r="BC31" s="104">
        <v>423784</v>
      </c>
      <c r="BD31" s="103">
        <v>959301</v>
      </c>
      <c r="BE31" s="106">
        <v>977559</v>
      </c>
      <c r="BF31" s="100">
        <v>0</v>
      </c>
      <c r="BG31" s="104">
        <v>54318</v>
      </c>
      <c r="BH31" s="102">
        <v>54318</v>
      </c>
      <c r="BI31" s="101">
        <v>0</v>
      </c>
      <c r="BJ31" s="104">
        <v>0</v>
      </c>
      <c r="BK31" s="104">
        <v>0</v>
      </c>
      <c r="BL31" s="104">
        <v>0</v>
      </c>
      <c r="BM31" s="104">
        <v>0</v>
      </c>
      <c r="BN31" s="104">
        <v>0</v>
      </c>
      <c r="BO31" s="103">
        <v>0</v>
      </c>
      <c r="BP31" s="106">
        <v>54318</v>
      </c>
      <c r="BQ31" s="100">
        <v>45514</v>
      </c>
      <c r="BR31" s="104">
        <v>0</v>
      </c>
      <c r="BS31" s="103">
        <v>45514</v>
      </c>
      <c r="BT31" s="100">
        <v>0</v>
      </c>
      <c r="BU31" s="104">
        <v>99379</v>
      </c>
      <c r="BV31" s="104">
        <v>38577</v>
      </c>
      <c r="BW31" s="104">
        <v>51660</v>
      </c>
      <c r="BX31" s="104">
        <v>78750</v>
      </c>
      <c r="BY31" s="104">
        <v>21350</v>
      </c>
      <c r="BZ31" s="103">
        <v>289716</v>
      </c>
      <c r="CA31" s="106">
        <v>335230</v>
      </c>
      <c r="CB31" s="100">
        <v>0</v>
      </c>
      <c r="CC31" s="104">
        <v>0</v>
      </c>
      <c r="CD31" s="103">
        <v>0</v>
      </c>
      <c r="CE31" s="100">
        <v>0</v>
      </c>
      <c r="CF31" s="104">
        <v>448514</v>
      </c>
      <c r="CG31" s="104">
        <v>220929</v>
      </c>
      <c r="CH31" s="104">
        <v>32889</v>
      </c>
      <c r="CI31" s="104">
        <v>73448</v>
      </c>
      <c r="CJ31" s="104">
        <v>0</v>
      </c>
      <c r="CK31" s="103">
        <v>775780</v>
      </c>
      <c r="CL31" s="106">
        <v>775780</v>
      </c>
      <c r="CM31" s="100">
        <v>0</v>
      </c>
      <c r="CN31" s="104">
        <v>0</v>
      </c>
      <c r="CO31" s="103">
        <v>0</v>
      </c>
      <c r="CP31" s="101">
        <v>0</v>
      </c>
      <c r="CQ31" s="104">
        <v>276180</v>
      </c>
      <c r="CR31" s="104">
        <v>114000</v>
      </c>
      <c r="CS31" s="104">
        <v>32889</v>
      </c>
      <c r="CT31" s="104">
        <v>73448</v>
      </c>
      <c r="CU31" s="104">
        <v>0</v>
      </c>
      <c r="CV31" s="103">
        <v>496517</v>
      </c>
      <c r="CW31" s="106">
        <v>496517</v>
      </c>
      <c r="CX31" s="100">
        <v>0</v>
      </c>
      <c r="CY31" s="104">
        <v>0</v>
      </c>
      <c r="CZ31" s="103">
        <v>0</v>
      </c>
      <c r="DA31" s="100">
        <v>0</v>
      </c>
      <c r="DB31" s="104">
        <v>172334</v>
      </c>
      <c r="DC31" s="104">
        <v>106929</v>
      </c>
      <c r="DD31" s="104">
        <v>0</v>
      </c>
      <c r="DE31" s="104">
        <v>0</v>
      </c>
      <c r="DF31" s="104">
        <v>0</v>
      </c>
      <c r="DG31" s="103">
        <v>279263</v>
      </c>
      <c r="DH31" s="106">
        <v>279263</v>
      </c>
      <c r="DI31" s="100">
        <v>0</v>
      </c>
      <c r="DJ31" s="104">
        <v>0</v>
      </c>
      <c r="DK31" s="102">
        <v>0</v>
      </c>
      <c r="DL31" s="101">
        <v>0</v>
      </c>
      <c r="DM31" s="104">
        <v>139607</v>
      </c>
      <c r="DN31" s="104">
        <v>16261</v>
      </c>
      <c r="DO31" s="104">
        <v>47898</v>
      </c>
      <c r="DP31" s="104">
        <v>0</v>
      </c>
      <c r="DQ31" s="104">
        <v>0</v>
      </c>
      <c r="DR31" s="103">
        <v>203766</v>
      </c>
      <c r="DS31" s="106">
        <v>203766</v>
      </c>
      <c r="DT31" s="100">
        <v>0</v>
      </c>
      <c r="DU31" s="104">
        <v>0</v>
      </c>
      <c r="DV31" s="103">
        <v>0</v>
      </c>
      <c r="DW31" s="100">
        <v>0</v>
      </c>
      <c r="DX31" s="104">
        <v>139607</v>
      </c>
      <c r="DY31" s="104">
        <v>16261</v>
      </c>
      <c r="DZ31" s="104">
        <v>47898</v>
      </c>
      <c r="EA31" s="104">
        <v>0</v>
      </c>
      <c r="EB31" s="104">
        <v>0</v>
      </c>
      <c r="EC31" s="103">
        <v>203766</v>
      </c>
      <c r="ED31" s="106">
        <v>203766</v>
      </c>
      <c r="EE31" s="100">
        <v>0</v>
      </c>
      <c r="EF31" s="102">
        <v>0</v>
      </c>
      <c r="EG31" s="103">
        <v>0</v>
      </c>
      <c r="EH31" s="100">
        <v>0</v>
      </c>
      <c r="EI31" s="104">
        <v>0</v>
      </c>
      <c r="EJ31" s="104">
        <v>0</v>
      </c>
      <c r="EK31" s="104">
        <v>0</v>
      </c>
      <c r="EL31" s="104">
        <v>0</v>
      </c>
      <c r="EM31" s="104">
        <v>0</v>
      </c>
      <c r="EN31" s="102">
        <v>0</v>
      </c>
      <c r="EO31" s="106">
        <v>0</v>
      </c>
      <c r="EP31" s="100">
        <v>0</v>
      </c>
      <c r="EQ31" s="104">
        <v>0</v>
      </c>
      <c r="ER31" s="102">
        <v>0</v>
      </c>
      <c r="ES31" s="101">
        <v>0</v>
      </c>
      <c r="ET31" s="104">
        <v>0</v>
      </c>
      <c r="EU31" s="104">
        <v>0</v>
      </c>
      <c r="EV31" s="104">
        <v>0</v>
      </c>
      <c r="EW31" s="104">
        <v>0</v>
      </c>
      <c r="EX31" s="104">
        <v>0</v>
      </c>
      <c r="EY31" s="103">
        <v>0</v>
      </c>
      <c r="EZ31" s="106">
        <v>0</v>
      </c>
      <c r="FA31" s="100">
        <v>0</v>
      </c>
      <c r="FB31" s="104">
        <v>0</v>
      </c>
      <c r="FC31" s="102">
        <v>0</v>
      </c>
      <c r="FD31" s="470">
        <v>0</v>
      </c>
      <c r="FE31" s="104">
        <v>0</v>
      </c>
      <c r="FF31" s="104">
        <v>0</v>
      </c>
      <c r="FG31" s="104">
        <v>0</v>
      </c>
      <c r="FH31" s="104">
        <v>0</v>
      </c>
      <c r="FI31" s="104">
        <v>0</v>
      </c>
      <c r="FJ31" s="103">
        <v>0</v>
      </c>
      <c r="FK31" s="106">
        <v>0</v>
      </c>
      <c r="FL31" s="100">
        <v>3500</v>
      </c>
      <c r="FM31" s="104">
        <v>10066</v>
      </c>
      <c r="FN31" s="103">
        <v>13566</v>
      </c>
      <c r="FO31" s="100">
        <v>0</v>
      </c>
      <c r="FP31" s="104">
        <v>51520</v>
      </c>
      <c r="FQ31" s="104">
        <v>112455</v>
      </c>
      <c r="FR31" s="104">
        <v>24640</v>
      </c>
      <c r="FS31" s="104">
        <v>30485</v>
      </c>
      <c r="FT31" s="104">
        <v>108577</v>
      </c>
      <c r="FU31" s="103">
        <v>327677</v>
      </c>
      <c r="FV31" s="106">
        <v>341243</v>
      </c>
      <c r="FW31" s="105">
        <v>3500</v>
      </c>
      <c r="FX31" s="104">
        <v>10066</v>
      </c>
      <c r="FY31" s="102">
        <v>13566</v>
      </c>
      <c r="FZ31" s="101">
        <v>0</v>
      </c>
      <c r="GA31" s="104">
        <v>51520</v>
      </c>
      <c r="GB31" s="104">
        <v>112455</v>
      </c>
      <c r="GC31" s="104">
        <v>24640</v>
      </c>
      <c r="GD31" s="104">
        <v>30485</v>
      </c>
      <c r="GE31" s="104">
        <v>108577</v>
      </c>
      <c r="GF31" s="103">
        <v>327677</v>
      </c>
      <c r="GG31" s="290">
        <v>341243</v>
      </c>
      <c r="GH31" s="105">
        <v>0</v>
      </c>
      <c r="GI31" s="104">
        <v>0</v>
      </c>
      <c r="GJ31" s="102">
        <v>0</v>
      </c>
      <c r="GK31" s="101">
        <v>0</v>
      </c>
      <c r="GL31" s="104">
        <v>0</v>
      </c>
      <c r="GM31" s="104">
        <v>0</v>
      </c>
      <c r="GN31" s="104">
        <v>0</v>
      </c>
      <c r="GO31" s="104">
        <v>0</v>
      </c>
      <c r="GP31" s="104">
        <v>0</v>
      </c>
      <c r="GQ31" s="103">
        <v>0</v>
      </c>
      <c r="GR31" s="106">
        <v>0</v>
      </c>
      <c r="GS31" s="100">
        <v>0</v>
      </c>
      <c r="GT31" s="104">
        <v>0</v>
      </c>
      <c r="GU31" s="103">
        <v>0</v>
      </c>
      <c r="GV31" s="100">
        <v>0</v>
      </c>
      <c r="GW31" s="104">
        <v>0</v>
      </c>
      <c r="GX31" s="104">
        <v>0</v>
      </c>
      <c r="GY31" s="104">
        <v>0</v>
      </c>
      <c r="GZ31" s="104">
        <v>0</v>
      </c>
      <c r="HA31" s="104">
        <v>0</v>
      </c>
      <c r="HB31" s="102">
        <v>0</v>
      </c>
      <c r="HC31" s="106">
        <v>0</v>
      </c>
      <c r="HD31" s="100">
        <v>98452</v>
      </c>
      <c r="HE31" s="104">
        <v>85424</v>
      </c>
      <c r="HF31" s="102">
        <v>183876</v>
      </c>
      <c r="HG31" s="101">
        <v>0</v>
      </c>
      <c r="HH31" s="104">
        <v>610674</v>
      </c>
      <c r="HI31" s="104">
        <v>614476</v>
      </c>
      <c r="HJ31" s="104">
        <v>540314</v>
      </c>
      <c r="HK31" s="104">
        <v>766679</v>
      </c>
      <c r="HL31" s="104">
        <v>0</v>
      </c>
      <c r="HM31" s="103">
        <v>2532143</v>
      </c>
      <c r="HN31" s="99">
        <v>2716019</v>
      </c>
      <c r="HO31" s="456">
        <v>0</v>
      </c>
      <c r="HP31" s="457">
        <v>0</v>
      </c>
      <c r="HQ31" s="458">
        <v>0</v>
      </c>
      <c r="HR31" s="459">
        <v>0</v>
      </c>
      <c r="HS31" s="457">
        <v>0</v>
      </c>
      <c r="HT31" s="457">
        <v>0</v>
      </c>
      <c r="HU31" s="457">
        <v>0</v>
      </c>
      <c r="HV31" s="457">
        <v>0</v>
      </c>
      <c r="HW31" s="457">
        <v>0</v>
      </c>
      <c r="HX31" s="460">
        <v>0</v>
      </c>
      <c r="HY31" s="461">
        <v>0</v>
      </c>
      <c r="HZ31" s="118">
        <v>0</v>
      </c>
      <c r="IA31" s="119">
        <v>0</v>
      </c>
      <c r="IB31" s="120">
        <v>0</v>
      </c>
      <c r="IC31" s="131">
        <v>0</v>
      </c>
      <c r="ID31" s="119">
        <v>41802</v>
      </c>
      <c r="IE31" s="132">
        <v>424814</v>
      </c>
      <c r="IF31" s="120">
        <v>659962</v>
      </c>
      <c r="IG31" s="119">
        <v>221133</v>
      </c>
      <c r="IH31" s="120">
        <v>22077</v>
      </c>
      <c r="II31" s="133">
        <v>1369788</v>
      </c>
      <c r="IJ31" s="126">
        <v>1369788</v>
      </c>
      <c r="IK31" s="215">
        <v>0</v>
      </c>
      <c r="IL31" s="219">
        <v>0</v>
      </c>
      <c r="IM31" s="220">
        <v>0</v>
      </c>
      <c r="IN31" s="470">
        <v>0</v>
      </c>
      <c r="IO31" s="109">
        <v>0</v>
      </c>
      <c r="IP31" s="109">
        <v>0</v>
      </c>
      <c r="IQ31" s="109">
        <v>0</v>
      </c>
      <c r="IR31" s="109">
        <v>0</v>
      </c>
      <c r="IS31" s="109">
        <v>0</v>
      </c>
      <c r="IT31" s="128">
        <v>0</v>
      </c>
      <c r="IU31" s="292">
        <v>0</v>
      </c>
      <c r="IV31" s="129">
        <v>0</v>
      </c>
      <c r="IW31" s="109">
        <v>0</v>
      </c>
      <c r="IX31" s="110">
        <v>0</v>
      </c>
      <c r="IY31" s="470">
        <v>0</v>
      </c>
      <c r="IZ31" s="109">
        <v>0</v>
      </c>
      <c r="JA31" s="109">
        <v>0</v>
      </c>
      <c r="JB31" s="109">
        <v>0</v>
      </c>
      <c r="JC31" s="109">
        <v>0</v>
      </c>
      <c r="JD31" s="109">
        <v>0</v>
      </c>
      <c r="JE31" s="110">
        <v>0</v>
      </c>
      <c r="JF31" s="111">
        <v>0</v>
      </c>
      <c r="JG31" s="129">
        <v>0</v>
      </c>
      <c r="JH31" s="109">
        <v>0</v>
      </c>
      <c r="JI31" s="128">
        <v>0</v>
      </c>
      <c r="JJ31" s="108">
        <v>0</v>
      </c>
      <c r="JK31" s="109">
        <v>41802</v>
      </c>
      <c r="JL31" s="109">
        <v>55958</v>
      </c>
      <c r="JM31" s="109">
        <v>223375</v>
      </c>
      <c r="JN31" s="109">
        <v>0</v>
      </c>
      <c r="JO31" s="109">
        <v>22077</v>
      </c>
      <c r="JP31" s="110">
        <v>343212</v>
      </c>
      <c r="JQ31" s="292">
        <v>343212</v>
      </c>
      <c r="JR31" s="129">
        <v>0</v>
      </c>
      <c r="JS31" s="109">
        <v>0</v>
      </c>
      <c r="JT31" s="128">
        <v>0</v>
      </c>
      <c r="JU31" s="108">
        <v>0</v>
      </c>
      <c r="JV31" s="109">
        <v>0</v>
      </c>
      <c r="JW31" s="109">
        <v>0</v>
      </c>
      <c r="JX31" s="109">
        <v>0</v>
      </c>
      <c r="JY31" s="109">
        <v>0</v>
      </c>
      <c r="JZ31" s="109">
        <v>0</v>
      </c>
      <c r="KA31" s="110">
        <v>0</v>
      </c>
      <c r="KB31" s="292">
        <v>0</v>
      </c>
      <c r="KC31" s="217">
        <v>0</v>
      </c>
      <c r="KD31" s="213">
        <v>0</v>
      </c>
      <c r="KE31" s="110">
        <v>0</v>
      </c>
      <c r="KF31" s="108">
        <v>0</v>
      </c>
      <c r="KG31" s="109">
        <v>0</v>
      </c>
      <c r="KH31" s="109">
        <v>155538</v>
      </c>
      <c r="KI31" s="109">
        <v>0</v>
      </c>
      <c r="KJ31" s="109">
        <v>0</v>
      </c>
      <c r="KK31" s="109">
        <v>0</v>
      </c>
      <c r="KL31" s="110">
        <v>155538</v>
      </c>
      <c r="KM31" s="130">
        <v>155538</v>
      </c>
      <c r="KN31" s="215">
        <v>0</v>
      </c>
      <c r="KO31" s="219">
        <v>0</v>
      </c>
      <c r="KP31" s="220">
        <v>0</v>
      </c>
      <c r="KQ31" s="470">
        <v>0</v>
      </c>
      <c r="KR31" s="109">
        <v>0</v>
      </c>
      <c r="KS31" s="109">
        <v>213318</v>
      </c>
      <c r="KT31" s="109">
        <v>436587</v>
      </c>
      <c r="KU31" s="109">
        <v>221133</v>
      </c>
      <c r="KV31" s="109">
        <v>0</v>
      </c>
      <c r="KW31" s="110">
        <v>871038</v>
      </c>
      <c r="KX31" s="292">
        <v>871038</v>
      </c>
      <c r="KY31" s="129">
        <v>0</v>
      </c>
      <c r="KZ31" s="109">
        <v>0</v>
      </c>
      <c r="LA31" s="110">
        <v>0</v>
      </c>
      <c r="LB31" s="470">
        <v>0</v>
      </c>
      <c r="LC31" s="109">
        <v>0</v>
      </c>
      <c r="LD31" s="109">
        <v>0</v>
      </c>
      <c r="LE31" s="109">
        <v>0</v>
      </c>
      <c r="LF31" s="109">
        <v>0</v>
      </c>
      <c r="LG31" s="109">
        <v>0</v>
      </c>
      <c r="LH31" s="110">
        <v>0</v>
      </c>
      <c r="LI31" s="111">
        <v>0</v>
      </c>
      <c r="LJ31" s="129">
        <v>0</v>
      </c>
      <c r="LK31" s="109">
        <v>0</v>
      </c>
      <c r="LL31" s="110">
        <v>0</v>
      </c>
      <c r="LM31" s="470">
        <v>0</v>
      </c>
      <c r="LN31" s="109">
        <v>0</v>
      </c>
      <c r="LO31" s="109">
        <v>0</v>
      </c>
      <c r="LP31" s="109">
        <v>0</v>
      </c>
      <c r="LQ31" s="109">
        <v>0</v>
      </c>
      <c r="LR31" s="109">
        <v>0</v>
      </c>
      <c r="LS31" s="110">
        <v>0</v>
      </c>
      <c r="LT31" s="292">
        <v>0</v>
      </c>
      <c r="LU31" s="129">
        <v>0</v>
      </c>
      <c r="LV31" s="109">
        <v>0</v>
      </c>
      <c r="LW31" s="110">
        <v>0</v>
      </c>
      <c r="LX31" s="470">
        <v>0</v>
      </c>
      <c r="LY31" s="109">
        <v>0</v>
      </c>
      <c r="LZ31" s="109">
        <v>0</v>
      </c>
      <c r="MA31" s="109">
        <v>0</v>
      </c>
      <c r="MB31" s="109">
        <v>0</v>
      </c>
      <c r="MC31" s="109">
        <v>0</v>
      </c>
      <c r="MD31" s="110">
        <v>0</v>
      </c>
      <c r="ME31" s="111">
        <v>0</v>
      </c>
      <c r="MF31" s="129">
        <v>0</v>
      </c>
      <c r="MG31" s="109">
        <v>0</v>
      </c>
      <c r="MH31" s="110">
        <v>0</v>
      </c>
      <c r="MI31" s="470">
        <v>0</v>
      </c>
      <c r="MJ31" s="109">
        <v>0</v>
      </c>
      <c r="MK31" s="109">
        <v>687552</v>
      </c>
      <c r="ML31" s="109">
        <v>646697</v>
      </c>
      <c r="MM31" s="109">
        <v>512637</v>
      </c>
      <c r="MN31" s="109">
        <v>232376</v>
      </c>
      <c r="MO31" s="110">
        <v>2079262</v>
      </c>
      <c r="MP31" s="130">
        <v>2079262</v>
      </c>
      <c r="MQ31" s="129">
        <v>0</v>
      </c>
      <c r="MR31" s="109">
        <v>0</v>
      </c>
      <c r="MS31" s="110">
        <v>0</v>
      </c>
      <c r="MT31" s="470">
        <v>0</v>
      </c>
      <c r="MU31" s="109">
        <v>0</v>
      </c>
      <c r="MV31" s="109">
        <v>0</v>
      </c>
      <c r="MW31" s="109">
        <v>208821</v>
      </c>
      <c r="MX31" s="109">
        <v>0</v>
      </c>
      <c r="MY31" s="109">
        <v>232376</v>
      </c>
      <c r="MZ31" s="110">
        <v>441197</v>
      </c>
      <c r="NA31" s="130">
        <v>441197</v>
      </c>
      <c r="NB31" s="129">
        <v>0</v>
      </c>
      <c r="NC31" s="109">
        <v>0</v>
      </c>
      <c r="ND31" s="110">
        <v>0</v>
      </c>
      <c r="NE31" s="470">
        <v>0</v>
      </c>
      <c r="NF31" s="109">
        <v>0</v>
      </c>
      <c r="NG31" s="109">
        <v>687552</v>
      </c>
      <c r="NH31" s="109">
        <v>437876</v>
      </c>
      <c r="NI31" s="109">
        <v>512637</v>
      </c>
      <c r="NJ31" s="109">
        <v>0</v>
      </c>
      <c r="NK31" s="110">
        <v>1638065</v>
      </c>
      <c r="NL31" s="292">
        <v>1638065</v>
      </c>
      <c r="NM31" s="129">
        <v>0</v>
      </c>
      <c r="NN31" s="109">
        <v>0</v>
      </c>
      <c r="NO31" s="110">
        <v>0</v>
      </c>
      <c r="NP31" s="470">
        <v>0</v>
      </c>
      <c r="NQ31" s="109">
        <v>0</v>
      </c>
      <c r="NR31" s="109">
        <v>0</v>
      </c>
      <c r="NS31" s="109">
        <v>0</v>
      </c>
      <c r="NT31" s="109">
        <v>0</v>
      </c>
      <c r="NU31" s="109">
        <v>0</v>
      </c>
      <c r="NV31" s="110">
        <v>0</v>
      </c>
      <c r="NW31" s="111">
        <v>0</v>
      </c>
      <c r="NX31" s="129">
        <v>0</v>
      </c>
      <c r="NY31" s="109">
        <v>0</v>
      </c>
      <c r="NZ31" s="110">
        <v>0</v>
      </c>
      <c r="OA31" s="470">
        <v>0</v>
      </c>
      <c r="OB31" s="109">
        <v>0</v>
      </c>
      <c r="OC31" s="109">
        <v>0</v>
      </c>
      <c r="OD31" s="109">
        <v>0</v>
      </c>
      <c r="OE31" s="109">
        <v>0</v>
      </c>
      <c r="OF31" s="109">
        <v>0</v>
      </c>
      <c r="OG31" s="110">
        <v>0</v>
      </c>
      <c r="OH31" s="111">
        <v>0</v>
      </c>
      <c r="OI31" s="129">
        <v>147466</v>
      </c>
      <c r="OJ31" s="109">
        <v>168066</v>
      </c>
      <c r="OK31" s="128">
        <v>315532</v>
      </c>
      <c r="OL31" s="108">
        <v>0</v>
      </c>
      <c r="OM31" s="109">
        <v>1659530</v>
      </c>
      <c r="ON31" s="109">
        <v>2608030</v>
      </c>
      <c r="OO31" s="109">
        <v>2033154</v>
      </c>
      <c r="OP31" s="109">
        <v>1910585</v>
      </c>
      <c r="OQ31" s="109">
        <v>1429625</v>
      </c>
      <c r="OR31" s="110">
        <v>9640924</v>
      </c>
      <c r="OS31" s="130">
        <v>9956456</v>
      </c>
    </row>
    <row r="32" spans="2:409" ht="21" customHeight="1" x14ac:dyDescent="0.2">
      <c r="B32" s="437" t="s">
        <v>27</v>
      </c>
      <c r="C32" s="100">
        <v>30723</v>
      </c>
      <c r="D32" s="104">
        <v>95185</v>
      </c>
      <c r="E32" s="103">
        <v>125908</v>
      </c>
      <c r="F32" s="99">
        <v>0</v>
      </c>
      <c r="G32" s="104">
        <v>664260</v>
      </c>
      <c r="H32" s="104">
        <v>1153678</v>
      </c>
      <c r="I32" s="104">
        <v>1792739</v>
      </c>
      <c r="J32" s="104">
        <v>530226</v>
      </c>
      <c r="K32" s="104">
        <v>485616</v>
      </c>
      <c r="L32" s="156">
        <v>4626519</v>
      </c>
      <c r="M32" s="106">
        <v>4752427</v>
      </c>
      <c r="N32" s="100">
        <v>0</v>
      </c>
      <c r="O32" s="104">
        <v>41005</v>
      </c>
      <c r="P32" s="103">
        <v>41005</v>
      </c>
      <c r="Q32" s="100">
        <v>0</v>
      </c>
      <c r="R32" s="104">
        <v>34314</v>
      </c>
      <c r="S32" s="104">
        <v>578428</v>
      </c>
      <c r="T32" s="104">
        <v>607264</v>
      </c>
      <c r="U32" s="104">
        <v>101337</v>
      </c>
      <c r="V32" s="104">
        <v>52052</v>
      </c>
      <c r="W32" s="103">
        <v>1373395</v>
      </c>
      <c r="X32" s="106">
        <v>1414400</v>
      </c>
      <c r="Y32" s="100">
        <v>0</v>
      </c>
      <c r="Z32" s="104">
        <v>0</v>
      </c>
      <c r="AA32" s="103">
        <v>0</v>
      </c>
      <c r="AB32" s="100">
        <v>0</v>
      </c>
      <c r="AC32" s="104">
        <v>14889</v>
      </c>
      <c r="AD32" s="104">
        <v>403414</v>
      </c>
      <c r="AE32" s="104">
        <v>341533</v>
      </c>
      <c r="AF32" s="104">
        <v>0</v>
      </c>
      <c r="AG32" s="104">
        <v>0</v>
      </c>
      <c r="AH32" s="103">
        <v>759836</v>
      </c>
      <c r="AI32" s="106">
        <v>759836</v>
      </c>
      <c r="AJ32" s="100">
        <v>0</v>
      </c>
      <c r="AK32" s="104">
        <v>0</v>
      </c>
      <c r="AL32" s="103">
        <v>0</v>
      </c>
      <c r="AM32" s="100">
        <v>0</v>
      </c>
      <c r="AN32" s="104">
        <v>0</v>
      </c>
      <c r="AO32" s="104">
        <v>11545</v>
      </c>
      <c r="AP32" s="104">
        <v>29890</v>
      </c>
      <c r="AQ32" s="104">
        <v>42588</v>
      </c>
      <c r="AR32" s="104">
        <v>0</v>
      </c>
      <c r="AS32" s="103">
        <v>84023</v>
      </c>
      <c r="AT32" s="106">
        <v>84023</v>
      </c>
      <c r="AU32" s="100">
        <v>0</v>
      </c>
      <c r="AV32" s="104">
        <v>41005</v>
      </c>
      <c r="AW32" s="103">
        <v>41005</v>
      </c>
      <c r="AX32" s="100">
        <v>0</v>
      </c>
      <c r="AY32" s="104">
        <v>0</v>
      </c>
      <c r="AZ32" s="104">
        <v>136995</v>
      </c>
      <c r="BA32" s="104">
        <v>113243</v>
      </c>
      <c r="BB32" s="104">
        <v>35551</v>
      </c>
      <c r="BC32" s="104">
        <v>0</v>
      </c>
      <c r="BD32" s="103">
        <v>285789</v>
      </c>
      <c r="BE32" s="106">
        <v>326794</v>
      </c>
      <c r="BF32" s="100">
        <v>0</v>
      </c>
      <c r="BG32" s="104">
        <v>0</v>
      </c>
      <c r="BH32" s="102">
        <v>0</v>
      </c>
      <c r="BI32" s="101">
        <v>0</v>
      </c>
      <c r="BJ32" s="104">
        <v>0</v>
      </c>
      <c r="BK32" s="104">
        <v>0</v>
      </c>
      <c r="BL32" s="104">
        <v>0</v>
      </c>
      <c r="BM32" s="104">
        <v>0</v>
      </c>
      <c r="BN32" s="104">
        <v>0</v>
      </c>
      <c r="BO32" s="103">
        <v>0</v>
      </c>
      <c r="BP32" s="106">
        <v>0</v>
      </c>
      <c r="BQ32" s="100">
        <v>0</v>
      </c>
      <c r="BR32" s="104">
        <v>0</v>
      </c>
      <c r="BS32" s="103">
        <v>0</v>
      </c>
      <c r="BT32" s="100">
        <v>0</v>
      </c>
      <c r="BU32" s="104">
        <v>19425</v>
      </c>
      <c r="BV32" s="104">
        <v>26474</v>
      </c>
      <c r="BW32" s="104">
        <v>122598</v>
      </c>
      <c r="BX32" s="104">
        <v>23198</v>
      </c>
      <c r="BY32" s="104">
        <v>52052</v>
      </c>
      <c r="BZ32" s="103">
        <v>243747</v>
      </c>
      <c r="CA32" s="106">
        <v>243747</v>
      </c>
      <c r="CB32" s="100">
        <v>17423</v>
      </c>
      <c r="CC32" s="104">
        <v>0</v>
      </c>
      <c r="CD32" s="103">
        <v>17423</v>
      </c>
      <c r="CE32" s="100">
        <v>0</v>
      </c>
      <c r="CF32" s="104">
        <v>171317</v>
      </c>
      <c r="CG32" s="104">
        <v>175196</v>
      </c>
      <c r="CH32" s="104">
        <v>234826</v>
      </c>
      <c r="CI32" s="104">
        <v>106667</v>
      </c>
      <c r="CJ32" s="104">
        <v>0</v>
      </c>
      <c r="CK32" s="103">
        <v>688006</v>
      </c>
      <c r="CL32" s="106">
        <v>705429</v>
      </c>
      <c r="CM32" s="100">
        <v>0</v>
      </c>
      <c r="CN32" s="104">
        <v>0</v>
      </c>
      <c r="CO32" s="103">
        <v>0</v>
      </c>
      <c r="CP32" s="101">
        <v>0</v>
      </c>
      <c r="CQ32" s="104">
        <v>100671</v>
      </c>
      <c r="CR32" s="104">
        <v>140090</v>
      </c>
      <c r="CS32" s="104">
        <v>169039</v>
      </c>
      <c r="CT32" s="104">
        <v>106667</v>
      </c>
      <c r="CU32" s="104">
        <v>0</v>
      </c>
      <c r="CV32" s="103">
        <v>516467</v>
      </c>
      <c r="CW32" s="106">
        <v>516467</v>
      </c>
      <c r="CX32" s="100">
        <v>17423</v>
      </c>
      <c r="CY32" s="104">
        <v>0</v>
      </c>
      <c r="CZ32" s="103">
        <v>17423</v>
      </c>
      <c r="DA32" s="100">
        <v>0</v>
      </c>
      <c r="DB32" s="104">
        <v>70646</v>
      </c>
      <c r="DC32" s="104">
        <v>35106</v>
      </c>
      <c r="DD32" s="104">
        <v>65787</v>
      </c>
      <c r="DE32" s="104">
        <v>0</v>
      </c>
      <c r="DF32" s="104">
        <v>0</v>
      </c>
      <c r="DG32" s="103">
        <v>171539</v>
      </c>
      <c r="DH32" s="106">
        <v>188962</v>
      </c>
      <c r="DI32" s="100">
        <v>0</v>
      </c>
      <c r="DJ32" s="104">
        <v>0</v>
      </c>
      <c r="DK32" s="102">
        <v>0</v>
      </c>
      <c r="DL32" s="101">
        <v>0</v>
      </c>
      <c r="DM32" s="104">
        <v>35908</v>
      </c>
      <c r="DN32" s="104">
        <v>0</v>
      </c>
      <c r="DO32" s="104">
        <v>15249</v>
      </c>
      <c r="DP32" s="104">
        <v>93107</v>
      </c>
      <c r="DQ32" s="104">
        <v>0</v>
      </c>
      <c r="DR32" s="103">
        <v>144264</v>
      </c>
      <c r="DS32" s="106">
        <v>144264</v>
      </c>
      <c r="DT32" s="100">
        <v>0</v>
      </c>
      <c r="DU32" s="104">
        <v>0</v>
      </c>
      <c r="DV32" s="103">
        <v>0</v>
      </c>
      <c r="DW32" s="100">
        <v>0</v>
      </c>
      <c r="DX32" s="104">
        <v>35908</v>
      </c>
      <c r="DY32" s="104">
        <v>0</v>
      </c>
      <c r="DZ32" s="104">
        <v>15249</v>
      </c>
      <c r="EA32" s="104">
        <v>93107</v>
      </c>
      <c r="EB32" s="104">
        <v>0</v>
      </c>
      <c r="EC32" s="103">
        <v>144264</v>
      </c>
      <c r="ED32" s="106">
        <v>144264</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470">
        <v>0</v>
      </c>
      <c r="FE32" s="104">
        <v>0</v>
      </c>
      <c r="FF32" s="104">
        <v>0</v>
      </c>
      <c r="FG32" s="104">
        <v>0</v>
      </c>
      <c r="FH32" s="104">
        <v>0</v>
      </c>
      <c r="FI32" s="104">
        <v>0</v>
      </c>
      <c r="FJ32" s="103">
        <v>0</v>
      </c>
      <c r="FK32" s="106">
        <v>0</v>
      </c>
      <c r="FL32" s="100">
        <v>13300</v>
      </c>
      <c r="FM32" s="104">
        <v>54180</v>
      </c>
      <c r="FN32" s="103">
        <v>67480</v>
      </c>
      <c r="FO32" s="100">
        <v>0</v>
      </c>
      <c r="FP32" s="104">
        <v>5600</v>
      </c>
      <c r="FQ32" s="104">
        <v>94164</v>
      </c>
      <c r="FR32" s="104">
        <v>134246</v>
      </c>
      <c r="FS32" s="104">
        <v>43050</v>
      </c>
      <c r="FT32" s="104">
        <v>0</v>
      </c>
      <c r="FU32" s="103">
        <v>277060</v>
      </c>
      <c r="FV32" s="106">
        <v>344540</v>
      </c>
      <c r="FW32" s="105">
        <v>13300</v>
      </c>
      <c r="FX32" s="104">
        <v>54180</v>
      </c>
      <c r="FY32" s="102">
        <v>67480</v>
      </c>
      <c r="FZ32" s="101">
        <v>0</v>
      </c>
      <c r="GA32" s="104">
        <v>5600</v>
      </c>
      <c r="GB32" s="104">
        <v>94164</v>
      </c>
      <c r="GC32" s="104">
        <v>134246</v>
      </c>
      <c r="GD32" s="104">
        <v>43050</v>
      </c>
      <c r="GE32" s="104">
        <v>0</v>
      </c>
      <c r="GF32" s="103">
        <v>277060</v>
      </c>
      <c r="GG32" s="290">
        <v>344540</v>
      </c>
      <c r="GH32" s="105">
        <v>0</v>
      </c>
      <c r="GI32" s="104">
        <v>0</v>
      </c>
      <c r="GJ32" s="102">
        <v>0</v>
      </c>
      <c r="GK32" s="101">
        <v>0</v>
      </c>
      <c r="GL32" s="104">
        <v>0</v>
      </c>
      <c r="GM32" s="104">
        <v>0</v>
      </c>
      <c r="GN32" s="104">
        <v>0</v>
      </c>
      <c r="GO32" s="104">
        <v>0</v>
      </c>
      <c r="GP32" s="104">
        <v>0</v>
      </c>
      <c r="GQ32" s="103">
        <v>0</v>
      </c>
      <c r="GR32" s="106">
        <v>0</v>
      </c>
      <c r="GS32" s="100">
        <v>0</v>
      </c>
      <c r="GT32" s="104">
        <v>0</v>
      </c>
      <c r="GU32" s="103">
        <v>0</v>
      </c>
      <c r="GV32" s="100">
        <v>0</v>
      </c>
      <c r="GW32" s="104">
        <v>0</v>
      </c>
      <c r="GX32" s="104">
        <v>0</v>
      </c>
      <c r="GY32" s="104">
        <v>0</v>
      </c>
      <c r="GZ32" s="104">
        <v>0</v>
      </c>
      <c r="HA32" s="104">
        <v>0</v>
      </c>
      <c r="HB32" s="102">
        <v>0</v>
      </c>
      <c r="HC32" s="106">
        <v>0</v>
      </c>
      <c r="HD32" s="100">
        <v>0</v>
      </c>
      <c r="HE32" s="104">
        <v>0</v>
      </c>
      <c r="HF32" s="102">
        <v>0</v>
      </c>
      <c r="HG32" s="101">
        <v>0</v>
      </c>
      <c r="HH32" s="104">
        <v>417121</v>
      </c>
      <c r="HI32" s="104">
        <v>305890</v>
      </c>
      <c r="HJ32" s="104">
        <v>801154</v>
      </c>
      <c r="HK32" s="104">
        <v>186065</v>
      </c>
      <c r="HL32" s="104">
        <v>433564</v>
      </c>
      <c r="HM32" s="103">
        <v>2143794</v>
      </c>
      <c r="HN32" s="99">
        <v>2143794</v>
      </c>
      <c r="HO32" s="456">
        <v>0</v>
      </c>
      <c r="HP32" s="457">
        <v>0</v>
      </c>
      <c r="HQ32" s="458">
        <v>0</v>
      </c>
      <c r="HR32" s="459">
        <v>0</v>
      </c>
      <c r="HS32" s="457">
        <v>0</v>
      </c>
      <c r="HT32" s="457">
        <v>0</v>
      </c>
      <c r="HU32" s="457">
        <v>0</v>
      </c>
      <c r="HV32" s="457">
        <v>0</v>
      </c>
      <c r="HW32" s="457">
        <v>0</v>
      </c>
      <c r="HX32" s="460">
        <v>0</v>
      </c>
      <c r="HY32" s="461">
        <v>0</v>
      </c>
      <c r="HZ32" s="135">
        <v>0</v>
      </c>
      <c r="IA32" s="122">
        <v>0</v>
      </c>
      <c r="IB32" s="135">
        <v>0</v>
      </c>
      <c r="IC32" s="121">
        <v>0</v>
      </c>
      <c r="ID32" s="122">
        <v>123814</v>
      </c>
      <c r="IE32" s="123">
        <v>93728</v>
      </c>
      <c r="IF32" s="124">
        <v>82362</v>
      </c>
      <c r="IG32" s="122">
        <v>0</v>
      </c>
      <c r="IH32" s="124">
        <v>0</v>
      </c>
      <c r="II32" s="125">
        <v>299904</v>
      </c>
      <c r="IJ32" s="135">
        <v>299904</v>
      </c>
      <c r="IK32" s="215">
        <v>0</v>
      </c>
      <c r="IL32" s="219">
        <v>0</v>
      </c>
      <c r="IM32" s="220">
        <v>0</v>
      </c>
      <c r="IN32" s="470">
        <v>0</v>
      </c>
      <c r="IO32" s="109">
        <v>0</v>
      </c>
      <c r="IP32" s="109">
        <v>0</v>
      </c>
      <c r="IQ32" s="109">
        <v>0</v>
      </c>
      <c r="IR32" s="109">
        <v>0</v>
      </c>
      <c r="IS32" s="109">
        <v>0</v>
      </c>
      <c r="IT32" s="128">
        <v>0</v>
      </c>
      <c r="IU32" s="292">
        <v>0</v>
      </c>
      <c r="IV32" s="129">
        <v>0</v>
      </c>
      <c r="IW32" s="109">
        <v>0</v>
      </c>
      <c r="IX32" s="110">
        <v>0</v>
      </c>
      <c r="IY32" s="470">
        <v>0</v>
      </c>
      <c r="IZ32" s="109">
        <v>0</v>
      </c>
      <c r="JA32" s="109">
        <v>0</v>
      </c>
      <c r="JB32" s="109">
        <v>0</v>
      </c>
      <c r="JC32" s="109">
        <v>0</v>
      </c>
      <c r="JD32" s="109">
        <v>0</v>
      </c>
      <c r="JE32" s="110">
        <v>0</v>
      </c>
      <c r="JF32" s="111">
        <v>0</v>
      </c>
      <c r="JG32" s="129">
        <v>0</v>
      </c>
      <c r="JH32" s="109">
        <v>0</v>
      </c>
      <c r="JI32" s="128">
        <v>0</v>
      </c>
      <c r="JJ32" s="108">
        <v>0</v>
      </c>
      <c r="JK32" s="109">
        <v>123814</v>
      </c>
      <c r="JL32" s="109">
        <v>65469</v>
      </c>
      <c r="JM32" s="109">
        <v>0</v>
      </c>
      <c r="JN32" s="109">
        <v>0</v>
      </c>
      <c r="JO32" s="109">
        <v>0</v>
      </c>
      <c r="JP32" s="110">
        <v>189283</v>
      </c>
      <c r="JQ32" s="292">
        <v>189283</v>
      </c>
      <c r="JR32" s="129">
        <v>0</v>
      </c>
      <c r="JS32" s="109">
        <v>0</v>
      </c>
      <c r="JT32" s="128">
        <v>0</v>
      </c>
      <c r="JU32" s="108">
        <v>0</v>
      </c>
      <c r="JV32" s="109">
        <v>0</v>
      </c>
      <c r="JW32" s="109">
        <v>28259</v>
      </c>
      <c r="JX32" s="109">
        <v>82362</v>
      </c>
      <c r="JY32" s="109">
        <v>0</v>
      </c>
      <c r="JZ32" s="109">
        <v>0</v>
      </c>
      <c r="KA32" s="110">
        <v>110621</v>
      </c>
      <c r="KB32" s="292">
        <v>110621</v>
      </c>
      <c r="KC32" s="217">
        <v>0</v>
      </c>
      <c r="KD32" s="213">
        <v>0</v>
      </c>
      <c r="KE32" s="110">
        <v>0</v>
      </c>
      <c r="KF32" s="108">
        <v>0</v>
      </c>
      <c r="KG32" s="109">
        <v>0</v>
      </c>
      <c r="KH32" s="109">
        <v>0</v>
      </c>
      <c r="KI32" s="109">
        <v>0</v>
      </c>
      <c r="KJ32" s="109">
        <v>0</v>
      </c>
      <c r="KK32" s="109">
        <v>0</v>
      </c>
      <c r="KL32" s="110">
        <v>0</v>
      </c>
      <c r="KM32" s="130">
        <v>0</v>
      </c>
      <c r="KN32" s="215">
        <v>0</v>
      </c>
      <c r="KO32" s="219">
        <v>0</v>
      </c>
      <c r="KP32" s="220">
        <v>0</v>
      </c>
      <c r="KQ32" s="470">
        <v>0</v>
      </c>
      <c r="KR32" s="109">
        <v>0</v>
      </c>
      <c r="KS32" s="109">
        <v>0</v>
      </c>
      <c r="KT32" s="109">
        <v>0</v>
      </c>
      <c r="KU32" s="109">
        <v>0</v>
      </c>
      <c r="KV32" s="109">
        <v>0</v>
      </c>
      <c r="KW32" s="110">
        <v>0</v>
      </c>
      <c r="KX32" s="292">
        <v>0</v>
      </c>
      <c r="KY32" s="129">
        <v>0</v>
      </c>
      <c r="KZ32" s="109">
        <v>0</v>
      </c>
      <c r="LA32" s="110">
        <v>0</v>
      </c>
      <c r="LB32" s="470">
        <v>0</v>
      </c>
      <c r="LC32" s="109">
        <v>0</v>
      </c>
      <c r="LD32" s="109">
        <v>0</v>
      </c>
      <c r="LE32" s="109">
        <v>0</v>
      </c>
      <c r="LF32" s="109">
        <v>0</v>
      </c>
      <c r="LG32" s="109">
        <v>0</v>
      </c>
      <c r="LH32" s="110">
        <v>0</v>
      </c>
      <c r="LI32" s="111">
        <v>0</v>
      </c>
      <c r="LJ32" s="129">
        <v>0</v>
      </c>
      <c r="LK32" s="109">
        <v>0</v>
      </c>
      <c r="LL32" s="110">
        <v>0</v>
      </c>
      <c r="LM32" s="470">
        <v>0</v>
      </c>
      <c r="LN32" s="109">
        <v>0</v>
      </c>
      <c r="LO32" s="109">
        <v>0</v>
      </c>
      <c r="LP32" s="109">
        <v>0</v>
      </c>
      <c r="LQ32" s="109">
        <v>0</v>
      </c>
      <c r="LR32" s="109">
        <v>0</v>
      </c>
      <c r="LS32" s="110">
        <v>0</v>
      </c>
      <c r="LT32" s="292">
        <v>0</v>
      </c>
      <c r="LU32" s="129">
        <v>0</v>
      </c>
      <c r="LV32" s="109">
        <v>0</v>
      </c>
      <c r="LW32" s="110">
        <v>0</v>
      </c>
      <c r="LX32" s="470">
        <v>0</v>
      </c>
      <c r="LY32" s="109">
        <v>0</v>
      </c>
      <c r="LZ32" s="109">
        <v>0</v>
      </c>
      <c r="MA32" s="109">
        <v>0</v>
      </c>
      <c r="MB32" s="109">
        <v>0</v>
      </c>
      <c r="MC32" s="109">
        <v>0</v>
      </c>
      <c r="MD32" s="110">
        <v>0</v>
      </c>
      <c r="ME32" s="111">
        <v>0</v>
      </c>
      <c r="MF32" s="129">
        <v>0</v>
      </c>
      <c r="MG32" s="109">
        <v>0</v>
      </c>
      <c r="MH32" s="110">
        <v>0</v>
      </c>
      <c r="MI32" s="470">
        <v>0</v>
      </c>
      <c r="MJ32" s="109">
        <v>179928</v>
      </c>
      <c r="MK32" s="109">
        <v>0</v>
      </c>
      <c r="ML32" s="109">
        <v>198494</v>
      </c>
      <c r="MM32" s="109">
        <v>219616</v>
      </c>
      <c r="MN32" s="109">
        <v>478902</v>
      </c>
      <c r="MO32" s="110">
        <v>1076940</v>
      </c>
      <c r="MP32" s="130">
        <v>1076940</v>
      </c>
      <c r="MQ32" s="129">
        <v>0</v>
      </c>
      <c r="MR32" s="109">
        <v>0</v>
      </c>
      <c r="MS32" s="110">
        <v>0</v>
      </c>
      <c r="MT32" s="470">
        <v>0</v>
      </c>
      <c r="MU32" s="109">
        <v>0</v>
      </c>
      <c r="MV32" s="109">
        <v>0</v>
      </c>
      <c r="MW32" s="109">
        <v>198494</v>
      </c>
      <c r="MX32" s="109">
        <v>219616</v>
      </c>
      <c r="MY32" s="109">
        <v>232376</v>
      </c>
      <c r="MZ32" s="110">
        <v>650486</v>
      </c>
      <c r="NA32" s="130">
        <v>650486</v>
      </c>
      <c r="NB32" s="129">
        <v>0</v>
      </c>
      <c r="NC32" s="109">
        <v>0</v>
      </c>
      <c r="ND32" s="110">
        <v>0</v>
      </c>
      <c r="NE32" s="470">
        <v>0</v>
      </c>
      <c r="NF32" s="109">
        <v>179928</v>
      </c>
      <c r="NG32" s="109">
        <v>0</v>
      </c>
      <c r="NH32" s="109">
        <v>0</v>
      </c>
      <c r="NI32" s="109">
        <v>0</v>
      </c>
      <c r="NJ32" s="109">
        <v>246526</v>
      </c>
      <c r="NK32" s="110">
        <v>426454</v>
      </c>
      <c r="NL32" s="292">
        <v>426454</v>
      </c>
      <c r="NM32" s="129">
        <v>0</v>
      </c>
      <c r="NN32" s="109">
        <v>0</v>
      </c>
      <c r="NO32" s="110">
        <v>0</v>
      </c>
      <c r="NP32" s="470">
        <v>0</v>
      </c>
      <c r="NQ32" s="109">
        <v>0</v>
      </c>
      <c r="NR32" s="109">
        <v>0</v>
      </c>
      <c r="NS32" s="109">
        <v>0</v>
      </c>
      <c r="NT32" s="109">
        <v>0</v>
      </c>
      <c r="NU32" s="109">
        <v>0</v>
      </c>
      <c r="NV32" s="110">
        <v>0</v>
      </c>
      <c r="NW32" s="111">
        <v>0</v>
      </c>
      <c r="NX32" s="129">
        <v>0</v>
      </c>
      <c r="NY32" s="109">
        <v>0</v>
      </c>
      <c r="NZ32" s="110">
        <v>0</v>
      </c>
      <c r="OA32" s="470">
        <v>0</v>
      </c>
      <c r="OB32" s="109">
        <v>0</v>
      </c>
      <c r="OC32" s="109">
        <v>0</v>
      </c>
      <c r="OD32" s="109">
        <v>0</v>
      </c>
      <c r="OE32" s="109">
        <v>0</v>
      </c>
      <c r="OF32" s="109">
        <v>0</v>
      </c>
      <c r="OG32" s="110">
        <v>0</v>
      </c>
      <c r="OH32" s="111">
        <v>0</v>
      </c>
      <c r="OI32" s="129">
        <v>30723</v>
      </c>
      <c r="OJ32" s="109">
        <v>95185</v>
      </c>
      <c r="OK32" s="128">
        <v>125908</v>
      </c>
      <c r="OL32" s="108">
        <v>0</v>
      </c>
      <c r="OM32" s="109">
        <v>968002</v>
      </c>
      <c r="ON32" s="109">
        <v>1247406</v>
      </c>
      <c r="OO32" s="109">
        <v>2073595</v>
      </c>
      <c r="OP32" s="109">
        <v>749842</v>
      </c>
      <c r="OQ32" s="109">
        <v>964518</v>
      </c>
      <c r="OR32" s="110">
        <v>6003363</v>
      </c>
      <c r="OS32" s="130">
        <v>6129271</v>
      </c>
    </row>
    <row r="33" spans="2:409" ht="21" customHeight="1" x14ac:dyDescent="0.2">
      <c r="B33" s="437" t="s">
        <v>28</v>
      </c>
      <c r="C33" s="100">
        <v>0</v>
      </c>
      <c r="D33" s="104">
        <v>7700</v>
      </c>
      <c r="E33" s="103">
        <v>7700</v>
      </c>
      <c r="F33" s="99">
        <v>0</v>
      </c>
      <c r="G33" s="104">
        <v>43843</v>
      </c>
      <c r="H33" s="104">
        <v>267326</v>
      </c>
      <c r="I33" s="104">
        <v>281939</v>
      </c>
      <c r="J33" s="104">
        <v>291976</v>
      </c>
      <c r="K33" s="104">
        <v>218719</v>
      </c>
      <c r="L33" s="156">
        <v>1103803</v>
      </c>
      <c r="M33" s="106">
        <v>1111503</v>
      </c>
      <c r="N33" s="100">
        <v>0</v>
      </c>
      <c r="O33" s="104">
        <v>0</v>
      </c>
      <c r="P33" s="103">
        <v>0</v>
      </c>
      <c r="Q33" s="100">
        <v>0</v>
      </c>
      <c r="R33" s="104">
        <v>38383</v>
      </c>
      <c r="S33" s="104">
        <v>104540</v>
      </c>
      <c r="T33" s="104">
        <v>16086</v>
      </c>
      <c r="U33" s="104">
        <v>80115</v>
      </c>
      <c r="V33" s="104">
        <v>18312</v>
      </c>
      <c r="W33" s="103">
        <v>257436</v>
      </c>
      <c r="X33" s="106">
        <v>257436</v>
      </c>
      <c r="Y33" s="100">
        <v>0</v>
      </c>
      <c r="Z33" s="104">
        <v>0</v>
      </c>
      <c r="AA33" s="103">
        <v>0</v>
      </c>
      <c r="AB33" s="100">
        <v>0</v>
      </c>
      <c r="AC33" s="104">
        <v>31145</v>
      </c>
      <c r="AD33" s="104">
        <v>40262</v>
      </c>
      <c r="AE33" s="104">
        <v>0</v>
      </c>
      <c r="AF33" s="104">
        <v>60305</v>
      </c>
      <c r="AG33" s="104">
        <v>0</v>
      </c>
      <c r="AH33" s="103">
        <v>131712</v>
      </c>
      <c r="AI33" s="106">
        <v>131712</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43530</v>
      </c>
      <c r="BA33" s="104">
        <v>12082</v>
      </c>
      <c r="BB33" s="104">
        <v>0</v>
      </c>
      <c r="BC33" s="104">
        <v>0</v>
      </c>
      <c r="BD33" s="103">
        <v>55612</v>
      </c>
      <c r="BE33" s="106">
        <v>55612</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7238</v>
      </c>
      <c r="BV33" s="104">
        <v>20748</v>
      </c>
      <c r="BW33" s="104">
        <v>4004</v>
      </c>
      <c r="BX33" s="104">
        <v>19810</v>
      </c>
      <c r="BY33" s="104">
        <v>18312</v>
      </c>
      <c r="BZ33" s="103">
        <v>70112</v>
      </c>
      <c r="CA33" s="106">
        <v>70112</v>
      </c>
      <c r="CB33" s="100">
        <v>0</v>
      </c>
      <c r="CC33" s="104">
        <v>0</v>
      </c>
      <c r="CD33" s="103">
        <v>0</v>
      </c>
      <c r="CE33" s="100">
        <v>0</v>
      </c>
      <c r="CF33" s="104">
        <v>0</v>
      </c>
      <c r="CG33" s="104">
        <v>53137</v>
      </c>
      <c r="CH33" s="104">
        <v>218365</v>
      </c>
      <c r="CI33" s="104">
        <v>0</v>
      </c>
      <c r="CJ33" s="104">
        <v>0</v>
      </c>
      <c r="CK33" s="103">
        <v>271502</v>
      </c>
      <c r="CL33" s="106">
        <v>271502</v>
      </c>
      <c r="CM33" s="100">
        <v>0</v>
      </c>
      <c r="CN33" s="104">
        <v>0</v>
      </c>
      <c r="CO33" s="103">
        <v>0</v>
      </c>
      <c r="CP33" s="101">
        <v>0</v>
      </c>
      <c r="CQ33" s="104">
        <v>0</v>
      </c>
      <c r="CR33" s="104">
        <v>53137</v>
      </c>
      <c r="CS33" s="104">
        <v>163982</v>
      </c>
      <c r="CT33" s="104">
        <v>0</v>
      </c>
      <c r="CU33" s="104">
        <v>0</v>
      </c>
      <c r="CV33" s="103">
        <v>217119</v>
      </c>
      <c r="CW33" s="106">
        <v>217119</v>
      </c>
      <c r="CX33" s="100">
        <v>0</v>
      </c>
      <c r="CY33" s="104">
        <v>0</v>
      </c>
      <c r="CZ33" s="103">
        <v>0</v>
      </c>
      <c r="DA33" s="100">
        <v>0</v>
      </c>
      <c r="DB33" s="104">
        <v>0</v>
      </c>
      <c r="DC33" s="104">
        <v>0</v>
      </c>
      <c r="DD33" s="104">
        <v>54383</v>
      </c>
      <c r="DE33" s="104">
        <v>0</v>
      </c>
      <c r="DF33" s="104">
        <v>0</v>
      </c>
      <c r="DG33" s="103">
        <v>54383</v>
      </c>
      <c r="DH33" s="106">
        <v>54383</v>
      </c>
      <c r="DI33" s="100">
        <v>0</v>
      </c>
      <c r="DJ33" s="104">
        <v>0</v>
      </c>
      <c r="DK33" s="102">
        <v>0</v>
      </c>
      <c r="DL33" s="101">
        <v>0</v>
      </c>
      <c r="DM33" s="104">
        <v>0</v>
      </c>
      <c r="DN33" s="104">
        <v>75223</v>
      </c>
      <c r="DO33" s="104">
        <v>35938</v>
      </c>
      <c r="DP33" s="104">
        <v>0</v>
      </c>
      <c r="DQ33" s="104">
        <v>0</v>
      </c>
      <c r="DR33" s="103">
        <v>111161</v>
      </c>
      <c r="DS33" s="106">
        <v>111161</v>
      </c>
      <c r="DT33" s="100">
        <v>0</v>
      </c>
      <c r="DU33" s="104">
        <v>0</v>
      </c>
      <c r="DV33" s="103">
        <v>0</v>
      </c>
      <c r="DW33" s="100">
        <v>0</v>
      </c>
      <c r="DX33" s="104">
        <v>0</v>
      </c>
      <c r="DY33" s="104">
        <v>75223</v>
      </c>
      <c r="DZ33" s="104">
        <v>35938</v>
      </c>
      <c r="EA33" s="104">
        <v>0</v>
      </c>
      <c r="EB33" s="104">
        <v>0</v>
      </c>
      <c r="EC33" s="103">
        <v>111161</v>
      </c>
      <c r="ED33" s="106">
        <v>111161</v>
      </c>
      <c r="EE33" s="100">
        <v>0</v>
      </c>
      <c r="EF33" s="102">
        <v>0</v>
      </c>
      <c r="EG33" s="103">
        <v>0</v>
      </c>
      <c r="EH33" s="100">
        <v>0</v>
      </c>
      <c r="EI33" s="104">
        <v>0</v>
      </c>
      <c r="EJ33" s="104">
        <v>0</v>
      </c>
      <c r="EK33" s="104">
        <v>0</v>
      </c>
      <c r="EL33" s="104">
        <v>0</v>
      </c>
      <c r="EM33" s="104">
        <v>0</v>
      </c>
      <c r="EN33" s="102">
        <v>0</v>
      </c>
      <c r="EO33" s="106">
        <v>0</v>
      </c>
      <c r="EP33" s="100">
        <v>0</v>
      </c>
      <c r="EQ33" s="104">
        <v>0</v>
      </c>
      <c r="ER33" s="102">
        <v>0</v>
      </c>
      <c r="ES33" s="101">
        <v>0</v>
      </c>
      <c r="ET33" s="104">
        <v>0</v>
      </c>
      <c r="EU33" s="104">
        <v>0</v>
      </c>
      <c r="EV33" s="104">
        <v>0</v>
      </c>
      <c r="EW33" s="104">
        <v>0</v>
      </c>
      <c r="EX33" s="104">
        <v>0</v>
      </c>
      <c r="EY33" s="103">
        <v>0</v>
      </c>
      <c r="EZ33" s="106">
        <v>0</v>
      </c>
      <c r="FA33" s="100">
        <v>0</v>
      </c>
      <c r="FB33" s="104">
        <v>0</v>
      </c>
      <c r="FC33" s="102">
        <v>0</v>
      </c>
      <c r="FD33" s="470">
        <v>0</v>
      </c>
      <c r="FE33" s="104">
        <v>0</v>
      </c>
      <c r="FF33" s="104">
        <v>0</v>
      </c>
      <c r="FG33" s="104">
        <v>0</v>
      </c>
      <c r="FH33" s="104">
        <v>0</v>
      </c>
      <c r="FI33" s="104">
        <v>0</v>
      </c>
      <c r="FJ33" s="103">
        <v>0</v>
      </c>
      <c r="FK33" s="106">
        <v>0</v>
      </c>
      <c r="FL33" s="100">
        <v>0</v>
      </c>
      <c r="FM33" s="104">
        <v>7700</v>
      </c>
      <c r="FN33" s="103">
        <v>7700</v>
      </c>
      <c r="FO33" s="100">
        <v>0</v>
      </c>
      <c r="FP33" s="104">
        <v>5460</v>
      </c>
      <c r="FQ33" s="104">
        <v>34426</v>
      </c>
      <c r="FR33" s="104">
        <v>11550</v>
      </c>
      <c r="FS33" s="104">
        <v>21350</v>
      </c>
      <c r="FT33" s="104">
        <v>0</v>
      </c>
      <c r="FU33" s="103">
        <v>72786</v>
      </c>
      <c r="FV33" s="106">
        <v>80486</v>
      </c>
      <c r="FW33" s="105">
        <v>0</v>
      </c>
      <c r="FX33" s="104">
        <v>7700</v>
      </c>
      <c r="FY33" s="102">
        <v>7700</v>
      </c>
      <c r="FZ33" s="101">
        <v>0</v>
      </c>
      <c r="GA33" s="104">
        <v>5460</v>
      </c>
      <c r="GB33" s="104">
        <v>34426</v>
      </c>
      <c r="GC33" s="104">
        <v>11550</v>
      </c>
      <c r="GD33" s="104">
        <v>21350</v>
      </c>
      <c r="GE33" s="104">
        <v>0</v>
      </c>
      <c r="GF33" s="103">
        <v>72786</v>
      </c>
      <c r="GG33" s="290">
        <v>80486</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0</v>
      </c>
      <c r="HI33" s="104">
        <v>0</v>
      </c>
      <c r="HJ33" s="104">
        <v>0</v>
      </c>
      <c r="HK33" s="104">
        <v>190511</v>
      </c>
      <c r="HL33" s="104">
        <v>200407</v>
      </c>
      <c r="HM33" s="103">
        <v>390918</v>
      </c>
      <c r="HN33" s="99">
        <v>390918</v>
      </c>
      <c r="HO33" s="456">
        <v>0</v>
      </c>
      <c r="HP33" s="457">
        <v>0</v>
      </c>
      <c r="HQ33" s="458">
        <v>0</v>
      </c>
      <c r="HR33" s="459">
        <v>0</v>
      </c>
      <c r="HS33" s="457">
        <v>0</v>
      </c>
      <c r="HT33" s="457">
        <v>0</v>
      </c>
      <c r="HU33" s="457">
        <v>0</v>
      </c>
      <c r="HV33" s="457">
        <v>0</v>
      </c>
      <c r="HW33" s="457">
        <v>0</v>
      </c>
      <c r="HX33" s="460">
        <v>0</v>
      </c>
      <c r="HY33" s="461">
        <v>0</v>
      </c>
      <c r="HZ33" s="118">
        <v>0</v>
      </c>
      <c r="IA33" s="119">
        <v>0</v>
      </c>
      <c r="IB33" s="120">
        <v>0</v>
      </c>
      <c r="IC33" s="131">
        <v>0</v>
      </c>
      <c r="ID33" s="119">
        <v>133357</v>
      </c>
      <c r="IE33" s="132">
        <v>214382</v>
      </c>
      <c r="IF33" s="120">
        <v>208180</v>
      </c>
      <c r="IG33" s="119">
        <v>0</v>
      </c>
      <c r="IH33" s="120">
        <v>0</v>
      </c>
      <c r="II33" s="133">
        <v>555919</v>
      </c>
      <c r="IJ33" s="126">
        <v>555919</v>
      </c>
      <c r="IK33" s="215">
        <v>0</v>
      </c>
      <c r="IL33" s="219">
        <v>0</v>
      </c>
      <c r="IM33" s="220">
        <v>0</v>
      </c>
      <c r="IN33" s="470">
        <v>0</v>
      </c>
      <c r="IO33" s="109">
        <v>0</v>
      </c>
      <c r="IP33" s="109">
        <v>0</v>
      </c>
      <c r="IQ33" s="109">
        <v>0</v>
      </c>
      <c r="IR33" s="109">
        <v>0</v>
      </c>
      <c r="IS33" s="109">
        <v>0</v>
      </c>
      <c r="IT33" s="128">
        <v>0</v>
      </c>
      <c r="IU33" s="292">
        <v>0</v>
      </c>
      <c r="IV33" s="129">
        <v>0</v>
      </c>
      <c r="IW33" s="109">
        <v>0</v>
      </c>
      <c r="IX33" s="110">
        <v>0</v>
      </c>
      <c r="IY33" s="470">
        <v>0</v>
      </c>
      <c r="IZ33" s="109">
        <v>0</v>
      </c>
      <c r="JA33" s="109">
        <v>0</v>
      </c>
      <c r="JB33" s="109">
        <v>0</v>
      </c>
      <c r="JC33" s="109">
        <v>0</v>
      </c>
      <c r="JD33" s="109">
        <v>0</v>
      </c>
      <c r="JE33" s="110">
        <v>0</v>
      </c>
      <c r="JF33" s="111">
        <v>0</v>
      </c>
      <c r="JG33" s="129">
        <v>0</v>
      </c>
      <c r="JH33" s="109">
        <v>0</v>
      </c>
      <c r="JI33" s="128">
        <v>0</v>
      </c>
      <c r="JJ33" s="108">
        <v>0</v>
      </c>
      <c r="JK33" s="109">
        <v>133357</v>
      </c>
      <c r="JL33" s="109">
        <v>0</v>
      </c>
      <c r="JM33" s="109">
        <v>0</v>
      </c>
      <c r="JN33" s="109">
        <v>0</v>
      </c>
      <c r="JO33" s="109">
        <v>0</v>
      </c>
      <c r="JP33" s="110">
        <v>133357</v>
      </c>
      <c r="JQ33" s="292">
        <v>133357</v>
      </c>
      <c r="JR33" s="129">
        <v>0</v>
      </c>
      <c r="JS33" s="109">
        <v>0</v>
      </c>
      <c r="JT33" s="128">
        <v>0</v>
      </c>
      <c r="JU33" s="108">
        <v>0</v>
      </c>
      <c r="JV33" s="109">
        <v>0</v>
      </c>
      <c r="JW33" s="109">
        <v>0</v>
      </c>
      <c r="JX33" s="109">
        <v>0</v>
      </c>
      <c r="JY33" s="109">
        <v>0</v>
      </c>
      <c r="JZ33" s="109">
        <v>0</v>
      </c>
      <c r="KA33" s="110">
        <v>0</v>
      </c>
      <c r="KB33" s="292">
        <v>0</v>
      </c>
      <c r="KC33" s="217">
        <v>0</v>
      </c>
      <c r="KD33" s="213">
        <v>0</v>
      </c>
      <c r="KE33" s="110">
        <v>0</v>
      </c>
      <c r="KF33" s="108">
        <v>0</v>
      </c>
      <c r="KG33" s="109">
        <v>0</v>
      </c>
      <c r="KH33" s="109">
        <v>0</v>
      </c>
      <c r="KI33" s="109">
        <v>0</v>
      </c>
      <c r="KJ33" s="109">
        <v>0</v>
      </c>
      <c r="KK33" s="109">
        <v>0</v>
      </c>
      <c r="KL33" s="110">
        <v>0</v>
      </c>
      <c r="KM33" s="130">
        <v>0</v>
      </c>
      <c r="KN33" s="215">
        <v>0</v>
      </c>
      <c r="KO33" s="219">
        <v>0</v>
      </c>
      <c r="KP33" s="220">
        <v>0</v>
      </c>
      <c r="KQ33" s="470">
        <v>0</v>
      </c>
      <c r="KR33" s="109">
        <v>0</v>
      </c>
      <c r="KS33" s="109">
        <v>214382</v>
      </c>
      <c r="KT33" s="109">
        <v>208180</v>
      </c>
      <c r="KU33" s="109">
        <v>0</v>
      </c>
      <c r="KV33" s="109">
        <v>0</v>
      </c>
      <c r="KW33" s="110">
        <v>422562</v>
      </c>
      <c r="KX33" s="292">
        <v>422562</v>
      </c>
      <c r="KY33" s="129">
        <v>0</v>
      </c>
      <c r="KZ33" s="109">
        <v>0</v>
      </c>
      <c r="LA33" s="110">
        <v>0</v>
      </c>
      <c r="LB33" s="470">
        <v>0</v>
      </c>
      <c r="LC33" s="109">
        <v>0</v>
      </c>
      <c r="LD33" s="109">
        <v>0</v>
      </c>
      <c r="LE33" s="109">
        <v>0</v>
      </c>
      <c r="LF33" s="109">
        <v>0</v>
      </c>
      <c r="LG33" s="109">
        <v>0</v>
      </c>
      <c r="LH33" s="110">
        <v>0</v>
      </c>
      <c r="LI33" s="111">
        <v>0</v>
      </c>
      <c r="LJ33" s="129">
        <v>0</v>
      </c>
      <c r="LK33" s="109">
        <v>0</v>
      </c>
      <c r="LL33" s="110">
        <v>0</v>
      </c>
      <c r="LM33" s="470">
        <v>0</v>
      </c>
      <c r="LN33" s="109">
        <v>0</v>
      </c>
      <c r="LO33" s="109">
        <v>0</v>
      </c>
      <c r="LP33" s="109">
        <v>0</v>
      </c>
      <c r="LQ33" s="109">
        <v>0</v>
      </c>
      <c r="LR33" s="109">
        <v>0</v>
      </c>
      <c r="LS33" s="110">
        <v>0</v>
      </c>
      <c r="LT33" s="292">
        <v>0</v>
      </c>
      <c r="LU33" s="129">
        <v>0</v>
      </c>
      <c r="LV33" s="109">
        <v>0</v>
      </c>
      <c r="LW33" s="110">
        <v>0</v>
      </c>
      <c r="LX33" s="470">
        <v>0</v>
      </c>
      <c r="LY33" s="109">
        <v>0</v>
      </c>
      <c r="LZ33" s="109">
        <v>0</v>
      </c>
      <c r="MA33" s="109">
        <v>0</v>
      </c>
      <c r="MB33" s="109">
        <v>0</v>
      </c>
      <c r="MC33" s="109">
        <v>0</v>
      </c>
      <c r="MD33" s="110">
        <v>0</v>
      </c>
      <c r="ME33" s="111">
        <v>0</v>
      </c>
      <c r="MF33" s="129">
        <v>0</v>
      </c>
      <c r="MG33" s="109">
        <v>0</v>
      </c>
      <c r="MH33" s="110">
        <v>0</v>
      </c>
      <c r="MI33" s="470">
        <v>0</v>
      </c>
      <c r="MJ33" s="109">
        <v>0</v>
      </c>
      <c r="MK33" s="109">
        <v>0</v>
      </c>
      <c r="ML33" s="109">
        <v>290579</v>
      </c>
      <c r="MM33" s="109">
        <v>0</v>
      </c>
      <c r="MN33" s="109">
        <v>0</v>
      </c>
      <c r="MO33" s="110">
        <v>290579</v>
      </c>
      <c r="MP33" s="130">
        <v>290579</v>
      </c>
      <c r="MQ33" s="129">
        <v>0</v>
      </c>
      <c r="MR33" s="109">
        <v>0</v>
      </c>
      <c r="MS33" s="110">
        <v>0</v>
      </c>
      <c r="MT33" s="470">
        <v>0</v>
      </c>
      <c r="MU33" s="109">
        <v>0</v>
      </c>
      <c r="MV33" s="109">
        <v>0</v>
      </c>
      <c r="MW33" s="109">
        <v>0</v>
      </c>
      <c r="MX33" s="109">
        <v>0</v>
      </c>
      <c r="MY33" s="109">
        <v>0</v>
      </c>
      <c r="MZ33" s="110">
        <v>0</v>
      </c>
      <c r="NA33" s="130">
        <v>0</v>
      </c>
      <c r="NB33" s="129">
        <v>0</v>
      </c>
      <c r="NC33" s="109">
        <v>0</v>
      </c>
      <c r="ND33" s="110">
        <v>0</v>
      </c>
      <c r="NE33" s="470">
        <v>0</v>
      </c>
      <c r="NF33" s="109">
        <v>0</v>
      </c>
      <c r="NG33" s="109">
        <v>0</v>
      </c>
      <c r="NH33" s="109">
        <v>290579</v>
      </c>
      <c r="NI33" s="109">
        <v>0</v>
      </c>
      <c r="NJ33" s="109">
        <v>0</v>
      </c>
      <c r="NK33" s="110">
        <v>290579</v>
      </c>
      <c r="NL33" s="292">
        <v>290579</v>
      </c>
      <c r="NM33" s="129">
        <v>0</v>
      </c>
      <c r="NN33" s="109">
        <v>0</v>
      </c>
      <c r="NO33" s="110">
        <v>0</v>
      </c>
      <c r="NP33" s="470">
        <v>0</v>
      </c>
      <c r="NQ33" s="109">
        <v>0</v>
      </c>
      <c r="NR33" s="109">
        <v>0</v>
      </c>
      <c r="NS33" s="109">
        <v>0</v>
      </c>
      <c r="NT33" s="109">
        <v>0</v>
      </c>
      <c r="NU33" s="109">
        <v>0</v>
      </c>
      <c r="NV33" s="110">
        <v>0</v>
      </c>
      <c r="NW33" s="111">
        <v>0</v>
      </c>
      <c r="NX33" s="129">
        <v>0</v>
      </c>
      <c r="NY33" s="109">
        <v>0</v>
      </c>
      <c r="NZ33" s="110">
        <v>0</v>
      </c>
      <c r="OA33" s="470">
        <v>0</v>
      </c>
      <c r="OB33" s="109">
        <v>0</v>
      </c>
      <c r="OC33" s="109">
        <v>0</v>
      </c>
      <c r="OD33" s="109">
        <v>0</v>
      </c>
      <c r="OE33" s="109">
        <v>0</v>
      </c>
      <c r="OF33" s="109">
        <v>0</v>
      </c>
      <c r="OG33" s="110">
        <v>0</v>
      </c>
      <c r="OH33" s="111">
        <v>0</v>
      </c>
      <c r="OI33" s="129">
        <v>0</v>
      </c>
      <c r="OJ33" s="109">
        <v>7700</v>
      </c>
      <c r="OK33" s="128">
        <v>7700</v>
      </c>
      <c r="OL33" s="108">
        <v>0</v>
      </c>
      <c r="OM33" s="109">
        <v>177200</v>
      </c>
      <c r="ON33" s="109">
        <v>481708</v>
      </c>
      <c r="OO33" s="109">
        <v>780698</v>
      </c>
      <c r="OP33" s="109">
        <v>291976</v>
      </c>
      <c r="OQ33" s="109">
        <v>218719</v>
      </c>
      <c r="OR33" s="110">
        <v>1950301</v>
      </c>
      <c r="OS33" s="130">
        <v>1958001</v>
      </c>
    </row>
    <row r="34" spans="2:409" ht="21" customHeight="1" x14ac:dyDescent="0.2">
      <c r="B34" s="437" t="s">
        <v>29</v>
      </c>
      <c r="C34" s="100">
        <v>73316</v>
      </c>
      <c r="D34" s="104">
        <v>61488</v>
      </c>
      <c r="E34" s="103">
        <v>134804</v>
      </c>
      <c r="F34" s="99">
        <v>0</v>
      </c>
      <c r="G34" s="104">
        <v>379053</v>
      </c>
      <c r="H34" s="104">
        <v>334853</v>
      </c>
      <c r="I34" s="104">
        <v>446126</v>
      </c>
      <c r="J34" s="104">
        <v>460036</v>
      </c>
      <c r="K34" s="104">
        <v>396732</v>
      </c>
      <c r="L34" s="156">
        <v>2016800</v>
      </c>
      <c r="M34" s="106">
        <v>2151604</v>
      </c>
      <c r="N34" s="100">
        <v>0</v>
      </c>
      <c r="O34" s="104">
        <v>48888</v>
      </c>
      <c r="P34" s="103">
        <v>48888</v>
      </c>
      <c r="Q34" s="100">
        <v>0</v>
      </c>
      <c r="R34" s="104">
        <v>191945</v>
      </c>
      <c r="S34" s="104">
        <v>133221</v>
      </c>
      <c r="T34" s="104">
        <v>228328</v>
      </c>
      <c r="U34" s="104">
        <v>135697</v>
      </c>
      <c r="V34" s="104">
        <v>0</v>
      </c>
      <c r="W34" s="103">
        <v>689191</v>
      </c>
      <c r="X34" s="106">
        <v>738079</v>
      </c>
      <c r="Y34" s="100">
        <v>0</v>
      </c>
      <c r="Z34" s="104">
        <v>0</v>
      </c>
      <c r="AA34" s="103">
        <v>0</v>
      </c>
      <c r="AB34" s="100">
        <v>0</v>
      </c>
      <c r="AC34" s="104">
        <v>58121</v>
      </c>
      <c r="AD34" s="104">
        <v>73630</v>
      </c>
      <c r="AE34" s="104">
        <v>83503</v>
      </c>
      <c r="AF34" s="104">
        <v>100011</v>
      </c>
      <c r="AG34" s="104">
        <v>0</v>
      </c>
      <c r="AH34" s="103">
        <v>315265</v>
      </c>
      <c r="AI34" s="106">
        <v>315265</v>
      </c>
      <c r="AJ34" s="100">
        <v>0</v>
      </c>
      <c r="AK34" s="104">
        <v>0</v>
      </c>
      <c r="AL34" s="103">
        <v>0</v>
      </c>
      <c r="AM34" s="100">
        <v>0</v>
      </c>
      <c r="AN34" s="104">
        <v>0</v>
      </c>
      <c r="AO34" s="104">
        <v>0</v>
      </c>
      <c r="AP34" s="104">
        <v>0</v>
      </c>
      <c r="AQ34" s="104">
        <v>0</v>
      </c>
      <c r="AR34" s="104">
        <v>0</v>
      </c>
      <c r="AS34" s="103">
        <v>0</v>
      </c>
      <c r="AT34" s="106">
        <v>0</v>
      </c>
      <c r="AU34" s="100">
        <v>0</v>
      </c>
      <c r="AV34" s="104">
        <v>48888</v>
      </c>
      <c r="AW34" s="103">
        <v>48888</v>
      </c>
      <c r="AX34" s="100">
        <v>0</v>
      </c>
      <c r="AY34" s="104">
        <v>92951</v>
      </c>
      <c r="AZ34" s="104">
        <v>45689</v>
      </c>
      <c r="BA34" s="104">
        <v>144825</v>
      </c>
      <c r="BB34" s="104">
        <v>0</v>
      </c>
      <c r="BC34" s="104">
        <v>0</v>
      </c>
      <c r="BD34" s="103">
        <v>283465</v>
      </c>
      <c r="BE34" s="106">
        <v>332353</v>
      </c>
      <c r="BF34" s="100">
        <v>0</v>
      </c>
      <c r="BG34" s="104">
        <v>0</v>
      </c>
      <c r="BH34" s="102">
        <v>0</v>
      </c>
      <c r="BI34" s="101">
        <v>0</v>
      </c>
      <c r="BJ34" s="104">
        <v>26768</v>
      </c>
      <c r="BK34" s="104">
        <v>0</v>
      </c>
      <c r="BL34" s="104">
        <v>0</v>
      </c>
      <c r="BM34" s="104">
        <v>26768</v>
      </c>
      <c r="BN34" s="104">
        <v>0</v>
      </c>
      <c r="BO34" s="103">
        <v>53536</v>
      </c>
      <c r="BP34" s="106">
        <v>53536</v>
      </c>
      <c r="BQ34" s="100">
        <v>0</v>
      </c>
      <c r="BR34" s="104">
        <v>0</v>
      </c>
      <c r="BS34" s="103">
        <v>0</v>
      </c>
      <c r="BT34" s="100">
        <v>0</v>
      </c>
      <c r="BU34" s="104">
        <v>14105</v>
      </c>
      <c r="BV34" s="104">
        <v>13902</v>
      </c>
      <c r="BW34" s="104">
        <v>0</v>
      </c>
      <c r="BX34" s="104">
        <v>8918</v>
      </c>
      <c r="BY34" s="104">
        <v>0</v>
      </c>
      <c r="BZ34" s="103">
        <v>36925</v>
      </c>
      <c r="CA34" s="106">
        <v>36925</v>
      </c>
      <c r="CB34" s="100">
        <v>0</v>
      </c>
      <c r="CC34" s="104">
        <v>0</v>
      </c>
      <c r="CD34" s="103">
        <v>0</v>
      </c>
      <c r="CE34" s="100">
        <v>0</v>
      </c>
      <c r="CF34" s="104">
        <v>168012</v>
      </c>
      <c r="CG34" s="104">
        <v>41671</v>
      </c>
      <c r="CH34" s="104">
        <v>164598</v>
      </c>
      <c r="CI34" s="104">
        <v>81316</v>
      </c>
      <c r="CJ34" s="104">
        <v>0</v>
      </c>
      <c r="CK34" s="103">
        <v>455597</v>
      </c>
      <c r="CL34" s="106">
        <v>455597</v>
      </c>
      <c r="CM34" s="100">
        <v>0</v>
      </c>
      <c r="CN34" s="104">
        <v>0</v>
      </c>
      <c r="CO34" s="103">
        <v>0</v>
      </c>
      <c r="CP34" s="101">
        <v>0</v>
      </c>
      <c r="CQ34" s="104">
        <v>78575</v>
      </c>
      <c r="CR34" s="104">
        <v>41671</v>
      </c>
      <c r="CS34" s="104">
        <v>56364</v>
      </c>
      <c r="CT34" s="104">
        <v>0</v>
      </c>
      <c r="CU34" s="104">
        <v>0</v>
      </c>
      <c r="CV34" s="103">
        <v>176610</v>
      </c>
      <c r="CW34" s="106">
        <v>176610</v>
      </c>
      <c r="CX34" s="100">
        <v>0</v>
      </c>
      <c r="CY34" s="104">
        <v>0</v>
      </c>
      <c r="CZ34" s="103">
        <v>0</v>
      </c>
      <c r="DA34" s="100">
        <v>0</v>
      </c>
      <c r="DB34" s="104">
        <v>89437</v>
      </c>
      <c r="DC34" s="104">
        <v>0</v>
      </c>
      <c r="DD34" s="104">
        <v>108234</v>
      </c>
      <c r="DE34" s="104">
        <v>81316</v>
      </c>
      <c r="DF34" s="104">
        <v>0</v>
      </c>
      <c r="DG34" s="103">
        <v>278987</v>
      </c>
      <c r="DH34" s="106">
        <v>278987</v>
      </c>
      <c r="DI34" s="100">
        <v>0</v>
      </c>
      <c r="DJ34" s="104">
        <v>0</v>
      </c>
      <c r="DK34" s="102">
        <v>0</v>
      </c>
      <c r="DL34" s="101">
        <v>0</v>
      </c>
      <c r="DM34" s="104">
        <v>14896</v>
      </c>
      <c r="DN34" s="104">
        <v>0</v>
      </c>
      <c r="DO34" s="104">
        <v>0</v>
      </c>
      <c r="DP34" s="104">
        <v>0</v>
      </c>
      <c r="DQ34" s="104">
        <v>0</v>
      </c>
      <c r="DR34" s="103">
        <v>14896</v>
      </c>
      <c r="DS34" s="106">
        <v>14896</v>
      </c>
      <c r="DT34" s="100">
        <v>0</v>
      </c>
      <c r="DU34" s="104">
        <v>0</v>
      </c>
      <c r="DV34" s="103">
        <v>0</v>
      </c>
      <c r="DW34" s="100">
        <v>0</v>
      </c>
      <c r="DX34" s="104">
        <v>0</v>
      </c>
      <c r="DY34" s="104">
        <v>0</v>
      </c>
      <c r="DZ34" s="104">
        <v>0</v>
      </c>
      <c r="EA34" s="104">
        <v>0</v>
      </c>
      <c r="EB34" s="104">
        <v>0</v>
      </c>
      <c r="EC34" s="103">
        <v>0</v>
      </c>
      <c r="ED34" s="106">
        <v>0</v>
      </c>
      <c r="EE34" s="100">
        <v>0</v>
      </c>
      <c r="EF34" s="102">
        <v>0</v>
      </c>
      <c r="EG34" s="103">
        <v>0</v>
      </c>
      <c r="EH34" s="100">
        <v>0</v>
      </c>
      <c r="EI34" s="104">
        <v>14896</v>
      </c>
      <c r="EJ34" s="104">
        <v>0</v>
      </c>
      <c r="EK34" s="104">
        <v>0</v>
      </c>
      <c r="EL34" s="104">
        <v>0</v>
      </c>
      <c r="EM34" s="104">
        <v>0</v>
      </c>
      <c r="EN34" s="102">
        <v>14896</v>
      </c>
      <c r="EO34" s="106">
        <v>14896</v>
      </c>
      <c r="EP34" s="100">
        <v>0</v>
      </c>
      <c r="EQ34" s="104">
        <v>0</v>
      </c>
      <c r="ER34" s="102">
        <v>0</v>
      </c>
      <c r="ES34" s="101">
        <v>0</v>
      </c>
      <c r="ET34" s="104">
        <v>0</v>
      </c>
      <c r="EU34" s="104">
        <v>0</v>
      </c>
      <c r="EV34" s="104">
        <v>0</v>
      </c>
      <c r="EW34" s="104">
        <v>0</v>
      </c>
      <c r="EX34" s="104">
        <v>0</v>
      </c>
      <c r="EY34" s="103">
        <v>0</v>
      </c>
      <c r="EZ34" s="106">
        <v>0</v>
      </c>
      <c r="FA34" s="100">
        <v>0</v>
      </c>
      <c r="FB34" s="104">
        <v>0</v>
      </c>
      <c r="FC34" s="102">
        <v>0</v>
      </c>
      <c r="FD34" s="470">
        <v>0</v>
      </c>
      <c r="FE34" s="104">
        <v>0</v>
      </c>
      <c r="FF34" s="104">
        <v>0</v>
      </c>
      <c r="FG34" s="104">
        <v>0</v>
      </c>
      <c r="FH34" s="104">
        <v>0</v>
      </c>
      <c r="FI34" s="104">
        <v>0</v>
      </c>
      <c r="FJ34" s="103">
        <v>0</v>
      </c>
      <c r="FK34" s="106">
        <v>0</v>
      </c>
      <c r="FL34" s="100">
        <v>0</v>
      </c>
      <c r="FM34" s="104">
        <v>12600</v>
      </c>
      <c r="FN34" s="103">
        <v>12600</v>
      </c>
      <c r="FO34" s="100">
        <v>0</v>
      </c>
      <c r="FP34" s="104">
        <v>4200</v>
      </c>
      <c r="FQ34" s="104">
        <v>3150</v>
      </c>
      <c r="FR34" s="104">
        <v>53200</v>
      </c>
      <c r="FS34" s="104">
        <v>57106</v>
      </c>
      <c r="FT34" s="104">
        <v>0</v>
      </c>
      <c r="FU34" s="103">
        <v>117656</v>
      </c>
      <c r="FV34" s="106">
        <v>130256</v>
      </c>
      <c r="FW34" s="105">
        <v>0</v>
      </c>
      <c r="FX34" s="104">
        <v>12600</v>
      </c>
      <c r="FY34" s="102">
        <v>12600</v>
      </c>
      <c r="FZ34" s="101">
        <v>0</v>
      </c>
      <c r="GA34" s="104">
        <v>4200</v>
      </c>
      <c r="GB34" s="104">
        <v>3150</v>
      </c>
      <c r="GC34" s="104">
        <v>53200</v>
      </c>
      <c r="GD34" s="104">
        <v>57106</v>
      </c>
      <c r="GE34" s="104">
        <v>0</v>
      </c>
      <c r="GF34" s="103">
        <v>117656</v>
      </c>
      <c r="GG34" s="290">
        <v>130256</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0</v>
      </c>
      <c r="GZ34" s="104">
        <v>0</v>
      </c>
      <c r="HA34" s="104">
        <v>0</v>
      </c>
      <c r="HB34" s="102">
        <v>0</v>
      </c>
      <c r="HC34" s="106">
        <v>0</v>
      </c>
      <c r="HD34" s="100">
        <v>73316</v>
      </c>
      <c r="HE34" s="104">
        <v>0</v>
      </c>
      <c r="HF34" s="102">
        <v>73316</v>
      </c>
      <c r="HG34" s="101">
        <v>0</v>
      </c>
      <c r="HH34" s="104">
        <v>0</v>
      </c>
      <c r="HI34" s="104">
        <v>156811</v>
      </c>
      <c r="HJ34" s="104">
        <v>0</v>
      </c>
      <c r="HK34" s="104">
        <v>185917</v>
      </c>
      <c r="HL34" s="104">
        <v>396732</v>
      </c>
      <c r="HM34" s="103">
        <v>739460</v>
      </c>
      <c r="HN34" s="99">
        <v>812776</v>
      </c>
      <c r="HO34" s="456">
        <v>0</v>
      </c>
      <c r="HP34" s="457">
        <v>0</v>
      </c>
      <c r="HQ34" s="458">
        <v>0</v>
      </c>
      <c r="HR34" s="459">
        <v>0</v>
      </c>
      <c r="HS34" s="457">
        <v>0</v>
      </c>
      <c r="HT34" s="457">
        <v>0</v>
      </c>
      <c r="HU34" s="457">
        <v>0</v>
      </c>
      <c r="HV34" s="457">
        <v>0</v>
      </c>
      <c r="HW34" s="457">
        <v>0</v>
      </c>
      <c r="HX34" s="460">
        <v>0</v>
      </c>
      <c r="HY34" s="461">
        <v>0</v>
      </c>
      <c r="HZ34" s="135">
        <v>0</v>
      </c>
      <c r="IA34" s="122">
        <v>0</v>
      </c>
      <c r="IB34" s="135">
        <v>0</v>
      </c>
      <c r="IC34" s="121">
        <v>0</v>
      </c>
      <c r="ID34" s="122">
        <v>335701</v>
      </c>
      <c r="IE34" s="123">
        <v>310345</v>
      </c>
      <c r="IF34" s="124">
        <v>0</v>
      </c>
      <c r="IG34" s="122">
        <v>247573</v>
      </c>
      <c r="IH34" s="124">
        <v>0</v>
      </c>
      <c r="II34" s="125">
        <v>893619</v>
      </c>
      <c r="IJ34" s="135">
        <v>893619</v>
      </c>
      <c r="IK34" s="215">
        <v>0</v>
      </c>
      <c r="IL34" s="219">
        <v>0</v>
      </c>
      <c r="IM34" s="220">
        <v>0</v>
      </c>
      <c r="IN34" s="470">
        <v>0</v>
      </c>
      <c r="IO34" s="109">
        <v>52941</v>
      </c>
      <c r="IP34" s="109">
        <v>0</v>
      </c>
      <c r="IQ34" s="109">
        <v>0</v>
      </c>
      <c r="IR34" s="109">
        <v>0</v>
      </c>
      <c r="IS34" s="109">
        <v>0</v>
      </c>
      <c r="IT34" s="128">
        <v>52941</v>
      </c>
      <c r="IU34" s="292">
        <v>52941</v>
      </c>
      <c r="IV34" s="129">
        <v>0</v>
      </c>
      <c r="IW34" s="109">
        <v>0</v>
      </c>
      <c r="IX34" s="110">
        <v>0</v>
      </c>
      <c r="IY34" s="470">
        <v>0</v>
      </c>
      <c r="IZ34" s="109">
        <v>0</v>
      </c>
      <c r="JA34" s="109">
        <v>0</v>
      </c>
      <c r="JB34" s="109">
        <v>0</v>
      </c>
      <c r="JC34" s="109">
        <v>0</v>
      </c>
      <c r="JD34" s="109">
        <v>0</v>
      </c>
      <c r="JE34" s="110">
        <v>0</v>
      </c>
      <c r="JF34" s="111">
        <v>0</v>
      </c>
      <c r="JG34" s="129">
        <v>0</v>
      </c>
      <c r="JH34" s="109">
        <v>0</v>
      </c>
      <c r="JI34" s="128">
        <v>0</v>
      </c>
      <c r="JJ34" s="108">
        <v>0</v>
      </c>
      <c r="JK34" s="109">
        <v>54098</v>
      </c>
      <c r="JL34" s="109">
        <v>0</v>
      </c>
      <c r="JM34" s="109">
        <v>0</v>
      </c>
      <c r="JN34" s="109">
        <v>20262</v>
      </c>
      <c r="JO34" s="109">
        <v>0</v>
      </c>
      <c r="JP34" s="110">
        <v>74360</v>
      </c>
      <c r="JQ34" s="292">
        <v>74360</v>
      </c>
      <c r="JR34" s="129">
        <v>0</v>
      </c>
      <c r="JS34" s="109">
        <v>0</v>
      </c>
      <c r="JT34" s="128">
        <v>0</v>
      </c>
      <c r="JU34" s="108">
        <v>0</v>
      </c>
      <c r="JV34" s="109">
        <v>0</v>
      </c>
      <c r="JW34" s="109">
        <v>0</v>
      </c>
      <c r="JX34" s="109">
        <v>0</v>
      </c>
      <c r="JY34" s="109">
        <v>0</v>
      </c>
      <c r="JZ34" s="109">
        <v>0</v>
      </c>
      <c r="KA34" s="110">
        <v>0</v>
      </c>
      <c r="KB34" s="292">
        <v>0</v>
      </c>
      <c r="KC34" s="217">
        <v>0</v>
      </c>
      <c r="KD34" s="213">
        <v>0</v>
      </c>
      <c r="KE34" s="110">
        <v>0</v>
      </c>
      <c r="KF34" s="108">
        <v>0</v>
      </c>
      <c r="KG34" s="109">
        <v>228662</v>
      </c>
      <c r="KH34" s="109">
        <v>310345</v>
      </c>
      <c r="KI34" s="109">
        <v>0</v>
      </c>
      <c r="KJ34" s="109">
        <v>0</v>
      </c>
      <c r="KK34" s="109">
        <v>0</v>
      </c>
      <c r="KL34" s="110">
        <v>539007</v>
      </c>
      <c r="KM34" s="130">
        <v>539007</v>
      </c>
      <c r="KN34" s="215">
        <v>0</v>
      </c>
      <c r="KO34" s="219">
        <v>0</v>
      </c>
      <c r="KP34" s="220">
        <v>0</v>
      </c>
      <c r="KQ34" s="470">
        <v>0</v>
      </c>
      <c r="KR34" s="109">
        <v>0</v>
      </c>
      <c r="KS34" s="109">
        <v>0</v>
      </c>
      <c r="KT34" s="109">
        <v>0</v>
      </c>
      <c r="KU34" s="109">
        <v>0</v>
      </c>
      <c r="KV34" s="109">
        <v>0</v>
      </c>
      <c r="KW34" s="110">
        <v>0</v>
      </c>
      <c r="KX34" s="292">
        <v>0</v>
      </c>
      <c r="KY34" s="129">
        <v>0</v>
      </c>
      <c r="KZ34" s="109">
        <v>0</v>
      </c>
      <c r="LA34" s="110">
        <v>0</v>
      </c>
      <c r="LB34" s="470">
        <v>0</v>
      </c>
      <c r="LC34" s="109">
        <v>0</v>
      </c>
      <c r="LD34" s="109">
        <v>0</v>
      </c>
      <c r="LE34" s="109">
        <v>0</v>
      </c>
      <c r="LF34" s="109">
        <v>0</v>
      </c>
      <c r="LG34" s="109">
        <v>0</v>
      </c>
      <c r="LH34" s="110">
        <v>0</v>
      </c>
      <c r="LI34" s="111">
        <v>0</v>
      </c>
      <c r="LJ34" s="129">
        <v>0</v>
      </c>
      <c r="LK34" s="109">
        <v>0</v>
      </c>
      <c r="LL34" s="110">
        <v>0</v>
      </c>
      <c r="LM34" s="470">
        <v>0</v>
      </c>
      <c r="LN34" s="109">
        <v>0</v>
      </c>
      <c r="LO34" s="109">
        <v>0</v>
      </c>
      <c r="LP34" s="109">
        <v>0</v>
      </c>
      <c r="LQ34" s="109">
        <v>227311</v>
      </c>
      <c r="LR34" s="109">
        <v>0</v>
      </c>
      <c r="LS34" s="110">
        <v>227311</v>
      </c>
      <c r="LT34" s="292">
        <v>227311</v>
      </c>
      <c r="LU34" s="129">
        <v>0</v>
      </c>
      <c r="LV34" s="109">
        <v>0</v>
      </c>
      <c r="LW34" s="110">
        <v>0</v>
      </c>
      <c r="LX34" s="470">
        <v>0</v>
      </c>
      <c r="LY34" s="109">
        <v>0</v>
      </c>
      <c r="LZ34" s="109">
        <v>0</v>
      </c>
      <c r="MA34" s="109">
        <v>0</v>
      </c>
      <c r="MB34" s="109">
        <v>0</v>
      </c>
      <c r="MC34" s="109">
        <v>0</v>
      </c>
      <c r="MD34" s="110">
        <v>0</v>
      </c>
      <c r="ME34" s="111">
        <v>0</v>
      </c>
      <c r="MF34" s="129">
        <v>0</v>
      </c>
      <c r="MG34" s="109">
        <v>0</v>
      </c>
      <c r="MH34" s="110">
        <v>0</v>
      </c>
      <c r="MI34" s="470">
        <v>0</v>
      </c>
      <c r="MJ34" s="109">
        <v>0</v>
      </c>
      <c r="MK34" s="109">
        <v>0</v>
      </c>
      <c r="ML34" s="109">
        <v>0</v>
      </c>
      <c r="MM34" s="109">
        <v>497296</v>
      </c>
      <c r="MN34" s="109">
        <v>264264</v>
      </c>
      <c r="MO34" s="110">
        <v>761560</v>
      </c>
      <c r="MP34" s="130">
        <v>761560</v>
      </c>
      <c r="MQ34" s="129">
        <v>0</v>
      </c>
      <c r="MR34" s="109">
        <v>0</v>
      </c>
      <c r="MS34" s="110">
        <v>0</v>
      </c>
      <c r="MT34" s="470">
        <v>0</v>
      </c>
      <c r="MU34" s="109">
        <v>0</v>
      </c>
      <c r="MV34" s="109">
        <v>0</v>
      </c>
      <c r="MW34" s="109">
        <v>0</v>
      </c>
      <c r="MX34" s="109">
        <v>241548</v>
      </c>
      <c r="MY34" s="109">
        <v>0</v>
      </c>
      <c r="MZ34" s="110">
        <v>241548</v>
      </c>
      <c r="NA34" s="130">
        <v>241548</v>
      </c>
      <c r="NB34" s="129">
        <v>0</v>
      </c>
      <c r="NC34" s="109">
        <v>0</v>
      </c>
      <c r="ND34" s="110">
        <v>0</v>
      </c>
      <c r="NE34" s="470">
        <v>0</v>
      </c>
      <c r="NF34" s="109">
        <v>0</v>
      </c>
      <c r="NG34" s="109">
        <v>0</v>
      </c>
      <c r="NH34" s="109">
        <v>0</v>
      </c>
      <c r="NI34" s="109">
        <v>255748</v>
      </c>
      <c r="NJ34" s="109">
        <v>264264</v>
      </c>
      <c r="NK34" s="110">
        <v>520012</v>
      </c>
      <c r="NL34" s="292">
        <v>520012</v>
      </c>
      <c r="NM34" s="129">
        <v>0</v>
      </c>
      <c r="NN34" s="109">
        <v>0</v>
      </c>
      <c r="NO34" s="110">
        <v>0</v>
      </c>
      <c r="NP34" s="470">
        <v>0</v>
      </c>
      <c r="NQ34" s="109">
        <v>0</v>
      </c>
      <c r="NR34" s="109">
        <v>0</v>
      </c>
      <c r="NS34" s="109">
        <v>0</v>
      </c>
      <c r="NT34" s="109">
        <v>0</v>
      </c>
      <c r="NU34" s="109">
        <v>0</v>
      </c>
      <c r="NV34" s="110">
        <v>0</v>
      </c>
      <c r="NW34" s="111">
        <v>0</v>
      </c>
      <c r="NX34" s="129">
        <v>0</v>
      </c>
      <c r="NY34" s="109">
        <v>0</v>
      </c>
      <c r="NZ34" s="110">
        <v>0</v>
      </c>
      <c r="OA34" s="470">
        <v>0</v>
      </c>
      <c r="OB34" s="109">
        <v>0</v>
      </c>
      <c r="OC34" s="109">
        <v>0</v>
      </c>
      <c r="OD34" s="109">
        <v>0</v>
      </c>
      <c r="OE34" s="109">
        <v>0</v>
      </c>
      <c r="OF34" s="109">
        <v>0</v>
      </c>
      <c r="OG34" s="110">
        <v>0</v>
      </c>
      <c r="OH34" s="111">
        <v>0</v>
      </c>
      <c r="OI34" s="129">
        <v>73316</v>
      </c>
      <c r="OJ34" s="109">
        <v>61488</v>
      </c>
      <c r="OK34" s="128">
        <v>134804</v>
      </c>
      <c r="OL34" s="108">
        <v>0</v>
      </c>
      <c r="OM34" s="109">
        <v>714754</v>
      </c>
      <c r="ON34" s="109">
        <v>645198</v>
      </c>
      <c r="OO34" s="109">
        <v>446126</v>
      </c>
      <c r="OP34" s="109">
        <v>1204905</v>
      </c>
      <c r="OQ34" s="109">
        <v>660996</v>
      </c>
      <c r="OR34" s="110">
        <v>3671979</v>
      </c>
      <c r="OS34" s="130">
        <v>3806783</v>
      </c>
    </row>
    <row r="35" spans="2:409" ht="21" customHeight="1" x14ac:dyDescent="0.2">
      <c r="B35" s="437" t="s">
        <v>30</v>
      </c>
      <c r="C35" s="100">
        <v>28336</v>
      </c>
      <c r="D35" s="104">
        <v>0</v>
      </c>
      <c r="E35" s="157">
        <v>28336</v>
      </c>
      <c r="F35" s="158">
        <v>0</v>
      </c>
      <c r="G35" s="159">
        <v>307439</v>
      </c>
      <c r="H35" s="159">
        <v>365102</v>
      </c>
      <c r="I35" s="159">
        <v>825678</v>
      </c>
      <c r="J35" s="159">
        <v>258202</v>
      </c>
      <c r="K35" s="159">
        <v>0</v>
      </c>
      <c r="L35" s="160">
        <v>1756421</v>
      </c>
      <c r="M35" s="106">
        <v>1784757</v>
      </c>
      <c r="N35" s="100">
        <v>0</v>
      </c>
      <c r="O35" s="104">
        <v>0</v>
      </c>
      <c r="P35" s="103">
        <v>0</v>
      </c>
      <c r="Q35" s="100">
        <v>0</v>
      </c>
      <c r="R35" s="104">
        <v>84700</v>
      </c>
      <c r="S35" s="104">
        <v>145758</v>
      </c>
      <c r="T35" s="104">
        <v>172347</v>
      </c>
      <c r="U35" s="104">
        <v>116319</v>
      </c>
      <c r="V35" s="104">
        <v>0</v>
      </c>
      <c r="W35" s="103">
        <v>519124</v>
      </c>
      <c r="X35" s="106">
        <v>519124</v>
      </c>
      <c r="Y35" s="100">
        <v>0</v>
      </c>
      <c r="Z35" s="104">
        <v>0</v>
      </c>
      <c r="AA35" s="103">
        <v>0</v>
      </c>
      <c r="AB35" s="100">
        <v>0</v>
      </c>
      <c r="AC35" s="104">
        <v>37114</v>
      </c>
      <c r="AD35" s="104">
        <v>48312</v>
      </c>
      <c r="AE35" s="104">
        <v>85925</v>
      </c>
      <c r="AF35" s="104">
        <v>116319</v>
      </c>
      <c r="AG35" s="104">
        <v>0</v>
      </c>
      <c r="AH35" s="103">
        <v>287670</v>
      </c>
      <c r="AI35" s="106">
        <v>287670</v>
      </c>
      <c r="AJ35" s="100">
        <v>0</v>
      </c>
      <c r="AK35" s="104">
        <v>0</v>
      </c>
      <c r="AL35" s="103">
        <v>0</v>
      </c>
      <c r="AM35" s="100">
        <v>0</v>
      </c>
      <c r="AN35" s="104">
        <v>0</v>
      </c>
      <c r="AO35" s="104">
        <v>29890</v>
      </c>
      <c r="AP35" s="104">
        <v>39802</v>
      </c>
      <c r="AQ35" s="104">
        <v>0</v>
      </c>
      <c r="AR35" s="104">
        <v>0</v>
      </c>
      <c r="AS35" s="103">
        <v>69692</v>
      </c>
      <c r="AT35" s="106">
        <v>69692</v>
      </c>
      <c r="AU35" s="100">
        <v>0</v>
      </c>
      <c r="AV35" s="104">
        <v>0</v>
      </c>
      <c r="AW35" s="103">
        <v>0</v>
      </c>
      <c r="AX35" s="100">
        <v>0</v>
      </c>
      <c r="AY35" s="104">
        <v>17346</v>
      </c>
      <c r="AZ35" s="104">
        <v>17796</v>
      </c>
      <c r="BA35" s="104">
        <v>28924</v>
      </c>
      <c r="BB35" s="104">
        <v>0</v>
      </c>
      <c r="BC35" s="104">
        <v>0</v>
      </c>
      <c r="BD35" s="103">
        <v>64066</v>
      </c>
      <c r="BE35" s="106">
        <v>64066</v>
      </c>
      <c r="BF35" s="100">
        <v>0</v>
      </c>
      <c r="BG35" s="104">
        <v>0</v>
      </c>
      <c r="BH35" s="102">
        <v>0</v>
      </c>
      <c r="BI35" s="101">
        <v>0</v>
      </c>
      <c r="BJ35" s="104">
        <v>0</v>
      </c>
      <c r="BK35" s="104">
        <v>32582</v>
      </c>
      <c r="BL35" s="104">
        <v>0</v>
      </c>
      <c r="BM35" s="104">
        <v>0</v>
      </c>
      <c r="BN35" s="104">
        <v>0</v>
      </c>
      <c r="BO35" s="103">
        <v>32582</v>
      </c>
      <c r="BP35" s="106">
        <v>32582</v>
      </c>
      <c r="BQ35" s="100">
        <v>0</v>
      </c>
      <c r="BR35" s="104">
        <v>0</v>
      </c>
      <c r="BS35" s="103">
        <v>0</v>
      </c>
      <c r="BT35" s="100">
        <v>0</v>
      </c>
      <c r="BU35" s="104">
        <v>30240</v>
      </c>
      <c r="BV35" s="104">
        <v>17178</v>
      </c>
      <c r="BW35" s="104">
        <v>17696</v>
      </c>
      <c r="BX35" s="104">
        <v>0</v>
      </c>
      <c r="BY35" s="104">
        <v>0</v>
      </c>
      <c r="BZ35" s="103">
        <v>65114</v>
      </c>
      <c r="CA35" s="106">
        <v>65114</v>
      </c>
      <c r="CB35" s="100">
        <v>0</v>
      </c>
      <c r="CC35" s="104">
        <v>0</v>
      </c>
      <c r="CD35" s="103">
        <v>0</v>
      </c>
      <c r="CE35" s="100">
        <v>0</v>
      </c>
      <c r="CF35" s="104">
        <v>61605</v>
      </c>
      <c r="CG35" s="104">
        <v>21896</v>
      </c>
      <c r="CH35" s="104">
        <v>28042</v>
      </c>
      <c r="CI35" s="104">
        <v>55734</v>
      </c>
      <c r="CJ35" s="104">
        <v>0</v>
      </c>
      <c r="CK35" s="103">
        <v>167277</v>
      </c>
      <c r="CL35" s="106">
        <v>167277</v>
      </c>
      <c r="CM35" s="100">
        <v>0</v>
      </c>
      <c r="CN35" s="104">
        <v>0</v>
      </c>
      <c r="CO35" s="103">
        <v>0</v>
      </c>
      <c r="CP35" s="101">
        <v>0</v>
      </c>
      <c r="CQ35" s="104">
        <v>27519</v>
      </c>
      <c r="CR35" s="104">
        <v>21896</v>
      </c>
      <c r="CS35" s="104">
        <v>28042</v>
      </c>
      <c r="CT35" s="104">
        <v>0</v>
      </c>
      <c r="CU35" s="104">
        <v>0</v>
      </c>
      <c r="CV35" s="103">
        <v>77457</v>
      </c>
      <c r="CW35" s="106">
        <v>77457</v>
      </c>
      <c r="CX35" s="100">
        <v>0</v>
      </c>
      <c r="CY35" s="104">
        <v>0</v>
      </c>
      <c r="CZ35" s="103">
        <v>0</v>
      </c>
      <c r="DA35" s="100">
        <v>0</v>
      </c>
      <c r="DB35" s="104">
        <v>34086</v>
      </c>
      <c r="DC35" s="104">
        <v>0</v>
      </c>
      <c r="DD35" s="104">
        <v>0</v>
      </c>
      <c r="DE35" s="104">
        <v>55734</v>
      </c>
      <c r="DF35" s="104">
        <v>0</v>
      </c>
      <c r="DG35" s="103">
        <v>89820</v>
      </c>
      <c r="DH35" s="106">
        <v>89820</v>
      </c>
      <c r="DI35" s="100">
        <v>0</v>
      </c>
      <c r="DJ35" s="104">
        <v>0</v>
      </c>
      <c r="DK35" s="102">
        <v>0</v>
      </c>
      <c r="DL35" s="101">
        <v>0</v>
      </c>
      <c r="DM35" s="104">
        <v>14278</v>
      </c>
      <c r="DN35" s="104">
        <v>0</v>
      </c>
      <c r="DO35" s="104">
        <v>90734</v>
      </c>
      <c r="DP35" s="104">
        <v>47824</v>
      </c>
      <c r="DQ35" s="104">
        <v>0</v>
      </c>
      <c r="DR35" s="103">
        <v>152836</v>
      </c>
      <c r="DS35" s="106">
        <v>152836</v>
      </c>
      <c r="DT35" s="100">
        <v>0</v>
      </c>
      <c r="DU35" s="104">
        <v>0</v>
      </c>
      <c r="DV35" s="103">
        <v>0</v>
      </c>
      <c r="DW35" s="100">
        <v>0</v>
      </c>
      <c r="DX35" s="104">
        <v>0</v>
      </c>
      <c r="DY35" s="104">
        <v>0</v>
      </c>
      <c r="DZ35" s="104">
        <v>90734</v>
      </c>
      <c r="EA35" s="104">
        <v>47824</v>
      </c>
      <c r="EB35" s="104">
        <v>0</v>
      </c>
      <c r="EC35" s="103">
        <v>138558</v>
      </c>
      <c r="ED35" s="106">
        <v>138558</v>
      </c>
      <c r="EE35" s="100">
        <v>0</v>
      </c>
      <c r="EF35" s="102">
        <v>0</v>
      </c>
      <c r="EG35" s="103">
        <v>0</v>
      </c>
      <c r="EH35" s="100">
        <v>0</v>
      </c>
      <c r="EI35" s="104">
        <v>14278</v>
      </c>
      <c r="EJ35" s="104">
        <v>0</v>
      </c>
      <c r="EK35" s="104">
        <v>0</v>
      </c>
      <c r="EL35" s="104">
        <v>0</v>
      </c>
      <c r="EM35" s="104">
        <v>0</v>
      </c>
      <c r="EN35" s="102">
        <v>14278</v>
      </c>
      <c r="EO35" s="106">
        <v>14278</v>
      </c>
      <c r="EP35" s="100">
        <v>0</v>
      </c>
      <c r="EQ35" s="104">
        <v>0</v>
      </c>
      <c r="ER35" s="102">
        <v>0</v>
      </c>
      <c r="ES35" s="101">
        <v>0</v>
      </c>
      <c r="ET35" s="104">
        <v>0</v>
      </c>
      <c r="EU35" s="104">
        <v>0</v>
      </c>
      <c r="EV35" s="104">
        <v>0</v>
      </c>
      <c r="EW35" s="104">
        <v>0</v>
      </c>
      <c r="EX35" s="104">
        <v>0</v>
      </c>
      <c r="EY35" s="103">
        <v>0</v>
      </c>
      <c r="EZ35" s="106">
        <v>0</v>
      </c>
      <c r="FA35" s="100">
        <v>0</v>
      </c>
      <c r="FB35" s="104">
        <v>0</v>
      </c>
      <c r="FC35" s="102">
        <v>0</v>
      </c>
      <c r="FD35" s="470">
        <v>0</v>
      </c>
      <c r="FE35" s="104">
        <v>0</v>
      </c>
      <c r="FF35" s="104">
        <v>0</v>
      </c>
      <c r="FG35" s="104">
        <v>0</v>
      </c>
      <c r="FH35" s="104">
        <v>0</v>
      </c>
      <c r="FI35" s="104">
        <v>0</v>
      </c>
      <c r="FJ35" s="103">
        <v>0</v>
      </c>
      <c r="FK35" s="106">
        <v>0</v>
      </c>
      <c r="FL35" s="100">
        <v>28336</v>
      </c>
      <c r="FM35" s="104">
        <v>0</v>
      </c>
      <c r="FN35" s="103">
        <v>28336</v>
      </c>
      <c r="FO35" s="100">
        <v>0</v>
      </c>
      <c r="FP35" s="104">
        <v>6650</v>
      </c>
      <c r="FQ35" s="104">
        <v>31976</v>
      </c>
      <c r="FR35" s="104">
        <v>34580</v>
      </c>
      <c r="FS35" s="104">
        <v>38325</v>
      </c>
      <c r="FT35" s="104">
        <v>0</v>
      </c>
      <c r="FU35" s="103">
        <v>111531</v>
      </c>
      <c r="FV35" s="106">
        <v>139867</v>
      </c>
      <c r="FW35" s="105">
        <v>0</v>
      </c>
      <c r="FX35" s="104">
        <v>0</v>
      </c>
      <c r="FY35" s="102">
        <v>0</v>
      </c>
      <c r="FZ35" s="101">
        <v>0</v>
      </c>
      <c r="GA35" s="104">
        <v>6650</v>
      </c>
      <c r="GB35" s="104">
        <v>31976</v>
      </c>
      <c r="GC35" s="104">
        <v>34580</v>
      </c>
      <c r="GD35" s="104">
        <v>38325</v>
      </c>
      <c r="GE35" s="104">
        <v>0</v>
      </c>
      <c r="GF35" s="103">
        <v>111531</v>
      </c>
      <c r="GG35" s="290">
        <v>111531</v>
      </c>
      <c r="GH35" s="105">
        <v>28336</v>
      </c>
      <c r="GI35" s="104">
        <v>0</v>
      </c>
      <c r="GJ35" s="102">
        <v>28336</v>
      </c>
      <c r="GK35" s="101">
        <v>0</v>
      </c>
      <c r="GL35" s="104">
        <v>0</v>
      </c>
      <c r="GM35" s="104">
        <v>0</v>
      </c>
      <c r="GN35" s="104">
        <v>0</v>
      </c>
      <c r="GO35" s="104">
        <v>0</v>
      </c>
      <c r="GP35" s="104">
        <v>0</v>
      </c>
      <c r="GQ35" s="103">
        <v>0</v>
      </c>
      <c r="GR35" s="106">
        <v>28336</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140206</v>
      </c>
      <c r="HI35" s="104">
        <v>165472</v>
      </c>
      <c r="HJ35" s="104">
        <v>499975</v>
      </c>
      <c r="HK35" s="104">
        <v>0</v>
      </c>
      <c r="HL35" s="104">
        <v>0</v>
      </c>
      <c r="HM35" s="103">
        <v>805653</v>
      </c>
      <c r="HN35" s="99">
        <v>805653</v>
      </c>
      <c r="HO35" s="456">
        <v>0</v>
      </c>
      <c r="HP35" s="457">
        <v>0</v>
      </c>
      <c r="HQ35" s="458">
        <v>0</v>
      </c>
      <c r="HR35" s="459">
        <v>0</v>
      </c>
      <c r="HS35" s="457">
        <v>0</v>
      </c>
      <c r="HT35" s="457">
        <v>0</v>
      </c>
      <c r="HU35" s="457">
        <v>0</v>
      </c>
      <c r="HV35" s="457">
        <v>0</v>
      </c>
      <c r="HW35" s="457">
        <v>0</v>
      </c>
      <c r="HX35" s="460">
        <v>0</v>
      </c>
      <c r="HY35" s="461">
        <v>0</v>
      </c>
      <c r="HZ35" s="118">
        <v>0</v>
      </c>
      <c r="IA35" s="119">
        <v>0</v>
      </c>
      <c r="IB35" s="120">
        <v>0</v>
      </c>
      <c r="IC35" s="131">
        <v>0</v>
      </c>
      <c r="ID35" s="119">
        <v>28714</v>
      </c>
      <c r="IE35" s="132">
        <v>47096</v>
      </c>
      <c r="IF35" s="120">
        <v>0</v>
      </c>
      <c r="IG35" s="119">
        <v>0</v>
      </c>
      <c r="IH35" s="120">
        <v>0</v>
      </c>
      <c r="II35" s="133">
        <v>75810</v>
      </c>
      <c r="IJ35" s="126">
        <v>75810</v>
      </c>
      <c r="IK35" s="215">
        <v>0</v>
      </c>
      <c r="IL35" s="219">
        <v>0</v>
      </c>
      <c r="IM35" s="220">
        <v>0</v>
      </c>
      <c r="IN35" s="470">
        <v>0</v>
      </c>
      <c r="IO35" s="109">
        <v>0</v>
      </c>
      <c r="IP35" s="109">
        <v>0</v>
      </c>
      <c r="IQ35" s="109">
        <v>0</v>
      </c>
      <c r="IR35" s="109">
        <v>0</v>
      </c>
      <c r="IS35" s="109">
        <v>0</v>
      </c>
      <c r="IT35" s="128">
        <v>0</v>
      </c>
      <c r="IU35" s="292">
        <v>0</v>
      </c>
      <c r="IV35" s="129">
        <v>0</v>
      </c>
      <c r="IW35" s="109">
        <v>0</v>
      </c>
      <c r="IX35" s="110">
        <v>0</v>
      </c>
      <c r="IY35" s="470">
        <v>0</v>
      </c>
      <c r="IZ35" s="109">
        <v>0</v>
      </c>
      <c r="JA35" s="109">
        <v>0</v>
      </c>
      <c r="JB35" s="109">
        <v>0</v>
      </c>
      <c r="JC35" s="109">
        <v>0</v>
      </c>
      <c r="JD35" s="109">
        <v>0</v>
      </c>
      <c r="JE35" s="110">
        <v>0</v>
      </c>
      <c r="JF35" s="111">
        <v>0</v>
      </c>
      <c r="JG35" s="129">
        <v>0</v>
      </c>
      <c r="JH35" s="109">
        <v>0</v>
      </c>
      <c r="JI35" s="128">
        <v>0</v>
      </c>
      <c r="JJ35" s="108">
        <v>0</v>
      </c>
      <c r="JK35" s="109">
        <v>28714</v>
      </c>
      <c r="JL35" s="109">
        <v>0</v>
      </c>
      <c r="JM35" s="109">
        <v>0</v>
      </c>
      <c r="JN35" s="109">
        <v>0</v>
      </c>
      <c r="JO35" s="109">
        <v>0</v>
      </c>
      <c r="JP35" s="110">
        <v>28714</v>
      </c>
      <c r="JQ35" s="292">
        <v>28714</v>
      </c>
      <c r="JR35" s="129">
        <v>0</v>
      </c>
      <c r="JS35" s="109">
        <v>0</v>
      </c>
      <c r="JT35" s="128">
        <v>0</v>
      </c>
      <c r="JU35" s="108">
        <v>0</v>
      </c>
      <c r="JV35" s="109">
        <v>0</v>
      </c>
      <c r="JW35" s="109">
        <v>47096</v>
      </c>
      <c r="JX35" s="109">
        <v>0</v>
      </c>
      <c r="JY35" s="109">
        <v>0</v>
      </c>
      <c r="JZ35" s="109">
        <v>0</v>
      </c>
      <c r="KA35" s="110">
        <v>47096</v>
      </c>
      <c r="KB35" s="292">
        <v>47096</v>
      </c>
      <c r="KC35" s="217">
        <v>0</v>
      </c>
      <c r="KD35" s="213">
        <v>0</v>
      </c>
      <c r="KE35" s="110">
        <v>0</v>
      </c>
      <c r="KF35" s="108">
        <v>0</v>
      </c>
      <c r="KG35" s="109">
        <v>0</v>
      </c>
      <c r="KH35" s="109">
        <v>0</v>
      </c>
      <c r="KI35" s="109">
        <v>0</v>
      </c>
      <c r="KJ35" s="109">
        <v>0</v>
      </c>
      <c r="KK35" s="109">
        <v>0</v>
      </c>
      <c r="KL35" s="110">
        <v>0</v>
      </c>
      <c r="KM35" s="130">
        <v>0</v>
      </c>
      <c r="KN35" s="215">
        <v>0</v>
      </c>
      <c r="KO35" s="219">
        <v>0</v>
      </c>
      <c r="KP35" s="220">
        <v>0</v>
      </c>
      <c r="KQ35" s="470">
        <v>0</v>
      </c>
      <c r="KR35" s="109">
        <v>0</v>
      </c>
      <c r="KS35" s="109">
        <v>0</v>
      </c>
      <c r="KT35" s="109">
        <v>0</v>
      </c>
      <c r="KU35" s="109">
        <v>0</v>
      </c>
      <c r="KV35" s="109">
        <v>0</v>
      </c>
      <c r="KW35" s="110">
        <v>0</v>
      </c>
      <c r="KX35" s="292">
        <v>0</v>
      </c>
      <c r="KY35" s="129">
        <v>0</v>
      </c>
      <c r="KZ35" s="109">
        <v>0</v>
      </c>
      <c r="LA35" s="110">
        <v>0</v>
      </c>
      <c r="LB35" s="470">
        <v>0</v>
      </c>
      <c r="LC35" s="109">
        <v>0</v>
      </c>
      <c r="LD35" s="109">
        <v>0</v>
      </c>
      <c r="LE35" s="109">
        <v>0</v>
      </c>
      <c r="LF35" s="109">
        <v>0</v>
      </c>
      <c r="LG35" s="109">
        <v>0</v>
      </c>
      <c r="LH35" s="110">
        <v>0</v>
      </c>
      <c r="LI35" s="111">
        <v>0</v>
      </c>
      <c r="LJ35" s="129">
        <v>0</v>
      </c>
      <c r="LK35" s="109">
        <v>0</v>
      </c>
      <c r="LL35" s="110">
        <v>0</v>
      </c>
      <c r="LM35" s="470">
        <v>0</v>
      </c>
      <c r="LN35" s="109">
        <v>0</v>
      </c>
      <c r="LO35" s="109">
        <v>0</v>
      </c>
      <c r="LP35" s="109">
        <v>0</v>
      </c>
      <c r="LQ35" s="109">
        <v>0</v>
      </c>
      <c r="LR35" s="109">
        <v>0</v>
      </c>
      <c r="LS35" s="110">
        <v>0</v>
      </c>
      <c r="LT35" s="292">
        <v>0</v>
      </c>
      <c r="LU35" s="129">
        <v>0</v>
      </c>
      <c r="LV35" s="109">
        <v>0</v>
      </c>
      <c r="LW35" s="110">
        <v>0</v>
      </c>
      <c r="LX35" s="470">
        <v>0</v>
      </c>
      <c r="LY35" s="109">
        <v>0</v>
      </c>
      <c r="LZ35" s="109">
        <v>0</v>
      </c>
      <c r="MA35" s="109">
        <v>0</v>
      </c>
      <c r="MB35" s="109">
        <v>0</v>
      </c>
      <c r="MC35" s="109">
        <v>0</v>
      </c>
      <c r="MD35" s="110">
        <v>0</v>
      </c>
      <c r="ME35" s="111">
        <v>0</v>
      </c>
      <c r="MF35" s="129">
        <v>0</v>
      </c>
      <c r="MG35" s="109">
        <v>0</v>
      </c>
      <c r="MH35" s="110">
        <v>0</v>
      </c>
      <c r="MI35" s="470">
        <v>0</v>
      </c>
      <c r="MJ35" s="109">
        <v>0</v>
      </c>
      <c r="MK35" s="109">
        <v>0</v>
      </c>
      <c r="ML35" s="109">
        <v>213563</v>
      </c>
      <c r="MM35" s="109">
        <v>170202</v>
      </c>
      <c r="MN35" s="109">
        <v>246302</v>
      </c>
      <c r="MO35" s="110">
        <v>630067</v>
      </c>
      <c r="MP35" s="130">
        <v>630067</v>
      </c>
      <c r="MQ35" s="129">
        <v>0</v>
      </c>
      <c r="MR35" s="109">
        <v>0</v>
      </c>
      <c r="MS35" s="110">
        <v>0</v>
      </c>
      <c r="MT35" s="470">
        <v>0</v>
      </c>
      <c r="MU35" s="109">
        <v>0</v>
      </c>
      <c r="MV35" s="109">
        <v>0</v>
      </c>
      <c r="MW35" s="109">
        <v>213563</v>
      </c>
      <c r="MX35" s="109">
        <v>170202</v>
      </c>
      <c r="MY35" s="109">
        <v>246302</v>
      </c>
      <c r="MZ35" s="110">
        <v>630067</v>
      </c>
      <c r="NA35" s="130">
        <v>630067</v>
      </c>
      <c r="NB35" s="129">
        <v>0</v>
      </c>
      <c r="NC35" s="109">
        <v>0</v>
      </c>
      <c r="ND35" s="110">
        <v>0</v>
      </c>
      <c r="NE35" s="470">
        <v>0</v>
      </c>
      <c r="NF35" s="109">
        <v>0</v>
      </c>
      <c r="NG35" s="109">
        <v>0</v>
      </c>
      <c r="NH35" s="109">
        <v>0</v>
      </c>
      <c r="NI35" s="109">
        <v>0</v>
      </c>
      <c r="NJ35" s="109">
        <v>0</v>
      </c>
      <c r="NK35" s="110">
        <v>0</v>
      </c>
      <c r="NL35" s="292">
        <v>0</v>
      </c>
      <c r="NM35" s="129">
        <v>0</v>
      </c>
      <c r="NN35" s="109">
        <v>0</v>
      </c>
      <c r="NO35" s="110">
        <v>0</v>
      </c>
      <c r="NP35" s="470">
        <v>0</v>
      </c>
      <c r="NQ35" s="109">
        <v>0</v>
      </c>
      <c r="NR35" s="109">
        <v>0</v>
      </c>
      <c r="NS35" s="109">
        <v>0</v>
      </c>
      <c r="NT35" s="109">
        <v>0</v>
      </c>
      <c r="NU35" s="109">
        <v>0</v>
      </c>
      <c r="NV35" s="110">
        <v>0</v>
      </c>
      <c r="NW35" s="111">
        <v>0</v>
      </c>
      <c r="NX35" s="129">
        <v>0</v>
      </c>
      <c r="NY35" s="109">
        <v>0</v>
      </c>
      <c r="NZ35" s="110">
        <v>0</v>
      </c>
      <c r="OA35" s="470">
        <v>0</v>
      </c>
      <c r="OB35" s="109">
        <v>0</v>
      </c>
      <c r="OC35" s="109">
        <v>0</v>
      </c>
      <c r="OD35" s="109">
        <v>0</v>
      </c>
      <c r="OE35" s="109">
        <v>0</v>
      </c>
      <c r="OF35" s="109">
        <v>0</v>
      </c>
      <c r="OG35" s="110">
        <v>0</v>
      </c>
      <c r="OH35" s="111">
        <v>0</v>
      </c>
      <c r="OI35" s="129">
        <v>28336</v>
      </c>
      <c r="OJ35" s="109">
        <v>0</v>
      </c>
      <c r="OK35" s="128">
        <v>28336</v>
      </c>
      <c r="OL35" s="108">
        <v>0</v>
      </c>
      <c r="OM35" s="109">
        <v>336153</v>
      </c>
      <c r="ON35" s="109">
        <v>412198</v>
      </c>
      <c r="OO35" s="109">
        <v>1039241</v>
      </c>
      <c r="OP35" s="109">
        <v>428404</v>
      </c>
      <c r="OQ35" s="109">
        <v>246302</v>
      </c>
      <c r="OR35" s="110">
        <v>2462298</v>
      </c>
      <c r="OS35" s="130">
        <v>2490634</v>
      </c>
    </row>
    <row r="36" spans="2:409" ht="21" customHeight="1" x14ac:dyDescent="0.2">
      <c r="B36" s="437" t="s">
        <v>31</v>
      </c>
      <c r="C36" s="100">
        <v>2380</v>
      </c>
      <c r="D36" s="104">
        <v>2100</v>
      </c>
      <c r="E36" s="103">
        <v>4480</v>
      </c>
      <c r="F36" s="99">
        <v>0</v>
      </c>
      <c r="G36" s="104">
        <v>364158</v>
      </c>
      <c r="H36" s="104">
        <v>312206</v>
      </c>
      <c r="I36" s="104">
        <v>474589</v>
      </c>
      <c r="J36" s="104">
        <v>4718</v>
      </c>
      <c r="K36" s="104">
        <v>320263</v>
      </c>
      <c r="L36" s="156">
        <v>1475934</v>
      </c>
      <c r="M36" s="106">
        <v>1480414</v>
      </c>
      <c r="N36" s="100">
        <v>0</v>
      </c>
      <c r="O36" s="104">
        <v>0</v>
      </c>
      <c r="P36" s="103">
        <v>0</v>
      </c>
      <c r="Q36" s="100">
        <v>0</v>
      </c>
      <c r="R36" s="104">
        <v>74496</v>
      </c>
      <c r="S36" s="104">
        <v>125601</v>
      </c>
      <c r="T36" s="104">
        <v>80878</v>
      </c>
      <c r="U36" s="104">
        <v>0</v>
      </c>
      <c r="V36" s="104">
        <v>250453</v>
      </c>
      <c r="W36" s="103">
        <v>531428</v>
      </c>
      <c r="X36" s="106">
        <v>531428</v>
      </c>
      <c r="Y36" s="100">
        <v>0</v>
      </c>
      <c r="Z36" s="104">
        <v>0</v>
      </c>
      <c r="AA36" s="103">
        <v>0</v>
      </c>
      <c r="AB36" s="100">
        <v>0</v>
      </c>
      <c r="AC36" s="104">
        <v>11109</v>
      </c>
      <c r="AD36" s="104">
        <v>42742</v>
      </c>
      <c r="AE36" s="104">
        <v>0</v>
      </c>
      <c r="AF36" s="104">
        <v>0</v>
      </c>
      <c r="AG36" s="104">
        <v>0</v>
      </c>
      <c r="AH36" s="103">
        <v>53851</v>
      </c>
      <c r="AI36" s="106">
        <v>53851</v>
      </c>
      <c r="AJ36" s="100">
        <v>0</v>
      </c>
      <c r="AK36" s="104">
        <v>0</v>
      </c>
      <c r="AL36" s="103">
        <v>0</v>
      </c>
      <c r="AM36" s="100">
        <v>0</v>
      </c>
      <c r="AN36" s="104">
        <v>0</v>
      </c>
      <c r="AO36" s="104">
        <v>0</v>
      </c>
      <c r="AP36" s="104">
        <v>0</v>
      </c>
      <c r="AQ36" s="104">
        <v>0</v>
      </c>
      <c r="AR36" s="104">
        <v>133847</v>
      </c>
      <c r="AS36" s="103">
        <v>133847</v>
      </c>
      <c r="AT36" s="106">
        <v>133847</v>
      </c>
      <c r="AU36" s="100">
        <v>0</v>
      </c>
      <c r="AV36" s="104">
        <v>0</v>
      </c>
      <c r="AW36" s="103">
        <v>0</v>
      </c>
      <c r="AX36" s="100">
        <v>0</v>
      </c>
      <c r="AY36" s="104">
        <v>63387</v>
      </c>
      <c r="AZ36" s="104">
        <v>74459</v>
      </c>
      <c r="BA36" s="104">
        <v>80878</v>
      </c>
      <c r="BB36" s="104">
        <v>0</v>
      </c>
      <c r="BC36" s="104">
        <v>116606</v>
      </c>
      <c r="BD36" s="103">
        <v>335330</v>
      </c>
      <c r="BE36" s="106">
        <v>335330</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8400</v>
      </c>
      <c r="BW36" s="104">
        <v>0</v>
      </c>
      <c r="BX36" s="104">
        <v>0</v>
      </c>
      <c r="BY36" s="104">
        <v>0</v>
      </c>
      <c r="BZ36" s="103">
        <v>8400</v>
      </c>
      <c r="CA36" s="106">
        <v>8400</v>
      </c>
      <c r="CB36" s="100">
        <v>0</v>
      </c>
      <c r="CC36" s="104">
        <v>0</v>
      </c>
      <c r="CD36" s="103">
        <v>0</v>
      </c>
      <c r="CE36" s="100">
        <v>0</v>
      </c>
      <c r="CF36" s="104">
        <v>144132</v>
      </c>
      <c r="CG36" s="104">
        <v>112753</v>
      </c>
      <c r="CH36" s="104">
        <v>323785</v>
      </c>
      <c r="CI36" s="104">
        <v>0</v>
      </c>
      <c r="CJ36" s="104">
        <v>0</v>
      </c>
      <c r="CK36" s="103">
        <v>580670</v>
      </c>
      <c r="CL36" s="106">
        <v>580670</v>
      </c>
      <c r="CM36" s="100">
        <v>0</v>
      </c>
      <c r="CN36" s="104">
        <v>0</v>
      </c>
      <c r="CO36" s="103">
        <v>0</v>
      </c>
      <c r="CP36" s="101">
        <v>0</v>
      </c>
      <c r="CQ36" s="104">
        <v>111843</v>
      </c>
      <c r="CR36" s="104">
        <v>112753</v>
      </c>
      <c r="CS36" s="104">
        <v>138726</v>
      </c>
      <c r="CT36" s="104">
        <v>0</v>
      </c>
      <c r="CU36" s="104">
        <v>0</v>
      </c>
      <c r="CV36" s="103">
        <v>363322</v>
      </c>
      <c r="CW36" s="106">
        <v>363322</v>
      </c>
      <c r="CX36" s="100">
        <v>0</v>
      </c>
      <c r="CY36" s="104">
        <v>0</v>
      </c>
      <c r="CZ36" s="103">
        <v>0</v>
      </c>
      <c r="DA36" s="100">
        <v>0</v>
      </c>
      <c r="DB36" s="104">
        <v>32289</v>
      </c>
      <c r="DC36" s="104">
        <v>0</v>
      </c>
      <c r="DD36" s="104">
        <v>185059</v>
      </c>
      <c r="DE36" s="104">
        <v>0</v>
      </c>
      <c r="DF36" s="104">
        <v>0</v>
      </c>
      <c r="DG36" s="103">
        <v>217348</v>
      </c>
      <c r="DH36" s="106">
        <v>217348</v>
      </c>
      <c r="DI36" s="100">
        <v>0</v>
      </c>
      <c r="DJ36" s="104">
        <v>0</v>
      </c>
      <c r="DK36" s="102">
        <v>0</v>
      </c>
      <c r="DL36" s="101">
        <v>0</v>
      </c>
      <c r="DM36" s="104">
        <v>0</v>
      </c>
      <c r="DN36" s="104">
        <v>19882</v>
      </c>
      <c r="DO36" s="104">
        <v>32721</v>
      </c>
      <c r="DP36" s="104">
        <v>0</v>
      </c>
      <c r="DQ36" s="104">
        <v>7510</v>
      </c>
      <c r="DR36" s="103">
        <v>60113</v>
      </c>
      <c r="DS36" s="106">
        <v>60113</v>
      </c>
      <c r="DT36" s="100">
        <v>0</v>
      </c>
      <c r="DU36" s="104">
        <v>0</v>
      </c>
      <c r="DV36" s="103">
        <v>0</v>
      </c>
      <c r="DW36" s="100">
        <v>0</v>
      </c>
      <c r="DX36" s="104">
        <v>0</v>
      </c>
      <c r="DY36" s="104">
        <v>19882</v>
      </c>
      <c r="DZ36" s="104">
        <v>0</v>
      </c>
      <c r="EA36" s="104">
        <v>0</v>
      </c>
      <c r="EB36" s="104">
        <v>7510</v>
      </c>
      <c r="EC36" s="103">
        <v>27392</v>
      </c>
      <c r="ED36" s="106">
        <v>27392</v>
      </c>
      <c r="EE36" s="100">
        <v>0</v>
      </c>
      <c r="EF36" s="102">
        <v>0</v>
      </c>
      <c r="EG36" s="103">
        <v>0</v>
      </c>
      <c r="EH36" s="100">
        <v>0</v>
      </c>
      <c r="EI36" s="104">
        <v>0</v>
      </c>
      <c r="EJ36" s="104">
        <v>0</v>
      </c>
      <c r="EK36" s="104">
        <v>32721</v>
      </c>
      <c r="EL36" s="104">
        <v>0</v>
      </c>
      <c r="EM36" s="104">
        <v>0</v>
      </c>
      <c r="EN36" s="102">
        <v>32721</v>
      </c>
      <c r="EO36" s="106">
        <v>32721</v>
      </c>
      <c r="EP36" s="100">
        <v>0</v>
      </c>
      <c r="EQ36" s="104">
        <v>0</v>
      </c>
      <c r="ER36" s="102">
        <v>0</v>
      </c>
      <c r="ES36" s="101">
        <v>0</v>
      </c>
      <c r="ET36" s="104">
        <v>0</v>
      </c>
      <c r="EU36" s="104">
        <v>0</v>
      </c>
      <c r="EV36" s="104">
        <v>0</v>
      </c>
      <c r="EW36" s="104">
        <v>0</v>
      </c>
      <c r="EX36" s="104">
        <v>0</v>
      </c>
      <c r="EY36" s="103">
        <v>0</v>
      </c>
      <c r="EZ36" s="106">
        <v>0</v>
      </c>
      <c r="FA36" s="100">
        <v>0</v>
      </c>
      <c r="FB36" s="104">
        <v>0</v>
      </c>
      <c r="FC36" s="102">
        <v>0</v>
      </c>
      <c r="FD36" s="470">
        <v>0</v>
      </c>
      <c r="FE36" s="104">
        <v>0</v>
      </c>
      <c r="FF36" s="104">
        <v>0</v>
      </c>
      <c r="FG36" s="104">
        <v>0</v>
      </c>
      <c r="FH36" s="104">
        <v>0</v>
      </c>
      <c r="FI36" s="104">
        <v>0</v>
      </c>
      <c r="FJ36" s="103">
        <v>0</v>
      </c>
      <c r="FK36" s="106">
        <v>0</v>
      </c>
      <c r="FL36" s="100">
        <v>2380</v>
      </c>
      <c r="FM36" s="104">
        <v>2100</v>
      </c>
      <c r="FN36" s="103">
        <v>4480</v>
      </c>
      <c r="FO36" s="100">
        <v>0</v>
      </c>
      <c r="FP36" s="104">
        <v>145530</v>
      </c>
      <c r="FQ36" s="104">
        <v>53970</v>
      </c>
      <c r="FR36" s="104">
        <v>37205</v>
      </c>
      <c r="FS36" s="104">
        <v>4718</v>
      </c>
      <c r="FT36" s="104">
        <v>62300</v>
      </c>
      <c r="FU36" s="103">
        <v>303723</v>
      </c>
      <c r="FV36" s="106">
        <v>308203</v>
      </c>
      <c r="FW36" s="105">
        <v>2380</v>
      </c>
      <c r="FX36" s="104">
        <v>2100</v>
      </c>
      <c r="FY36" s="102">
        <v>4480</v>
      </c>
      <c r="FZ36" s="101">
        <v>0</v>
      </c>
      <c r="GA36" s="104">
        <v>5530</v>
      </c>
      <c r="GB36" s="104">
        <v>53970</v>
      </c>
      <c r="GC36" s="104">
        <v>37205</v>
      </c>
      <c r="GD36" s="104">
        <v>4718</v>
      </c>
      <c r="GE36" s="104">
        <v>62300</v>
      </c>
      <c r="GF36" s="103">
        <v>163723</v>
      </c>
      <c r="GG36" s="290">
        <v>168203</v>
      </c>
      <c r="GH36" s="105">
        <v>0</v>
      </c>
      <c r="GI36" s="104">
        <v>0</v>
      </c>
      <c r="GJ36" s="102">
        <v>0</v>
      </c>
      <c r="GK36" s="101">
        <v>0</v>
      </c>
      <c r="GL36" s="104">
        <v>0</v>
      </c>
      <c r="GM36" s="104">
        <v>0</v>
      </c>
      <c r="GN36" s="104">
        <v>0</v>
      </c>
      <c r="GO36" s="104">
        <v>0</v>
      </c>
      <c r="GP36" s="104">
        <v>0</v>
      </c>
      <c r="GQ36" s="103">
        <v>0</v>
      </c>
      <c r="GR36" s="106">
        <v>0</v>
      </c>
      <c r="GS36" s="100">
        <v>0</v>
      </c>
      <c r="GT36" s="104">
        <v>0</v>
      </c>
      <c r="GU36" s="103">
        <v>0</v>
      </c>
      <c r="GV36" s="100">
        <v>0</v>
      </c>
      <c r="GW36" s="104">
        <v>140000</v>
      </c>
      <c r="GX36" s="104">
        <v>0</v>
      </c>
      <c r="GY36" s="104">
        <v>0</v>
      </c>
      <c r="GZ36" s="104">
        <v>0</v>
      </c>
      <c r="HA36" s="104">
        <v>0</v>
      </c>
      <c r="HB36" s="102">
        <v>140000</v>
      </c>
      <c r="HC36" s="106">
        <v>140000</v>
      </c>
      <c r="HD36" s="100">
        <v>0</v>
      </c>
      <c r="HE36" s="104">
        <v>0</v>
      </c>
      <c r="HF36" s="102">
        <v>0</v>
      </c>
      <c r="HG36" s="101">
        <v>0</v>
      </c>
      <c r="HH36" s="104">
        <v>0</v>
      </c>
      <c r="HI36" s="104">
        <v>0</v>
      </c>
      <c r="HJ36" s="104">
        <v>0</v>
      </c>
      <c r="HK36" s="104">
        <v>0</v>
      </c>
      <c r="HL36" s="104">
        <v>0</v>
      </c>
      <c r="HM36" s="103">
        <v>0</v>
      </c>
      <c r="HN36" s="99">
        <v>0</v>
      </c>
      <c r="HO36" s="456">
        <v>0</v>
      </c>
      <c r="HP36" s="457">
        <v>0</v>
      </c>
      <c r="HQ36" s="458">
        <v>0</v>
      </c>
      <c r="HR36" s="459">
        <v>0</v>
      </c>
      <c r="HS36" s="457">
        <v>0</v>
      </c>
      <c r="HT36" s="457">
        <v>0</v>
      </c>
      <c r="HU36" s="457">
        <v>0</v>
      </c>
      <c r="HV36" s="457">
        <v>0</v>
      </c>
      <c r="HW36" s="457">
        <v>0</v>
      </c>
      <c r="HX36" s="460">
        <v>0</v>
      </c>
      <c r="HY36" s="461">
        <v>0</v>
      </c>
      <c r="HZ36" s="135">
        <v>0</v>
      </c>
      <c r="IA36" s="122">
        <v>0</v>
      </c>
      <c r="IB36" s="135">
        <v>0</v>
      </c>
      <c r="IC36" s="121">
        <v>0</v>
      </c>
      <c r="ID36" s="122">
        <v>21243</v>
      </c>
      <c r="IE36" s="123">
        <v>269923</v>
      </c>
      <c r="IF36" s="124">
        <v>69748</v>
      </c>
      <c r="IG36" s="122">
        <v>0</v>
      </c>
      <c r="IH36" s="124">
        <v>0</v>
      </c>
      <c r="II36" s="125">
        <v>360914</v>
      </c>
      <c r="IJ36" s="135">
        <v>360914</v>
      </c>
      <c r="IK36" s="215">
        <v>0</v>
      </c>
      <c r="IL36" s="219">
        <v>0</v>
      </c>
      <c r="IM36" s="220">
        <v>0</v>
      </c>
      <c r="IN36" s="470">
        <v>0</v>
      </c>
      <c r="IO36" s="109">
        <v>0</v>
      </c>
      <c r="IP36" s="109">
        <v>89369</v>
      </c>
      <c r="IQ36" s="109">
        <v>0</v>
      </c>
      <c r="IR36" s="109">
        <v>0</v>
      </c>
      <c r="IS36" s="109">
        <v>0</v>
      </c>
      <c r="IT36" s="128">
        <v>89369</v>
      </c>
      <c r="IU36" s="292">
        <v>89369</v>
      </c>
      <c r="IV36" s="129">
        <v>0</v>
      </c>
      <c r="IW36" s="109">
        <v>0</v>
      </c>
      <c r="IX36" s="110">
        <v>0</v>
      </c>
      <c r="IY36" s="470">
        <v>0</v>
      </c>
      <c r="IZ36" s="109">
        <v>0</v>
      </c>
      <c r="JA36" s="109">
        <v>0</v>
      </c>
      <c r="JB36" s="109">
        <v>0</v>
      </c>
      <c r="JC36" s="109">
        <v>0</v>
      </c>
      <c r="JD36" s="109">
        <v>0</v>
      </c>
      <c r="JE36" s="110">
        <v>0</v>
      </c>
      <c r="JF36" s="111">
        <v>0</v>
      </c>
      <c r="JG36" s="129">
        <v>0</v>
      </c>
      <c r="JH36" s="109">
        <v>0</v>
      </c>
      <c r="JI36" s="128">
        <v>0</v>
      </c>
      <c r="JJ36" s="108">
        <v>0</v>
      </c>
      <c r="JK36" s="109">
        <v>21243</v>
      </c>
      <c r="JL36" s="109">
        <v>27994</v>
      </c>
      <c r="JM36" s="109">
        <v>69748</v>
      </c>
      <c r="JN36" s="109">
        <v>0</v>
      </c>
      <c r="JO36" s="109">
        <v>0</v>
      </c>
      <c r="JP36" s="110">
        <v>118985</v>
      </c>
      <c r="JQ36" s="292">
        <v>118985</v>
      </c>
      <c r="JR36" s="129">
        <v>0</v>
      </c>
      <c r="JS36" s="109">
        <v>0</v>
      </c>
      <c r="JT36" s="128">
        <v>0</v>
      </c>
      <c r="JU36" s="108">
        <v>0</v>
      </c>
      <c r="JV36" s="109">
        <v>0</v>
      </c>
      <c r="JW36" s="109">
        <v>0</v>
      </c>
      <c r="JX36" s="109">
        <v>0</v>
      </c>
      <c r="JY36" s="109">
        <v>0</v>
      </c>
      <c r="JZ36" s="109">
        <v>0</v>
      </c>
      <c r="KA36" s="110">
        <v>0</v>
      </c>
      <c r="KB36" s="292">
        <v>0</v>
      </c>
      <c r="KC36" s="217">
        <v>0</v>
      </c>
      <c r="KD36" s="213">
        <v>0</v>
      </c>
      <c r="KE36" s="110">
        <v>0</v>
      </c>
      <c r="KF36" s="108">
        <v>0</v>
      </c>
      <c r="KG36" s="109">
        <v>0</v>
      </c>
      <c r="KH36" s="109">
        <v>152560</v>
      </c>
      <c r="KI36" s="109">
        <v>0</v>
      </c>
      <c r="KJ36" s="109">
        <v>0</v>
      </c>
      <c r="KK36" s="109">
        <v>0</v>
      </c>
      <c r="KL36" s="110">
        <v>152560</v>
      </c>
      <c r="KM36" s="130">
        <v>152560</v>
      </c>
      <c r="KN36" s="215">
        <v>0</v>
      </c>
      <c r="KO36" s="219">
        <v>0</v>
      </c>
      <c r="KP36" s="220">
        <v>0</v>
      </c>
      <c r="KQ36" s="470">
        <v>0</v>
      </c>
      <c r="KR36" s="109">
        <v>0</v>
      </c>
      <c r="KS36" s="109">
        <v>0</v>
      </c>
      <c r="KT36" s="109">
        <v>0</v>
      </c>
      <c r="KU36" s="109">
        <v>0</v>
      </c>
      <c r="KV36" s="109">
        <v>0</v>
      </c>
      <c r="KW36" s="110">
        <v>0</v>
      </c>
      <c r="KX36" s="292">
        <v>0</v>
      </c>
      <c r="KY36" s="129">
        <v>0</v>
      </c>
      <c r="KZ36" s="109">
        <v>0</v>
      </c>
      <c r="LA36" s="110">
        <v>0</v>
      </c>
      <c r="LB36" s="470">
        <v>0</v>
      </c>
      <c r="LC36" s="109">
        <v>0</v>
      </c>
      <c r="LD36" s="109">
        <v>0</v>
      </c>
      <c r="LE36" s="109">
        <v>0</v>
      </c>
      <c r="LF36" s="109">
        <v>0</v>
      </c>
      <c r="LG36" s="109">
        <v>0</v>
      </c>
      <c r="LH36" s="110">
        <v>0</v>
      </c>
      <c r="LI36" s="111">
        <v>0</v>
      </c>
      <c r="LJ36" s="129">
        <v>0</v>
      </c>
      <c r="LK36" s="109">
        <v>0</v>
      </c>
      <c r="LL36" s="110">
        <v>0</v>
      </c>
      <c r="LM36" s="470">
        <v>0</v>
      </c>
      <c r="LN36" s="109">
        <v>0</v>
      </c>
      <c r="LO36" s="109">
        <v>0</v>
      </c>
      <c r="LP36" s="109">
        <v>0</v>
      </c>
      <c r="LQ36" s="109">
        <v>0</v>
      </c>
      <c r="LR36" s="109">
        <v>0</v>
      </c>
      <c r="LS36" s="110">
        <v>0</v>
      </c>
      <c r="LT36" s="292">
        <v>0</v>
      </c>
      <c r="LU36" s="129">
        <v>0</v>
      </c>
      <c r="LV36" s="109">
        <v>0</v>
      </c>
      <c r="LW36" s="110">
        <v>0</v>
      </c>
      <c r="LX36" s="470">
        <v>0</v>
      </c>
      <c r="LY36" s="109">
        <v>0</v>
      </c>
      <c r="LZ36" s="109">
        <v>0</v>
      </c>
      <c r="MA36" s="109">
        <v>0</v>
      </c>
      <c r="MB36" s="109">
        <v>0</v>
      </c>
      <c r="MC36" s="109">
        <v>0</v>
      </c>
      <c r="MD36" s="110">
        <v>0</v>
      </c>
      <c r="ME36" s="111">
        <v>0</v>
      </c>
      <c r="MF36" s="129">
        <v>0</v>
      </c>
      <c r="MG36" s="109">
        <v>0</v>
      </c>
      <c r="MH36" s="110">
        <v>0</v>
      </c>
      <c r="MI36" s="470">
        <v>0</v>
      </c>
      <c r="MJ36" s="109">
        <v>0</v>
      </c>
      <c r="MK36" s="109">
        <v>0</v>
      </c>
      <c r="ML36" s="109">
        <v>905640</v>
      </c>
      <c r="MM36" s="109">
        <v>218667</v>
      </c>
      <c r="MN36" s="109">
        <v>230076</v>
      </c>
      <c r="MO36" s="110">
        <v>1354383</v>
      </c>
      <c r="MP36" s="130">
        <v>1354383</v>
      </c>
      <c r="MQ36" s="129">
        <v>0</v>
      </c>
      <c r="MR36" s="109">
        <v>0</v>
      </c>
      <c r="MS36" s="110">
        <v>0</v>
      </c>
      <c r="MT36" s="470">
        <v>0</v>
      </c>
      <c r="MU36" s="109">
        <v>0</v>
      </c>
      <c r="MV36" s="109">
        <v>0</v>
      </c>
      <c r="MW36" s="109">
        <v>206075</v>
      </c>
      <c r="MX36" s="109">
        <v>218667</v>
      </c>
      <c r="MY36" s="109">
        <v>230076</v>
      </c>
      <c r="MZ36" s="110">
        <v>654818</v>
      </c>
      <c r="NA36" s="130">
        <v>654818</v>
      </c>
      <c r="NB36" s="129">
        <v>0</v>
      </c>
      <c r="NC36" s="109">
        <v>0</v>
      </c>
      <c r="ND36" s="110">
        <v>0</v>
      </c>
      <c r="NE36" s="470">
        <v>0</v>
      </c>
      <c r="NF36" s="109">
        <v>0</v>
      </c>
      <c r="NG36" s="109">
        <v>0</v>
      </c>
      <c r="NH36" s="109">
        <v>699565</v>
      </c>
      <c r="NI36" s="109">
        <v>0</v>
      </c>
      <c r="NJ36" s="109">
        <v>0</v>
      </c>
      <c r="NK36" s="110">
        <v>699565</v>
      </c>
      <c r="NL36" s="292">
        <v>699565</v>
      </c>
      <c r="NM36" s="129">
        <v>0</v>
      </c>
      <c r="NN36" s="109">
        <v>0</v>
      </c>
      <c r="NO36" s="110">
        <v>0</v>
      </c>
      <c r="NP36" s="470">
        <v>0</v>
      </c>
      <c r="NQ36" s="109">
        <v>0</v>
      </c>
      <c r="NR36" s="109">
        <v>0</v>
      </c>
      <c r="NS36" s="109">
        <v>0</v>
      </c>
      <c r="NT36" s="109">
        <v>0</v>
      </c>
      <c r="NU36" s="109">
        <v>0</v>
      </c>
      <c r="NV36" s="110">
        <v>0</v>
      </c>
      <c r="NW36" s="111">
        <v>0</v>
      </c>
      <c r="NX36" s="129">
        <v>0</v>
      </c>
      <c r="NY36" s="109">
        <v>0</v>
      </c>
      <c r="NZ36" s="110">
        <v>0</v>
      </c>
      <c r="OA36" s="470">
        <v>0</v>
      </c>
      <c r="OB36" s="109">
        <v>0</v>
      </c>
      <c r="OC36" s="109">
        <v>0</v>
      </c>
      <c r="OD36" s="109">
        <v>0</v>
      </c>
      <c r="OE36" s="109">
        <v>0</v>
      </c>
      <c r="OF36" s="109">
        <v>0</v>
      </c>
      <c r="OG36" s="110">
        <v>0</v>
      </c>
      <c r="OH36" s="111">
        <v>0</v>
      </c>
      <c r="OI36" s="129">
        <v>2380</v>
      </c>
      <c r="OJ36" s="109">
        <v>2100</v>
      </c>
      <c r="OK36" s="128">
        <v>4480</v>
      </c>
      <c r="OL36" s="108">
        <v>0</v>
      </c>
      <c r="OM36" s="109">
        <v>385401</v>
      </c>
      <c r="ON36" s="109">
        <v>582129</v>
      </c>
      <c r="OO36" s="109">
        <v>1449977</v>
      </c>
      <c r="OP36" s="109">
        <v>223385</v>
      </c>
      <c r="OQ36" s="109">
        <v>550339</v>
      </c>
      <c r="OR36" s="110">
        <v>3191231</v>
      </c>
      <c r="OS36" s="130">
        <v>3195711</v>
      </c>
    </row>
    <row r="37" spans="2:409" ht="21" customHeight="1" x14ac:dyDescent="0.2">
      <c r="B37" s="437" t="s">
        <v>32</v>
      </c>
      <c r="C37" s="100">
        <v>10920</v>
      </c>
      <c r="D37" s="104">
        <v>21840</v>
      </c>
      <c r="E37" s="157">
        <v>32760</v>
      </c>
      <c r="F37" s="158">
        <v>0</v>
      </c>
      <c r="G37" s="159">
        <v>400489</v>
      </c>
      <c r="H37" s="159">
        <v>401236</v>
      </c>
      <c r="I37" s="159">
        <v>228149</v>
      </c>
      <c r="J37" s="159">
        <v>834808</v>
      </c>
      <c r="K37" s="159">
        <v>688207</v>
      </c>
      <c r="L37" s="160">
        <v>2552889</v>
      </c>
      <c r="M37" s="106">
        <v>2585649</v>
      </c>
      <c r="N37" s="100">
        <v>0</v>
      </c>
      <c r="O37" s="104">
        <v>17290</v>
      </c>
      <c r="P37" s="103">
        <v>17290</v>
      </c>
      <c r="Q37" s="100">
        <v>0</v>
      </c>
      <c r="R37" s="104">
        <v>117985</v>
      </c>
      <c r="S37" s="104">
        <v>93877</v>
      </c>
      <c r="T37" s="104">
        <v>24906</v>
      </c>
      <c r="U37" s="104">
        <v>28070</v>
      </c>
      <c r="V37" s="104">
        <v>81921</v>
      </c>
      <c r="W37" s="103">
        <v>346759</v>
      </c>
      <c r="X37" s="106">
        <v>364049</v>
      </c>
      <c r="Y37" s="100">
        <v>0</v>
      </c>
      <c r="Z37" s="104">
        <v>0</v>
      </c>
      <c r="AA37" s="103">
        <v>0</v>
      </c>
      <c r="AB37" s="100">
        <v>0</v>
      </c>
      <c r="AC37" s="104">
        <v>31192</v>
      </c>
      <c r="AD37" s="104">
        <v>26775</v>
      </c>
      <c r="AE37" s="104">
        <v>0</v>
      </c>
      <c r="AF37" s="104">
        <v>0</v>
      </c>
      <c r="AG37" s="104">
        <v>0</v>
      </c>
      <c r="AH37" s="103">
        <v>57967</v>
      </c>
      <c r="AI37" s="106">
        <v>57967</v>
      </c>
      <c r="AJ37" s="100">
        <v>0</v>
      </c>
      <c r="AK37" s="104">
        <v>0</v>
      </c>
      <c r="AL37" s="103">
        <v>0</v>
      </c>
      <c r="AM37" s="100">
        <v>0</v>
      </c>
      <c r="AN37" s="104">
        <v>0</v>
      </c>
      <c r="AO37" s="104">
        <v>0</v>
      </c>
      <c r="AP37" s="104">
        <v>0</v>
      </c>
      <c r="AQ37" s="104">
        <v>0</v>
      </c>
      <c r="AR37" s="104">
        <v>0</v>
      </c>
      <c r="AS37" s="103">
        <v>0</v>
      </c>
      <c r="AT37" s="106">
        <v>0</v>
      </c>
      <c r="AU37" s="100">
        <v>0</v>
      </c>
      <c r="AV37" s="104">
        <v>17290</v>
      </c>
      <c r="AW37" s="103">
        <v>17290</v>
      </c>
      <c r="AX37" s="100">
        <v>0</v>
      </c>
      <c r="AY37" s="104">
        <v>77728</v>
      </c>
      <c r="AZ37" s="104">
        <v>24696</v>
      </c>
      <c r="BA37" s="104">
        <v>0</v>
      </c>
      <c r="BB37" s="104">
        <v>0</v>
      </c>
      <c r="BC37" s="104">
        <v>66283</v>
      </c>
      <c r="BD37" s="103">
        <v>168707</v>
      </c>
      <c r="BE37" s="106">
        <v>185997</v>
      </c>
      <c r="BF37" s="100">
        <v>0</v>
      </c>
      <c r="BG37" s="104">
        <v>0</v>
      </c>
      <c r="BH37" s="102">
        <v>0</v>
      </c>
      <c r="BI37" s="101">
        <v>0</v>
      </c>
      <c r="BJ37" s="104">
        <v>0</v>
      </c>
      <c r="BK37" s="104">
        <v>26768</v>
      </c>
      <c r="BL37" s="104">
        <v>0</v>
      </c>
      <c r="BM37" s="104">
        <v>13384</v>
      </c>
      <c r="BN37" s="104">
        <v>0</v>
      </c>
      <c r="BO37" s="103">
        <v>40152</v>
      </c>
      <c r="BP37" s="106">
        <v>40152</v>
      </c>
      <c r="BQ37" s="100">
        <v>0</v>
      </c>
      <c r="BR37" s="104">
        <v>0</v>
      </c>
      <c r="BS37" s="103">
        <v>0</v>
      </c>
      <c r="BT37" s="100">
        <v>0</v>
      </c>
      <c r="BU37" s="104">
        <v>9065</v>
      </c>
      <c r="BV37" s="104">
        <v>15638</v>
      </c>
      <c r="BW37" s="104">
        <v>24906</v>
      </c>
      <c r="BX37" s="104">
        <v>14686</v>
      </c>
      <c r="BY37" s="104">
        <v>15638</v>
      </c>
      <c r="BZ37" s="103">
        <v>79933</v>
      </c>
      <c r="CA37" s="106">
        <v>79933</v>
      </c>
      <c r="CB37" s="100">
        <v>0</v>
      </c>
      <c r="CC37" s="104">
        <v>0</v>
      </c>
      <c r="CD37" s="103">
        <v>0</v>
      </c>
      <c r="CE37" s="100">
        <v>0</v>
      </c>
      <c r="CF37" s="104">
        <v>130121</v>
      </c>
      <c r="CG37" s="104">
        <v>229631</v>
      </c>
      <c r="CH37" s="104">
        <v>0</v>
      </c>
      <c r="CI37" s="104">
        <v>315532</v>
      </c>
      <c r="CJ37" s="104">
        <v>331984</v>
      </c>
      <c r="CK37" s="103">
        <v>1007268</v>
      </c>
      <c r="CL37" s="106">
        <v>1007268</v>
      </c>
      <c r="CM37" s="100">
        <v>0</v>
      </c>
      <c r="CN37" s="104">
        <v>0</v>
      </c>
      <c r="CO37" s="103">
        <v>0</v>
      </c>
      <c r="CP37" s="101">
        <v>0</v>
      </c>
      <c r="CQ37" s="104">
        <v>130121</v>
      </c>
      <c r="CR37" s="104">
        <v>158123</v>
      </c>
      <c r="CS37" s="104">
        <v>0</v>
      </c>
      <c r="CT37" s="104">
        <v>204719</v>
      </c>
      <c r="CU37" s="104">
        <v>286365</v>
      </c>
      <c r="CV37" s="103">
        <v>779328</v>
      </c>
      <c r="CW37" s="106">
        <v>779328</v>
      </c>
      <c r="CX37" s="100">
        <v>0</v>
      </c>
      <c r="CY37" s="104">
        <v>0</v>
      </c>
      <c r="CZ37" s="103">
        <v>0</v>
      </c>
      <c r="DA37" s="100">
        <v>0</v>
      </c>
      <c r="DB37" s="104">
        <v>0</v>
      </c>
      <c r="DC37" s="104">
        <v>71508</v>
      </c>
      <c r="DD37" s="104">
        <v>0</v>
      </c>
      <c r="DE37" s="104">
        <v>110813</v>
      </c>
      <c r="DF37" s="104">
        <v>45619</v>
      </c>
      <c r="DG37" s="103">
        <v>227940</v>
      </c>
      <c r="DH37" s="106">
        <v>227940</v>
      </c>
      <c r="DI37" s="100">
        <v>0</v>
      </c>
      <c r="DJ37" s="104">
        <v>0</v>
      </c>
      <c r="DK37" s="102">
        <v>0</v>
      </c>
      <c r="DL37" s="101">
        <v>0</v>
      </c>
      <c r="DM37" s="104">
        <v>0</v>
      </c>
      <c r="DN37" s="104">
        <v>17332</v>
      </c>
      <c r="DO37" s="104">
        <v>0</v>
      </c>
      <c r="DP37" s="104">
        <v>109562</v>
      </c>
      <c r="DQ37" s="104">
        <v>47250</v>
      </c>
      <c r="DR37" s="103">
        <v>174144</v>
      </c>
      <c r="DS37" s="106">
        <v>174144</v>
      </c>
      <c r="DT37" s="100">
        <v>0</v>
      </c>
      <c r="DU37" s="104">
        <v>0</v>
      </c>
      <c r="DV37" s="103">
        <v>0</v>
      </c>
      <c r="DW37" s="100">
        <v>0</v>
      </c>
      <c r="DX37" s="104">
        <v>0</v>
      </c>
      <c r="DY37" s="104">
        <v>17332</v>
      </c>
      <c r="DZ37" s="104">
        <v>0</v>
      </c>
      <c r="EA37" s="104">
        <v>109562</v>
      </c>
      <c r="EB37" s="104">
        <v>18263</v>
      </c>
      <c r="EC37" s="103">
        <v>145157</v>
      </c>
      <c r="ED37" s="106">
        <v>145157</v>
      </c>
      <c r="EE37" s="100">
        <v>0</v>
      </c>
      <c r="EF37" s="102">
        <v>0</v>
      </c>
      <c r="EG37" s="103">
        <v>0</v>
      </c>
      <c r="EH37" s="100">
        <v>0</v>
      </c>
      <c r="EI37" s="104">
        <v>0</v>
      </c>
      <c r="EJ37" s="104">
        <v>0</v>
      </c>
      <c r="EK37" s="104">
        <v>0</v>
      </c>
      <c r="EL37" s="104">
        <v>0</v>
      </c>
      <c r="EM37" s="104">
        <v>28987</v>
      </c>
      <c r="EN37" s="102">
        <v>28987</v>
      </c>
      <c r="EO37" s="106">
        <v>28987</v>
      </c>
      <c r="EP37" s="100">
        <v>0</v>
      </c>
      <c r="EQ37" s="104">
        <v>0</v>
      </c>
      <c r="ER37" s="102">
        <v>0</v>
      </c>
      <c r="ES37" s="101">
        <v>0</v>
      </c>
      <c r="ET37" s="104">
        <v>0</v>
      </c>
      <c r="EU37" s="104">
        <v>0</v>
      </c>
      <c r="EV37" s="104">
        <v>0</v>
      </c>
      <c r="EW37" s="104">
        <v>0</v>
      </c>
      <c r="EX37" s="104">
        <v>0</v>
      </c>
      <c r="EY37" s="103">
        <v>0</v>
      </c>
      <c r="EZ37" s="106">
        <v>0</v>
      </c>
      <c r="FA37" s="100">
        <v>0</v>
      </c>
      <c r="FB37" s="104">
        <v>0</v>
      </c>
      <c r="FC37" s="102">
        <v>0</v>
      </c>
      <c r="FD37" s="470">
        <v>0</v>
      </c>
      <c r="FE37" s="104">
        <v>0</v>
      </c>
      <c r="FF37" s="104">
        <v>0</v>
      </c>
      <c r="FG37" s="104">
        <v>0</v>
      </c>
      <c r="FH37" s="104">
        <v>0</v>
      </c>
      <c r="FI37" s="104">
        <v>0</v>
      </c>
      <c r="FJ37" s="103">
        <v>0</v>
      </c>
      <c r="FK37" s="106">
        <v>0</v>
      </c>
      <c r="FL37" s="100">
        <v>10920</v>
      </c>
      <c r="FM37" s="104">
        <v>4550</v>
      </c>
      <c r="FN37" s="103">
        <v>15470</v>
      </c>
      <c r="FO37" s="100">
        <v>0</v>
      </c>
      <c r="FP37" s="104">
        <v>18130</v>
      </c>
      <c r="FQ37" s="104">
        <v>60396</v>
      </c>
      <c r="FR37" s="104">
        <v>23996</v>
      </c>
      <c r="FS37" s="104">
        <v>98028</v>
      </c>
      <c r="FT37" s="104">
        <v>27832</v>
      </c>
      <c r="FU37" s="103">
        <v>228382</v>
      </c>
      <c r="FV37" s="106">
        <v>243852</v>
      </c>
      <c r="FW37" s="105">
        <v>10920</v>
      </c>
      <c r="FX37" s="104">
        <v>4550</v>
      </c>
      <c r="FY37" s="102">
        <v>15470</v>
      </c>
      <c r="FZ37" s="101">
        <v>0</v>
      </c>
      <c r="GA37" s="104">
        <v>10850</v>
      </c>
      <c r="GB37" s="104">
        <v>60396</v>
      </c>
      <c r="GC37" s="104">
        <v>23996</v>
      </c>
      <c r="GD37" s="104">
        <v>98028</v>
      </c>
      <c r="GE37" s="104">
        <v>27832</v>
      </c>
      <c r="GF37" s="103">
        <v>221102</v>
      </c>
      <c r="GG37" s="290">
        <v>236572</v>
      </c>
      <c r="GH37" s="105">
        <v>0</v>
      </c>
      <c r="GI37" s="104">
        <v>0</v>
      </c>
      <c r="GJ37" s="102">
        <v>0</v>
      </c>
      <c r="GK37" s="101">
        <v>0</v>
      </c>
      <c r="GL37" s="104">
        <v>7280</v>
      </c>
      <c r="GM37" s="104">
        <v>0</v>
      </c>
      <c r="GN37" s="104">
        <v>0</v>
      </c>
      <c r="GO37" s="104">
        <v>0</v>
      </c>
      <c r="GP37" s="104">
        <v>0</v>
      </c>
      <c r="GQ37" s="103">
        <v>7280</v>
      </c>
      <c r="GR37" s="106">
        <v>728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134253</v>
      </c>
      <c r="HI37" s="104">
        <v>0</v>
      </c>
      <c r="HJ37" s="104">
        <v>179247</v>
      </c>
      <c r="HK37" s="104">
        <v>283616</v>
      </c>
      <c r="HL37" s="104">
        <v>199220</v>
      </c>
      <c r="HM37" s="103">
        <v>796336</v>
      </c>
      <c r="HN37" s="99">
        <v>796336</v>
      </c>
      <c r="HO37" s="456">
        <v>0</v>
      </c>
      <c r="HP37" s="457">
        <v>0</v>
      </c>
      <c r="HQ37" s="458">
        <v>0</v>
      </c>
      <c r="HR37" s="459">
        <v>0</v>
      </c>
      <c r="HS37" s="457">
        <v>0</v>
      </c>
      <c r="HT37" s="457">
        <v>0</v>
      </c>
      <c r="HU37" s="457">
        <v>0</v>
      </c>
      <c r="HV37" s="457">
        <v>0</v>
      </c>
      <c r="HW37" s="457">
        <v>0</v>
      </c>
      <c r="HX37" s="460">
        <v>0</v>
      </c>
      <c r="HY37" s="461">
        <v>0</v>
      </c>
      <c r="HZ37" s="118">
        <v>0</v>
      </c>
      <c r="IA37" s="119">
        <v>0</v>
      </c>
      <c r="IB37" s="120">
        <v>0</v>
      </c>
      <c r="IC37" s="131">
        <v>0</v>
      </c>
      <c r="ID37" s="119">
        <v>238812</v>
      </c>
      <c r="IE37" s="132">
        <v>88424</v>
      </c>
      <c r="IF37" s="120">
        <v>192430</v>
      </c>
      <c r="IG37" s="119">
        <v>0</v>
      </c>
      <c r="IH37" s="120">
        <v>0</v>
      </c>
      <c r="II37" s="133">
        <v>519666</v>
      </c>
      <c r="IJ37" s="126">
        <v>519666</v>
      </c>
      <c r="IK37" s="215">
        <v>0</v>
      </c>
      <c r="IL37" s="219">
        <v>0</v>
      </c>
      <c r="IM37" s="220">
        <v>0</v>
      </c>
      <c r="IN37" s="470">
        <v>0</v>
      </c>
      <c r="IO37" s="109">
        <v>52941</v>
      </c>
      <c r="IP37" s="109">
        <v>88424</v>
      </c>
      <c r="IQ37" s="109">
        <v>0</v>
      </c>
      <c r="IR37" s="109">
        <v>0</v>
      </c>
      <c r="IS37" s="109">
        <v>0</v>
      </c>
      <c r="IT37" s="128">
        <v>141365</v>
      </c>
      <c r="IU37" s="292">
        <v>141365</v>
      </c>
      <c r="IV37" s="129">
        <v>0</v>
      </c>
      <c r="IW37" s="109">
        <v>0</v>
      </c>
      <c r="IX37" s="110">
        <v>0</v>
      </c>
      <c r="IY37" s="470">
        <v>0</v>
      </c>
      <c r="IZ37" s="109">
        <v>0</v>
      </c>
      <c r="JA37" s="109">
        <v>0</v>
      </c>
      <c r="JB37" s="109">
        <v>0</v>
      </c>
      <c r="JC37" s="109">
        <v>0</v>
      </c>
      <c r="JD37" s="109">
        <v>0</v>
      </c>
      <c r="JE37" s="110">
        <v>0</v>
      </c>
      <c r="JF37" s="111">
        <v>0</v>
      </c>
      <c r="JG37" s="129">
        <v>0</v>
      </c>
      <c r="JH37" s="109">
        <v>0</v>
      </c>
      <c r="JI37" s="128">
        <v>0</v>
      </c>
      <c r="JJ37" s="108">
        <v>0</v>
      </c>
      <c r="JK37" s="109">
        <v>57946</v>
      </c>
      <c r="JL37" s="109">
        <v>0</v>
      </c>
      <c r="JM37" s="109">
        <v>0</v>
      </c>
      <c r="JN37" s="109">
        <v>0</v>
      </c>
      <c r="JO37" s="109">
        <v>0</v>
      </c>
      <c r="JP37" s="110">
        <v>57946</v>
      </c>
      <c r="JQ37" s="292">
        <v>57946</v>
      </c>
      <c r="JR37" s="129">
        <v>0</v>
      </c>
      <c r="JS37" s="109">
        <v>0</v>
      </c>
      <c r="JT37" s="128">
        <v>0</v>
      </c>
      <c r="JU37" s="108">
        <v>0</v>
      </c>
      <c r="JV37" s="109">
        <v>127925</v>
      </c>
      <c r="JW37" s="109">
        <v>0</v>
      </c>
      <c r="JX37" s="109">
        <v>0</v>
      </c>
      <c r="JY37" s="109">
        <v>0</v>
      </c>
      <c r="JZ37" s="109">
        <v>0</v>
      </c>
      <c r="KA37" s="110">
        <v>127925</v>
      </c>
      <c r="KB37" s="292">
        <v>127925</v>
      </c>
      <c r="KC37" s="217">
        <v>0</v>
      </c>
      <c r="KD37" s="213">
        <v>0</v>
      </c>
      <c r="KE37" s="110">
        <v>0</v>
      </c>
      <c r="KF37" s="108">
        <v>0</v>
      </c>
      <c r="KG37" s="109">
        <v>0</v>
      </c>
      <c r="KH37" s="109">
        <v>0</v>
      </c>
      <c r="KI37" s="109">
        <v>192430</v>
      </c>
      <c r="KJ37" s="109">
        <v>0</v>
      </c>
      <c r="KK37" s="109">
        <v>0</v>
      </c>
      <c r="KL37" s="110">
        <v>192430</v>
      </c>
      <c r="KM37" s="130">
        <v>192430</v>
      </c>
      <c r="KN37" s="215">
        <v>0</v>
      </c>
      <c r="KO37" s="219">
        <v>0</v>
      </c>
      <c r="KP37" s="220">
        <v>0</v>
      </c>
      <c r="KQ37" s="470">
        <v>0</v>
      </c>
      <c r="KR37" s="109">
        <v>0</v>
      </c>
      <c r="KS37" s="109">
        <v>0</v>
      </c>
      <c r="KT37" s="109">
        <v>0</v>
      </c>
      <c r="KU37" s="109">
        <v>0</v>
      </c>
      <c r="KV37" s="109">
        <v>0</v>
      </c>
      <c r="KW37" s="110">
        <v>0</v>
      </c>
      <c r="KX37" s="292">
        <v>0</v>
      </c>
      <c r="KY37" s="129">
        <v>0</v>
      </c>
      <c r="KZ37" s="109">
        <v>0</v>
      </c>
      <c r="LA37" s="110">
        <v>0</v>
      </c>
      <c r="LB37" s="470">
        <v>0</v>
      </c>
      <c r="LC37" s="109">
        <v>0</v>
      </c>
      <c r="LD37" s="109">
        <v>0</v>
      </c>
      <c r="LE37" s="109">
        <v>0</v>
      </c>
      <c r="LF37" s="109">
        <v>0</v>
      </c>
      <c r="LG37" s="109">
        <v>0</v>
      </c>
      <c r="LH37" s="110">
        <v>0</v>
      </c>
      <c r="LI37" s="111">
        <v>0</v>
      </c>
      <c r="LJ37" s="129">
        <v>0</v>
      </c>
      <c r="LK37" s="109">
        <v>0</v>
      </c>
      <c r="LL37" s="110">
        <v>0</v>
      </c>
      <c r="LM37" s="470">
        <v>0</v>
      </c>
      <c r="LN37" s="109">
        <v>0</v>
      </c>
      <c r="LO37" s="109">
        <v>0</v>
      </c>
      <c r="LP37" s="109">
        <v>0</v>
      </c>
      <c r="LQ37" s="109">
        <v>0</v>
      </c>
      <c r="LR37" s="109">
        <v>0</v>
      </c>
      <c r="LS37" s="110">
        <v>0</v>
      </c>
      <c r="LT37" s="292">
        <v>0</v>
      </c>
      <c r="LU37" s="129">
        <v>0</v>
      </c>
      <c r="LV37" s="109">
        <v>0</v>
      </c>
      <c r="LW37" s="110">
        <v>0</v>
      </c>
      <c r="LX37" s="470">
        <v>0</v>
      </c>
      <c r="LY37" s="109">
        <v>0</v>
      </c>
      <c r="LZ37" s="109">
        <v>0</v>
      </c>
      <c r="MA37" s="109">
        <v>0</v>
      </c>
      <c r="MB37" s="109">
        <v>0</v>
      </c>
      <c r="MC37" s="109">
        <v>0</v>
      </c>
      <c r="MD37" s="110">
        <v>0</v>
      </c>
      <c r="ME37" s="111">
        <v>0</v>
      </c>
      <c r="MF37" s="129">
        <v>0</v>
      </c>
      <c r="MG37" s="109">
        <v>0</v>
      </c>
      <c r="MH37" s="110">
        <v>0</v>
      </c>
      <c r="MI37" s="470">
        <v>0</v>
      </c>
      <c r="MJ37" s="109">
        <v>0</v>
      </c>
      <c r="MK37" s="109">
        <v>0</v>
      </c>
      <c r="ML37" s="109">
        <v>201625</v>
      </c>
      <c r="MM37" s="109">
        <v>292872</v>
      </c>
      <c r="MN37" s="109">
        <v>419601</v>
      </c>
      <c r="MO37" s="110">
        <v>914098</v>
      </c>
      <c r="MP37" s="130">
        <v>914098</v>
      </c>
      <c r="MQ37" s="129">
        <v>0</v>
      </c>
      <c r="MR37" s="109">
        <v>0</v>
      </c>
      <c r="MS37" s="110">
        <v>0</v>
      </c>
      <c r="MT37" s="470">
        <v>0</v>
      </c>
      <c r="MU37" s="109">
        <v>0</v>
      </c>
      <c r="MV37" s="109">
        <v>0</v>
      </c>
      <c r="MW37" s="109">
        <v>201625</v>
      </c>
      <c r="MX37" s="109">
        <v>0</v>
      </c>
      <c r="MY37" s="109">
        <v>261635</v>
      </c>
      <c r="MZ37" s="110">
        <v>463260</v>
      </c>
      <c r="NA37" s="130">
        <v>463260</v>
      </c>
      <c r="NB37" s="129">
        <v>0</v>
      </c>
      <c r="NC37" s="109">
        <v>0</v>
      </c>
      <c r="ND37" s="110">
        <v>0</v>
      </c>
      <c r="NE37" s="470">
        <v>0</v>
      </c>
      <c r="NF37" s="109">
        <v>0</v>
      </c>
      <c r="NG37" s="109">
        <v>0</v>
      </c>
      <c r="NH37" s="109">
        <v>0</v>
      </c>
      <c r="NI37" s="109">
        <v>292872</v>
      </c>
      <c r="NJ37" s="109">
        <v>157966</v>
      </c>
      <c r="NK37" s="110">
        <v>450838</v>
      </c>
      <c r="NL37" s="292">
        <v>450838</v>
      </c>
      <c r="NM37" s="129">
        <v>0</v>
      </c>
      <c r="NN37" s="109">
        <v>0</v>
      </c>
      <c r="NO37" s="110">
        <v>0</v>
      </c>
      <c r="NP37" s="470">
        <v>0</v>
      </c>
      <c r="NQ37" s="109">
        <v>0</v>
      </c>
      <c r="NR37" s="109">
        <v>0</v>
      </c>
      <c r="NS37" s="109">
        <v>0</v>
      </c>
      <c r="NT37" s="109">
        <v>0</v>
      </c>
      <c r="NU37" s="109">
        <v>0</v>
      </c>
      <c r="NV37" s="110">
        <v>0</v>
      </c>
      <c r="NW37" s="111">
        <v>0</v>
      </c>
      <c r="NX37" s="129">
        <v>0</v>
      </c>
      <c r="NY37" s="109">
        <v>0</v>
      </c>
      <c r="NZ37" s="110">
        <v>0</v>
      </c>
      <c r="OA37" s="470">
        <v>0</v>
      </c>
      <c r="OB37" s="109">
        <v>0</v>
      </c>
      <c r="OC37" s="109">
        <v>0</v>
      </c>
      <c r="OD37" s="109">
        <v>0</v>
      </c>
      <c r="OE37" s="109">
        <v>0</v>
      </c>
      <c r="OF37" s="109">
        <v>0</v>
      </c>
      <c r="OG37" s="110">
        <v>0</v>
      </c>
      <c r="OH37" s="111">
        <v>0</v>
      </c>
      <c r="OI37" s="129">
        <v>10920</v>
      </c>
      <c r="OJ37" s="109">
        <v>21840</v>
      </c>
      <c r="OK37" s="128">
        <v>32760</v>
      </c>
      <c r="OL37" s="108">
        <v>0</v>
      </c>
      <c r="OM37" s="109">
        <v>639301</v>
      </c>
      <c r="ON37" s="109">
        <v>489660</v>
      </c>
      <c r="OO37" s="109">
        <v>622204</v>
      </c>
      <c r="OP37" s="109">
        <v>1127680</v>
      </c>
      <c r="OQ37" s="109">
        <v>1107808</v>
      </c>
      <c r="OR37" s="110">
        <v>3986653</v>
      </c>
      <c r="OS37" s="130">
        <v>4019413</v>
      </c>
    </row>
    <row r="38" spans="2:409" ht="21" customHeight="1" x14ac:dyDescent="0.2">
      <c r="B38" s="437" t="s">
        <v>33</v>
      </c>
      <c r="C38" s="100">
        <v>18167</v>
      </c>
      <c r="D38" s="104">
        <v>197663</v>
      </c>
      <c r="E38" s="103">
        <v>215830</v>
      </c>
      <c r="F38" s="99">
        <v>0</v>
      </c>
      <c r="G38" s="104">
        <v>519853</v>
      </c>
      <c r="H38" s="104">
        <v>373236</v>
      </c>
      <c r="I38" s="104">
        <v>823136</v>
      </c>
      <c r="J38" s="104">
        <v>537631</v>
      </c>
      <c r="K38" s="104">
        <v>500065</v>
      </c>
      <c r="L38" s="156">
        <v>2753921</v>
      </c>
      <c r="M38" s="106">
        <v>2969751</v>
      </c>
      <c r="N38" s="100">
        <v>0</v>
      </c>
      <c r="O38" s="104">
        <v>27978</v>
      </c>
      <c r="P38" s="103">
        <v>27978</v>
      </c>
      <c r="Q38" s="100">
        <v>0</v>
      </c>
      <c r="R38" s="104">
        <v>135071</v>
      </c>
      <c r="S38" s="104">
        <v>292736</v>
      </c>
      <c r="T38" s="104">
        <v>78972</v>
      </c>
      <c r="U38" s="104">
        <v>95656</v>
      </c>
      <c r="V38" s="104">
        <v>208808</v>
      </c>
      <c r="W38" s="103">
        <v>811243</v>
      </c>
      <c r="X38" s="106">
        <v>839221</v>
      </c>
      <c r="Y38" s="100">
        <v>0</v>
      </c>
      <c r="Z38" s="104">
        <v>0</v>
      </c>
      <c r="AA38" s="103">
        <v>0</v>
      </c>
      <c r="AB38" s="100">
        <v>0</v>
      </c>
      <c r="AC38" s="104">
        <v>47059</v>
      </c>
      <c r="AD38" s="104">
        <v>0</v>
      </c>
      <c r="AE38" s="104">
        <v>0</v>
      </c>
      <c r="AF38" s="104">
        <v>0</v>
      </c>
      <c r="AG38" s="104">
        <v>172756</v>
      </c>
      <c r="AH38" s="103">
        <v>219815</v>
      </c>
      <c r="AI38" s="106">
        <v>219815</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0</v>
      </c>
      <c r="AZ38" s="104">
        <v>193013</v>
      </c>
      <c r="BA38" s="104">
        <v>0</v>
      </c>
      <c r="BB38" s="104">
        <v>0</v>
      </c>
      <c r="BC38" s="104">
        <v>11384</v>
      </c>
      <c r="BD38" s="103">
        <v>204397</v>
      </c>
      <c r="BE38" s="106">
        <v>204397</v>
      </c>
      <c r="BF38" s="100">
        <v>0</v>
      </c>
      <c r="BG38" s="104">
        <v>14223</v>
      </c>
      <c r="BH38" s="102">
        <v>14223</v>
      </c>
      <c r="BI38" s="101">
        <v>0</v>
      </c>
      <c r="BJ38" s="104">
        <v>80214</v>
      </c>
      <c r="BK38" s="104">
        <v>93584</v>
      </c>
      <c r="BL38" s="104">
        <v>26738</v>
      </c>
      <c r="BM38" s="104">
        <v>80214</v>
      </c>
      <c r="BN38" s="104">
        <v>0</v>
      </c>
      <c r="BO38" s="103">
        <v>280750</v>
      </c>
      <c r="BP38" s="106">
        <v>294973</v>
      </c>
      <c r="BQ38" s="100">
        <v>0</v>
      </c>
      <c r="BR38" s="104">
        <v>13755</v>
      </c>
      <c r="BS38" s="103">
        <v>13755</v>
      </c>
      <c r="BT38" s="100">
        <v>0</v>
      </c>
      <c r="BU38" s="104">
        <v>7798</v>
      </c>
      <c r="BV38" s="104">
        <v>6139</v>
      </c>
      <c r="BW38" s="104">
        <v>52234</v>
      </c>
      <c r="BX38" s="104">
        <v>15442</v>
      </c>
      <c r="BY38" s="104">
        <v>24668</v>
      </c>
      <c r="BZ38" s="103">
        <v>106281</v>
      </c>
      <c r="CA38" s="106">
        <v>120036</v>
      </c>
      <c r="CB38" s="100">
        <v>18167</v>
      </c>
      <c r="CC38" s="104">
        <v>0</v>
      </c>
      <c r="CD38" s="103">
        <v>18167</v>
      </c>
      <c r="CE38" s="100">
        <v>0</v>
      </c>
      <c r="CF38" s="104">
        <v>90309</v>
      </c>
      <c r="CG38" s="104">
        <v>0</v>
      </c>
      <c r="CH38" s="104">
        <v>57285</v>
      </c>
      <c r="CI38" s="104">
        <v>0</v>
      </c>
      <c r="CJ38" s="104">
        <v>67436</v>
      </c>
      <c r="CK38" s="103">
        <v>215030</v>
      </c>
      <c r="CL38" s="106">
        <v>233197</v>
      </c>
      <c r="CM38" s="100">
        <v>0</v>
      </c>
      <c r="CN38" s="104">
        <v>0</v>
      </c>
      <c r="CO38" s="103">
        <v>0</v>
      </c>
      <c r="CP38" s="101">
        <v>0</v>
      </c>
      <c r="CQ38" s="104">
        <v>52345</v>
      </c>
      <c r="CR38" s="104">
        <v>0</v>
      </c>
      <c r="CS38" s="104">
        <v>0</v>
      </c>
      <c r="CT38" s="104">
        <v>0</v>
      </c>
      <c r="CU38" s="104">
        <v>67436</v>
      </c>
      <c r="CV38" s="103">
        <v>119781</v>
      </c>
      <c r="CW38" s="106">
        <v>119781</v>
      </c>
      <c r="CX38" s="100">
        <v>18167</v>
      </c>
      <c r="CY38" s="104">
        <v>0</v>
      </c>
      <c r="CZ38" s="103">
        <v>18167</v>
      </c>
      <c r="DA38" s="100">
        <v>0</v>
      </c>
      <c r="DB38" s="104">
        <v>37964</v>
      </c>
      <c r="DC38" s="104">
        <v>0</v>
      </c>
      <c r="DD38" s="104">
        <v>57285</v>
      </c>
      <c r="DE38" s="104">
        <v>0</v>
      </c>
      <c r="DF38" s="104">
        <v>0</v>
      </c>
      <c r="DG38" s="103">
        <v>95249</v>
      </c>
      <c r="DH38" s="106">
        <v>113416</v>
      </c>
      <c r="DI38" s="100">
        <v>0</v>
      </c>
      <c r="DJ38" s="104">
        <v>0</v>
      </c>
      <c r="DK38" s="102">
        <v>0</v>
      </c>
      <c r="DL38" s="101">
        <v>0</v>
      </c>
      <c r="DM38" s="104">
        <v>122297</v>
      </c>
      <c r="DN38" s="104">
        <v>0</v>
      </c>
      <c r="DO38" s="104">
        <v>21420</v>
      </c>
      <c r="DP38" s="104">
        <v>14892</v>
      </c>
      <c r="DQ38" s="104">
        <v>0</v>
      </c>
      <c r="DR38" s="103">
        <v>158609</v>
      </c>
      <c r="DS38" s="106">
        <v>158609</v>
      </c>
      <c r="DT38" s="100">
        <v>0</v>
      </c>
      <c r="DU38" s="104">
        <v>0</v>
      </c>
      <c r="DV38" s="103">
        <v>0</v>
      </c>
      <c r="DW38" s="100">
        <v>0</v>
      </c>
      <c r="DX38" s="104">
        <v>0</v>
      </c>
      <c r="DY38" s="104">
        <v>0</v>
      </c>
      <c r="DZ38" s="104">
        <v>21420</v>
      </c>
      <c r="EA38" s="104">
        <v>14892</v>
      </c>
      <c r="EB38" s="104">
        <v>0</v>
      </c>
      <c r="EC38" s="103">
        <v>36312</v>
      </c>
      <c r="ED38" s="106">
        <v>36312</v>
      </c>
      <c r="EE38" s="100">
        <v>0</v>
      </c>
      <c r="EF38" s="102">
        <v>0</v>
      </c>
      <c r="EG38" s="103">
        <v>0</v>
      </c>
      <c r="EH38" s="100">
        <v>0</v>
      </c>
      <c r="EI38" s="104">
        <v>122297</v>
      </c>
      <c r="EJ38" s="104">
        <v>0</v>
      </c>
      <c r="EK38" s="104">
        <v>0</v>
      </c>
      <c r="EL38" s="104">
        <v>0</v>
      </c>
      <c r="EM38" s="104">
        <v>0</v>
      </c>
      <c r="EN38" s="102">
        <v>122297</v>
      </c>
      <c r="EO38" s="106">
        <v>122297</v>
      </c>
      <c r="EP38" s="100">
        <v>0</v>
      </c>
      <c r="EQ38" s="104">
        <v>0</v>
      </c>
      <c r="ER38" s="102">
        <v>0</v>
      </c>
      <c r="ES38" s="101">
        <v>0</v>
      </c>
      <c r="ET38" s="104">
        <v>0</v>
      </c>
      <c r="EU38" s="104">
        <v>0</v>
      </c>
      <c r="EV38" s="104">
        <v>0</v>
      </c>
      <c r="EW38" s="104">
        <v>0</v>
      </c>
      <c r="EX38" s="104">
        <v>0</v>
      </c>
      <c r="EY38" s="103">
        <v>0</v>
      </c>
      <c r="EZ38" s="106">
        <v>0</v>
      </c>
      <c r="FA38" s="100">
        <v>0</v>
      </c>
      <c r="FB38" s="104">
        <v>0</v>
      </c>
      <c r="FC38" s="102">
        <v>0</v>
      </c>
      <c r="FD38" s="470">
        <v>0</v>
      </c>
      <c r="FE38" s="104">
        <v>0</v>
      </c>
      <c r="FF38" s="104">
        <v>0</v>
      </c>
      <c r="FG38" s="104">
        <v>0</v>
      </c>
      <c r="FH38" s="104">
        <v>0</v>
      </c>
      <c r="FI38" s="104">
        <v>0</v>
      </c>
      <c r="FJ38" s="103">
        <v>0</v>
      </c>
      <c r="FK38" s="106">
        <v>0</v>
      </c>
      <c r="FL38" s="100">
        <v>0</v>
      </c>
      <c r="FM38" s="104">
        <v>2940</v>
      </c>
      <c r="FN38" s="103">
        <v>2940</v>
      </c>
      <c r="FO38" s="100">
        <v>0</v>
      </c>
      <c r="FP38" s="104">
        <v>32410</v>
      </c>
      <c r="FQ38" s="104">
        <v>80500</v>
      </c>
      <c r="FR38" s="104">
        <v>30856</v>
      </c>
      <c r="FS38" s="104">
        <v>30100</v>
      </c>
      <c r="FT38" s="104">
        <v>29638</v>
      </c>
      <c r="FU38" s="103">
        <v>203504</v>
      </c>
      <c r="FV38" s="106">
        <v>206444</v>
      </c>
      <c r="FW38" s="105">
        <v>0</v>
      </c>
      <c r="FX38" s="104">
        <v>2940</v>
      </c>
      <c r="FY38" s="102">
        <v>2940</v>
      </c>
      <c r="FZ38" s="101">
        <v>0</v>
      </c>
      <c r="GA38" s="104">
        <v>32410</v>
      </c>
      <c r="GB38" s="104">
        <v>80500</v>
      </c>
      <c r="GC38" s="104">
        <v>30856</v>
      </c>
      <c r="GD38" s="104">
        <v>30100</v>
      </c>
      <c r="GE38" s="104">
        <v>29638</v>
      </c>
      <c r="GF38" s="103">
        <v>203504</v>
      </c>
      <c r="GG38" s="290">
        <v>206444</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166745</v>
      </c>
      <c r="HF38" s="102">
        <v>166745</v>
      </c>
      <c r="HG38" s="101">
        <v>0</v>
      </c>
      <c r="HH38" s="104">
        <v>139766</v>
      </c>
      <c r="HI38" s="104">
        <v>0</v>
      </c>
      <c r="HJ38" s="104">
        <v>634603</v>
      </c>
      <c r="HK38" s="104">
        <v>396983</v>
      </c>
      <c r="HL38" s="104">
        <v>194183</v>
      </c>
      <c r="HM38" s="103">
        <v>1365535</v>
      </c>
      <c r="HN38" s="99">
        <v>1532280</v>
      </c>
      <c r="HO38" s="456">
        <v>0</v>
      </c>
      <c r="HP38" s="457">
        <v>0</v>
      </c>
      <c r="HQ38" s="458">
        <v>0</v>
      </c>
      <c r="HR38" s="459">
        <v>0</v>
      </c>
      <c r="HS38" s="457">
        <v>0</v>
      </c>
      <c r="HT38" s="457">
        <v>0</v>
      </c>
      <c r="HU38" s="457">
        <v>0</v>
      </c>
      <c r="HV38" s="457">
        <v>0</v>
      </c>
      <c r="HW38" s="457">
        <v>0</v>
      </c>
      <c r="HX38" s="460">
        <v>0</v>
      </c>
      <c r="HY38" s="461">
        <v>0</v>
      </c>
      <c r="HZ38" s="135">
        <v>0</v>
      </c>
      <c r="IA38" s="122">
        <v>0</v>
      </c>
      <c r="IB38" s="135">
        <v>0</v>
      </c>
      <c r="IC38" s="131">
        <v>0</v>
      </c>
      <c r="ID38" s="119">
        <v>0</v>
      </c>
      <c r="IE38" s="132">
        <v>0</v>
      </c>
      <c r="IF38" s="120">
        <v>397372</v>
      </c>
      <c r="IG38" s="119">
        <v>70361</v>
      </c>
      <c r="IH38" s="120">
        <v>239532</v>
      </c>
      <c r="II38" s="133">
        <v>707265</v>
      </c>
      <c r="IJ38" s="135">
        <v>707265</v>
      </c>
      <c r="IK38" s="215">
        <v>0</v>
      </c>
      <c r="IL38" s="219">
        <v>0</v>
      </c>
      <c r="IM38" s="220">
        <v>0</v>
      </c>
      <c r="IN38" s="470">
        <v>0</v>
      </c>
      <c r="IO38" s="109">
        <v>0</v>
      </c>
      <c r="IP38" s="109">
        <v>0</v>
      </c>
      <c r="IQ38" s="109">
        <v>0</v>
      </c>
      <c r="IR38" s="109">
        <v>0</v>
      </c>
      <c r="IS38" s="109">
        <v>0</v>
      </c>
      <c r="IT38" s="128">
        <v>0</v>
      </c>
      <c r="IU38" s="292">
        <v>0</v>
      </c>
      <c r="IV38" s="129">
        <v>0</v>
      </c>
      <c r="IW38" s="109">
        <v>0</v>
      </c>
      <c r="IX38" s="110">
        <v>0</v>
      </c>
      <c r="IY38" s="470">
        <v>0</v>
      </c>
      <c r="IZ38" s="109">
        <v>0</v>
      </c>
      <c r="JA38" s="109">
        <v>0</v>
      </c>
      <c r="JB38" s="109">
        <v>0</v>
      </c>
      <c r="JC38" s="109">
        <v>0</v>
      </c>
      <c r="JD38" s="109">
        <v>0</v>
      </c>
      <c r="JE38" s="110">
        <v>0</v>
      </c>
      <c r="JF38" s="111">
        <v>0</v>
      </c>
      <c r="JG38" s="129">
        <v>0</v>
      </c>
      <c r="JH38" s="109">
        <v>0</v>
      </c>
      <c r="JI38" s="128">
        <v>0</v>
      </c>
      <c r="JJ38" s="108">
        <v>0</v>
      </c>
      <c r="JK38" s="109">
        <v>0</v>
      </c>
      <c r="JL38" s="109">
        <v>0</v>
      </c>
      <c r="JM38" s="109">
        <v>50225</v>
      </c>
      <c r="JN38" s="109">
        <v>70361</v>
      </c>
      <c r="JO38" s="109">
        <v>0</v>
      </c>
      <c r="JP38" s="110">
        <v>120586</v>
      </c>
      <c r="JQ38" s="292">
        <v>120586</v>
      </c>
      <c r="JR38" s="129">
        <v>0</v>
      </c>
      <c r="JS38" s="109">
        <v>0</v>
      </c>
      <c r="JT38" s="128">
        <v>0</v>
      </c>
      <c r="JU38" s="108">
        <v>0</v>
      </c>
      <c r="JV38" s="109">
        <v>0</v>
      </c>
      <c r="JW38" s="109">
        <v>0</v>
      </c>
      <c r="JX38" s="109">
        <v>0</v>
      </c>
      <c r="JY38" s="109">
        <v>0</v>
      </c>
      <c r="JZ38" s="109">
        <v>0</v>
      </c>
      <c r="KA38" s="110">
        <v>0</v>
      </c>
      <c r="KB38" s="292">
        <v>0</v>
      </c>
      <c r="KC38" s="217">
        <v>0</v>
      </c>
      <c r="KD38" s="213">
        <v>0</v>
      </c>
      <c r="KE38" s="110">
        <v>0</v>
      </c>
      <c r="KF38" s="108">
        <v>0</v>
      </c>
      <c r="KG38" s="109">
        <v>0</v>
      </c>
      <c r="KH38" s="109">
        <v>0</v>
      </c>
      <c r="KI38" s="109">
        <v>0</v>
      </c>
      <c r="KJ38" s="109">
        <v>0</v>
      </c>
      <c r="KK38" s="109">
        <v>0</v>
      </c>
      <c r="KL38" s="110">
        <v>0</v>
      </c>
      <c r="KM38" s="130">
        <v>0</v>
      </c>
      <c r="KN38" s="215">
        <v>0</v>
      </c>
      <c r="KO38" s="219">
        <v>0</v>
      </c>
      <c r="KP38" s="220">
        <v>0</v>
      </c>
      <c r="KQ38" s="470">
        <v>0</v>
      </c>
      <c r="KR38" s="109">
        <v>0</v>
      </c>
      <c r="KS38" s="109">
        <v>0</v>
      </c>
      <c r="KT38" s="109">
        <v>347147</v>
      </c>
      <c r="KU38" s="109">
        <v>0</v>
      </c>
      <c r="KV38" s="109">
        <v>0</v>
      </c>
      <c r="KW38" s="110">
        <v>347147</v>
      </c>
      <c r="KX38" s="292">
        <v>347147</v>
      </c>
      <c r="KY38" s="129">
        <v>0</v>
      </c>
      <c r="KZ38" s="109">
        <v>0</v>
      </c>
      <c r="LA38" s="110">
        <v>0</v>
      </c>
      <c r="LB38" s="470">
        <v>0</v>
      </c>
      <c r="LC38" s="109">
        <v>0</v>
      </c>
      <c r="LD38" s="109">
        <v>0</v>
      </c>
      <c r="LE38" s="109">
        <v>0</v>
      </c>
      <c r="LF38" s="109">
        <v>0</v>
      </c>
      <c r="LG38" s="109">
        <v>0</v>
      </c>
      <c r="LH38" s="110">
        <v>0</v>
      </c>
      <c r="LI38" s="111">
        <v>0</v>
      </c>
      <c r="LJ38" s="129">
        <v>0</v>
      </c>
      <c r="LK38" s="109">
        <v>0</v>
      </c>
      <c r="LL38" s="110">
        <v>0</v>
      </c>
      <c r="LM38" s="470">
        <v>0</v>
      </c>
      <c r="LN38" s="109">
        <v>0</v>
      </c>
      <c r="LO38" s="109">
        <v>0</v>
      </c>
      <c r="LP38" s="109">
        <v>0</v>
      </c>
      <c r="LQ38" s="109">
        <v>0</v>
      </c>
      <c r="LR38" s="109">
        <v>0</v>
      </c>
      <c r="LS38" s="110">
        <v>0</v>
      </c>
      <c r="LT38" s="292">
        <v>0</v>
      </c>
      <c r="LU38" s="129">
        <v>0</v>
      </c>
      <c r="LV38" s="109">
        <v>0</v>
      </c>
      <c r="LW38" s="110">
        <v>0</v>
      </c>
      <c r="LX38" s="470">
        <v>0</v>
      </c>
      <c r="LY38" s="109">
        <v>0</v>
      </c>
      <c r="LZ38" s="109">
        <v>0</v>
      </c>
      <c r="MA38" s="109">
        <v>0</v>
      </c>
      <c r="MB38" s="109">
        <v>0</v>
      </c>
      <c r="MC38" s="109">
        <v>239532</v>
      </c>
      <c r="MD38" s="110">
        <v>239532</v>
      </c>
      <c r="ME38" s="111">
        <v>239532</v>
      </c>
      <c r="MF38" s="129">
        <v>0</v>
      </c>
      <c r="MG38" s="109">
        <v>0</v>
      </c>
      <c r="MH38" s="110">
        <v>0</v>
      </c>
      <c r="MI38" s="470">
        <v>0</v>
      </c>
      <c r="MJ38" s="109">
        <v>0</v>
      </c>
      <c r="MK38" s="109">
        <v>0</v>
      </c>
      <c r="ML38" s="109">
        <v>30100</v>
      </c>
      <c r="MM38" s="109">
        <v>0</v>
      </c>
      <c r="MN38" s="109">
        <v>1243153</v>
      </c>
      <c r="MO38" s="110">
        <v>1273253</v>
      </c>
      <c r="MP38" s="130">
        <v>1273253</v>
      </c>
      <c r="MQ38" s="129">
        <v>0</v>
      </c>
      <c r="MR38" s="109">
        <v>0</v>
      </c>
      <c r="MS38" s="110">
        <v>0</v>
      </c>
      <c r="MT38" s="470">
        <v>0</v>
      </c>
      <c r="MU38" s="109">
        <v>0</v>
      </c>
      <c r="MV38" s="109">
        <v>0</v>
      </c>
      <c r="MW38" s="109">
        <v>0</v>
      </c>
      <c r="MX38" s="109">
        <v>0</v>
      </c>
      <c r="MY38" s="109">
        <v>0</v>
      </c>
      <c r="MZ38" s="110">
        <v>0</v>
      </c>
      <c r="NA38" s="130">
        <v>0</v>
      </c>
      <c r="NB38" s="129">
        <v>0</v>
      </c>
      <c r="NC38" s="109">
        <v>0</v>
      </c>
      <c r="ND38" s="110">
        <v>0</v>
      </c>
      <c r="NE38" s="470">
        <v>0</v>
      </c>
      <c r="NF38" s="109">
        <v>0</v>
      </c>
      <c r="NG38" s="109">
        <v>0</v>
      </c>
      <c r="NH38" s="109">
        <v>30100</v>
      </c>
      <c r="NI38" s="109">
        <v>0</v>
      </c>
      <c r="NJ38" s="109">
        <v>330645</v>
      </c>
      <c r="NK38" s="110">
        <v>360745</v>
      </c>
      <c r="NL38" s="292">
        <v>360745</v>
      </c>
      <c r="NM38" s="129">
        <v>0</v>
      </c>
      <c r="NN38" s="109">
        <v>0</v>
      </c>
      <c r="NO38" s="110">
        <v>0</v>
      </c>
      <c r="NP38" s="470">
        <v>0</v>
      </c>
      <c r="NQ38" s="109">
        <v>0</v>
      </c>
      <c r="NR38" s="109">
        <v>0</v>
      </c>
      <c r="NS38" s="109">
        <v>0</v>
      </c>
      <c r="NT38" s="109">
        <v>0</v>
      </c>
      <c r="NU38" s="109">
        <v>0</v>
      </c>
      <c r="NV38" s="110">
        <v>0</v>
      </c>
      <c r="NW38" s="111">
        <v>0</v>
      </c>
      <c r="NX38" s="129">
        <v>0</v>
      </c>
      <c r="NY38" s="109">
        <v>0</v>
      </c>
      <c r="NZ38" s="110">
        <v>0</v>
      </c>
      <c r="OA38" s="470">
        <v>0</v>
      </c>
      <c r="OB38" s="109">
        <v>0</v>
      </c>
      <c r="OC38" s="109">
        <v>0</v>
      </c>
      <c r="OD38" s="109">
        <v>0</v>
      </c>
      <c r="OE38" s="109">
        <v>0</v>
      </c>
      <c r="OF38" s="109">
        <v>912508</v>
      </c>
      <c r="OG38" s="110">
        <v>912508</v>
      </c>
      <c r="OH38" s="111">
        <v>912508</v>
      </c>
      <c r="OI38" s="129">
        <v>18167</v>
      </c>
      <c r="OJ38" s="109">
        <v>197663</v>
      </c>
      <c r="OK38" s="128">
        <v>215830</v>
      </c>
      <c r="OL38" s="108">
        <v>0</v>
      </c>
      <c r="OM38" s="109">
        <v>519853</v>
      </c>
      <c r="ON38" s="109">
        <v>373236</v>
      </c>
      <c r="OO38" s="109">
        <v>1250608</v>
      </c>
      <c r="OP38" s="109">
        <v>607992</v>
      </c>
      <c r="OQ38" s="109">
        <v>1982750</v>
      </c>
      <c r="OR38" s="110">
        <v>4734439</v>
      </c>
      <c r="OS38" s="130">
        <v>4950269</v>
      </c>
    </row>
    <row r="39" spans="2:409" ht="21" customHeight="1" x14ac:dyDescent="0.2">
      <c r="B39" s="437" t="s">
        <v>34</v>
      </c>
      <c r="C39" s="100">
        <v>0</v>
      </c>
      <c r="D39" s="104">
        <v>37086</v>
      </c>
      <c r="E39" s="157">
        <v>37086</v>
      </c>
      <c r="F39" s="158">
        <v>0</v>
      </c>
      <c r="G39" s="159">
        <v>61838</v>
      </c>
      <c r="H39" s="159">
        <v>147875</v>
      </c>
      <c r="I39" s="159">
        <v>595733</v>
      </c>
      <c r="J39" s="159">
        <v>0</v>
      </c>
      <c r="K39" s="159">
        <v>0</v>
      </c>
      <c r="L39" s="160">
        <v>805446</v>
      </c>
      <c r="M39" s="106">
        <v>842532</v>
      </c>
      <c r="N39" s="100">
        <v>0</v>
      </c>
      <c r="O39" s="104">
        <v>34286</v>
      </c>
      <c r="P39" s="103">
        <v>34286</v>
      </c>
      <c r="Q39" s="100">
        <v>0</v>
      </c>
      <c r="R39" s="104">
        <v>58338</v>
      </c>
      <c r="S39" s="104">
        <v>52584</v>
      </c>
      <c r="T39" s="104">
        <v>58541</v>
      </c>
      <c r="U39" s="104">
        <v>0</v>
      </c>
      <c r="V39" s="104">
        <v>0</v>
      </c>
      <c r="W39" s="103">
        <v>169463</v>
      </c>
      <c r="X39" s="106">
        <v>203749</v>
      </c>
      <c r="Y39" s="100">
        <v>0</v>
      </c>
      <c r="Z39" s="104">
        <v>0</v>
      </c>
      <c r="AA39" s="103">
        <v>0</v>
      </c>
      <c r="AB39" s="100">
        <v>0</v>
      </c>
      <c r="AC39" s="104">
        <v>42805</v>
      </c>
      <c r="AD39" s="104">
        <v>0</v>
      </c>
      <c r="AE39" s="104">
        <v>0</v>
      </c>
      <c r="AF39" s="104">
        <v>0</v>
      </c>
      <c r="AG39" s="104">
        <v>0</v>
      </c>
      <c r="AH39" s="103">
        <v>42805</v>
      </c>
      <c r="AI39" s="106">
        <v>42805</v>
      </c>
      <c r="AJ39" s="100">
        <v>0</v>
      </c>
      <c r="AK39" s="104">
        <v>0</v>
      </c>
      <c r="AL39" s="103">
        <v>0</v>
      </c>
      <c r="AM39" s="100">
        <v>0</v>
      </c>
      <c r="AN39" s="104">
        <v>0</v>
      </c>
      <c r="AO39" s="104">
        <v>0</v>
      </c>
      <c r="AP39" s="104">
        <v>29848</v>
      </c>
      <c r="AQ39" s="104">
        <v>0</v>
      </c>
      <c r="AR39" s="104">
        <v>0</v>
      </c>
      <c r="AS39" s="103">
        <v>29848</v>
      </c>
      <c r="AT39" s="106">
        <v>29848</v>
      </c>
      <c r="AU39" s="100">
        <v>0</v>
      </c>
      <c r="AV39" s="104">
        <v>34286</v>
      </c>
      <c r="AW39" s="103">
        <v>34286</v>
      </c>
      <c r="AX39" s="100">
        <v>0</v>
      </c>
      <c r="AY39" s="104">
        <v>0</v>
      </c>
      <c r="AZ39" s="104">
        <v>0</v>
      </c>
      <c r="BA39" s="104">
        <v>0</v>
      </c>
      <c r="BB39" s="104">
        <v>0</v>
      </c>
      <c r="BC39" s="104">
        <v>0</v>
      </c>
      <c r="BD39" s="103">
        <v>0</v>
      </c>
      <c r="BE39" s="106">
        <v>34286</v>
      </c>
      <c r="BF39" s="100">
        <v>0</v>
      </c>
      <c r="BG39" s="104">
        <v>0</v>
      </c>
      <c r="BH39" s="102">
        <v>0</v>
      </c>
      <c r="BI39" s="101">
        <v>0</v>
      </c>
      <c r="BJ39" s="104">
        <v>0</v>
      </c>
      <c r="BK39" s="104">
        <v>52584</v>
      </c>
      <c r="BL39" s="104">
        <v>15155</v>
      </c>
      <c r="BM39" s="104">
        <v>0</v>
      </c>
      <c r="BN39" s="104">
        <v>0</v>
      </c>
      <c r="BO39" s="103">
        <v>67739</v>
      </c>
      <c r="BP39" s="106">
        <v>67739</v>
      </c>
      <c r="BQ39" s="100">
        <v>0</v>
      </c>
      <c r="BR39" s="104">
        <v>0</v>
      </c>
      <c r="BS39" s="103">
        <v>0</v>
      </c>
      <c r="BT39" s="100">
        <v>0</v>
      </c>
      <c r="BU39" s="104">
        <v>15533</v>
      </c>
      <c r="BV39" s="104">
        <v>0</v>
      </c>
      <c r="BW39" s="104">
        <v>13538</v>
      </c>
      <c r="BX39" s="104">
        <v>0</v>
      </c>
      <c r="BY39" s="104">
        <v>0</v>
      </c>
      <c r="BZ39" s="103">
        <v>29071</v>
      </c>
      <c r="CA39" s="106">
        <v>29071</v>
      </c>
      <c r="CB39" s="100">
        <v>0</v>
      </c>
      <c r="CC39" s="104">
        <v>0</v>
      </c>
      <c r="CD39" s="103">
        <v>0</v>
      </c>
      <c r="CE39" s="100">
        <v>0</v>
      </c>
      <c r="CF39" s="104">
        <v>0</v>
      </c>
      <c r="CG39" s="104">
        <v>84441</v>
      </c>
      <c r="CH39" s="104">
        <v>169981</v>
      </c>
      <c r="CI39" s="104">
        <v>0</v>
      </c>
      <c r="CJ39" s="104">
        <v>0</v>
      </c>
      <c r="CK39" s="103">
        <v>254422</v>
      </c>
      <c r="CL39" s="106">
        <v>254422</v>
      </c>
      <c r="CM39" s="100">
        <v>0</v>
      </c>
      <c r="CN39" s="104">
        <v>0</v>
      </c>
      <c r="CO39" s="103">
        <v>0</v>
      </c>
      <c r="CP39" s="101">
        <v>0</v>
      </c>
      <c r="CQ39" s="104">
        <v>0</v>
      </c>
      <c r="CR39" s="104">
        <v>84441</v>
      </c>
      <c r="CS39" s="104">
        <v>169981</v>
      </c>
      <c r="CT39" s="104">
        <v>0</v>
      </c>
      <c r="CU39" s="104">
        <v>0</v>
      </c>
      <c r="CV39" s="103">
        <v>254422</v>
      </c>
      <c r="CW39" s="106">
        <v>254422</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16870</v>
      </c>
      <c r="DP39" s="104">
        <v>0</v>
      </c>
      <c r="DQ39" s="104">
        <v>0</v>
      </c>
      <c r="DR39" s="103">
        <v>16870</v>
      </c>
      <c r="DS39" s="106">
        <v>16870</v>
      </c>
      <c r="DT39" s="100">
        <v>0</v>
      </c>
      <c r="DU39" s="104">
        <v>0</v>
      </c>
      <c r="DV39" s="103">
        <v>0</v>
      </c>
      <c r="DW39" s="100">
        <v>0</v>
      </c>
      <c r="DX39" s="104">
        <v>0</v>
      </c>
      <c r="DY39" s="104">
        <v>0</v>
      </c>
      <c r="DZ39" s="104">
        <v>16870</v>
      </c>
      <c r="EA39" s="104">
        <v>0</v>
      </c>
      <c r="EB39" s="104">
        <v>0</v>
      </c>
      <c r="EC39" s="103">
        <v>16870</v>
      </c>
      <c r="ED39" s="106">
        <v>1687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470">
        <v>0</v>
      </c>
      <c r="FE39" s="104">
        <v>0</v>
      </c>
      <c r="FF39" s="104">
        <v>0</v>
      </c>
      <c r="FG39" s="104">
        <v>0</v>
      </c>
      <c r="FH39" s="104">
        <v>0</v>
      </c>
      <c r="FI39" s="104">
        <v>0</v>
      </c>
      <c r="FJ39" s="103">
        <v>0</v>
      </c>
      <c r="FK39" s="106">
        <v>0</v>
      </c>
      <c r="FL39" s="100">
        <v>0</v>
      </c>
      <c r="FM39" s="104">
        <v>2800</v>
      </c>
      <c r="FN39" s="103">
        <v>2800</v>
      </c>
      <c r="FO39" s="100">
        <v>0</v>
      </c>
      <c r="FP39" s="104">
        <v>3500</v>
      </c>
      <c r="FQ39" s="104">
        <v>10850</v>
      </c>
      <c r="FR39" s="104">
        <v>1400</v>
      </c>
      <c r="FS39" s="104">
        <v>0</v>
      </c>
      <c r="FT39" s="104">
        <v>0</v>
      </c>
      <c r="FU39" s="103">
        <v>15750</v>
      </c>
      <c r="FV39" s="106">
        <v>18550</v>
      </c>
      <c r="FW39" s="105">
        <v>0</v>
      </c>
      <c r="FX39" s="104">
        <v>2800</v>
      </c>
      <c r="FY39" s="102">
        <v>2800</v>
      </c>
      <c r="FZ39" s="101">
        <v>0</v>
      </c>
      <c r="GA39" s="104">
        <v>3500</v>
      </c>
      <c r="GB39" s="104">
        <v>10850</v>
      </c>
      <c r="GC39" s="104">
        <v>1400</v>
      </c>
      <c r="GD39" s="104">
        <v>0</v>
      </c>
      <c r="GE39" s="104">
        <v>0</v>
      </c>
      <c r="GF39" s="103">
        <v>15750</v>
      </c>
      <c r="GG39" s="290">
        <v>18550</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0</v>
      </c>
      <c r="HJ39" s="104">
        <v>348941</v>
      </c>
      <c r="HK39" s="104">
        <v>0</v>
      </c>
      <c r="HL39" s="104">
        <v>0</v>
      </c>
      <c r="HM39" s="103">
        <v>348941</v>
      </c>
      <c r="HN39" s="99">
        <v>348941</v>
      </c>
      <c r="HO39" s="456">
        <v>0</v>
      </c>
      <c r="HP39" s="457">
        <v>0</v>
      </c>
      <c r="HQ39" s="458">
        <v>0</v>
      </c>
      <c r="HR39" s="459">
        <v>0</v>
      </c>
      <c r="HS39" s="457">
        <v>0</v>
      </c>
      <c r="HT39" s="457">
        <v>0</v>
      </c>
      <c r="HU39" s="457">
        <v>0</v>
      </c>
      <c r="HV39" s="457">
        <v>0</v>
      </c>
      <c r="HW39" s="457">
        <v>0</v>
      </c>
      <c r="HX39" s="460">
        <v>0</v>
      </c>
      <c r="HY39" s="461">
        <v>0</v>
      </c>
      <c r="HZ39" s="118">
        <v>0</v>
      </c>
      <c r="IA39" s="119">
        <v>0</v>
      </c>
      <c r="IB39" s="120">
        <v>0</v>
      </c>
      <c r="IC39" s="131">
        <v>0</v>
      </c>
      <c r="ID39" s="119">
        <v>98350</v>
      </c>
      <c r="IE39" s="132">
        <v>0</v>
      </c>
      <c r="IF39" s="120">
        <v>0</v>
      </c>
      <c r="IG39" s="119">
        <v>0</v>
      </c>
      <c r="IH39" s="120">
        <v>0</v>
      </c>
      <c r="II39" s="133">
        <v>98350</v>
      </c>
      <c r="IJ39" s="126">
        <v>98350</v>
      </c>
      <c r="IK39" s="215">
        <v>0</v>
      </c>
      <c r="IL39" s="219">
        <v>0</v>
      </c>
      <c r="IM39" s="220">
        <v>0</v>
      </c>
      <c r="IN39" s="470">
        <v>0</v>
      </c>
      <c r="IO39" s="109">
        <v>0</v>
      </c>
      <c r="IP39" s="109">
        <v>0</v>
      </c>
      <c r="IQ39" s="109">
        <v>0</v>
      </c>
      <c r="IR39" s="109">
        <v>0</v>
      </c>
      <c r="IS39" s="109">
        <v>0</v>
      </c>
      <c r="IT39" s="128">
        <v>0</v>
      </c>
      <c r="IU39" s="292">
        <v>0</v>
      </c>
      <c r="IV39" s="129">
        <v>0</v>
      </c>
      <c r="IW39" s="109">
        <v>0</v>
      </c>
      <c r="IX39" s="110">
        <v>0</v>
      </c>
      <c r="IY39" s="470">
        <v>0</v>
      </c>
      <c r="IZ39" s="109">
        <v>0</v>
      </c>
      <c r="JA39" s="109">
        <v>0</v>
      </c>
      <c r="JB39" s="109">
        <v>0</v>
      </c>
      <c r="JC39" s="109">
        <v>0</v>
      </c>
      <c r="JD39" s="109">
        <v>0</v>
      </c>
      <c r="JE39" s="110">
        <v>0</v>
      </c>
      <c r="JF39" s="111">
        <v>0</v>
      </c>
      <c r="JG39" s="129">
        <v>0</v>
      </c>
      <c r="JH39" s="109">
        <v>0</v>
      </c>
      <c r="JI39" s="128">
        <v>0</v>
      </c>
      <c r="JJ39" s="108">
        <v>0</v>
      </c>
      <c r="JK39" s="109">
        <v>0</v>
      </c>
      <c r="JL39" s="109">
        <v>0</v>
      </c>
      <c r="JM39" s="109">
        <v>0</v>
      </c>
      <c r="JN39" s="109">
        <v>0</v>
      </c>
      <c r="JO39" s="109">
        <v>0</v>
      </c>
      <c r="JP39" s="110">
        <v>0</v>
      </c>
      <c r="JQ39" s="292">
        <v>0</v>
      </c>
      <c r="JR39" s="129">
        <v>0</v>
      </c>
      <c r="JS39" s="109">
        <v>0</v>
      </c>
      <c r="JT39" s="128">
        <v>0</v>
      </c>
      <c r="JU39" s="108">
        <v>0</v>
      </c>
      <c r="JV39" s="109">
        <v>0</v>
      </c>
      <c r="JW39" s="109">
        <v>0</v>
      </c>
      <c r="JX39" s="109">
        <v>0</v>
      </c>
      <c r="JY39" s="109">
        <v>0</v>
      </c>
      <c r="JZ39" s="109">
        <v>0</v>
      </c>
      <c r="KA39" s="110">
        <v>0</v>
      </c>
      <c r="KB39" s="292">
        <v>0</v>
      </c>
      <c r="KC39" s="217">
        <v>0</v>
      </c>
      <c r="KD39" s="213">
        <v>0</v>
      </c>
      <c r="KE39" s="110">
        <v>0</v>
      </c>
      <c r="KF39" s="108">
        <v>0</v>
      </c>
      <c r="KG39" s="109">
        <v>98350</v>
      </c>
      <c r="KH39" s="109">
        <v>0</v>
      </c>
      <c r="KI39" s="109">
        <v>0</v>
      </c>
      <c r="KJ39" s="109">
        <v>0</v>
      </c>
      <c r="KK39" s="109">
        <v>0</v>
      </c>
      <c r="KL39" s="110">
        <v>98350</v>
      </c>
      <c r="KM39" s="130">
        <v>98350</v>
      </c>
      <c r="KN39" s="215">
        <v>0</v>
      </c>
      <c r="KO39" s="219">
        <v>0</v>
      </c>
      <c r="KP39" s="220">
        <v>0</v>
      </c>
      <c r="KQ39" s="470">
        <v>0</v>
      </c>
      <c r="KR39" s="109">
        <v>0</v>
      </c>
      <c r="KS39" s="109">
        <v>0</v>
      </c>
      <c r="KT39" s="109">
        <v>0</v>
      </c>
      <c r="KU39" s="109">
        <v>0</v>
      </c>
      <c r="KV39" s="109">
        <v>0</v>
      </c>
      <c r="KW39" s="110">
        <v>0</v>
      </c>
      <c r="KX39" s="292">
        <v>0</v>
      </c>
      <c r="KY39" s="129">
        <v>0</v>
      </c>
      <c r="KZ39" s="109">
        <v>0</v>
      </c>
      <c r="LA39" s="110">
        <v>0</v>
      </c>
      <c r="LB39" s="470">
        <v>0</v>
      </c>
      <c r="LC39" s="109">
        <v>0</v>
      </c>
      <c r="LD39" s="109">
        <v>0</v>
      </c>
      <c r="LE39" s="109">
        <v>0</v>
      </c>
      <c r="LF39" s="109">
        <v>0</v>
      </c>
      <c r="LG39" s="109">
        <v>0</v>
      </c>
      <c r="LH39" s="110">
        <v>0</v>
      </c>
      <c r="LI39" s="111">
        <v>0</v>
      </c>
      <c r="LJ39" s="129">
        <v>0</v>
      </c>
      <c r="LK39" s="109">
        <v>0</v>
      </c>
      <c r="LL39" s="110">
        <v>0</v>
      </c>
      <c r="LM39" s="470">
        <v>0</v>
      </c>
      <c r="LN39" s="109">
        <v>0</v>
      </c>
      <c r="LO39" s="109">
        <v>0</v>
      </c>
      <c r="LP39" s="109">
        <v>0</v>
      </c>
      <c r="LQ39" s="109">
        <v>0</v>
      </c>
      <c r="LR39" s="109">
        <v>0</v>
      </c>
      <c r="LS39" s="110">
        <v>0</v>
      </c>
      <c r="LT39" s="292">
        <v>0</v>
      </c>
      <c r="LU39" s="129">
        <v>0</v>
      </c>
      <c r="LV39" s="109">
        <v>0</v>
      </c>
      <c r="LW39" s="110">
        <v>0</v>
      </c>
      <c r="LX39" s="470">
        <v>0</v>
      </c>
      <c r="LY39" s="109">
        <v>0</v>
      </c>
      <c r="LZ39" s="109">
        <v>0</v>
      </c>
      <c r="MA39" s="109">
        <v>0</v>
      </c>
      <c r="MB39" s="109">
        <v>0</v>
      </c>
      <c r="MC39" s="109">
        <v>0</v>
      </c>
      <c r="MD39" s="110">
        <v>0</v>
      </c>
      <c r="ME39" s="111">
        <v>0</v>
      </c>
      <c r="MF39" s="129">
        <v>0</v>
      </c>
      <c r="MG39" s="109">
        <v>0</v>
      </c>
      <c r="MH39" s="110">
        <v>0</v>
      </c>
      <c r="MI39" s="470">
        <v>0</v>
      </c>
      <c r="MJ39" s="109">
        <v>0</v>
      </c>
      <c r="MK39" s="109">
        <v>0</v>
      </c>
      <c r="ML39" s="109">
        <v>0</v>
      </c>
      <c r="MM39" s="109">
        <v>252601</v>
      </c>
      <c r="MN39" s="109">
        <v>0</v>
      </c>
      <c r="MO39" s="110">
        <v>252601</v>
      </c>
      <c r="MP39" s="130">
        <v>252601</v>
      </c>
      <c r="MQ39" s="129">
        <v>0</v>
      </c>
      <c r="MR39" s="109">
        <v>0</v>
      </c>
      <c r="MS39" s="110">
        <v>0</v>
      </c>
      <c r="MT39" s="470">
        <v>0</v>
      </c>
      <c r="MU39" s="109">
        <v>0</v>
      </c>
      <c r="MV39" s="109">
        <v>0</v>
      </c>
      <c r="MW39" s="109">
        <v>0</v>
      </c>
      <c r="MX39" s="109">
        <v>0</v>
      </c>
      <c r="MY39" s="109">
        <v>0</v>
      </c>
      <c r="MZ39" s="110">
        <v>0</v>
      </c>
      <c r="NA39" s="130">
        <v>0</v>
      </c>
      <c r="NB39" s="129">
        <v>0</v>
      </c>
      <c r="NC39" s="109">
        <v>0</v>
      </c>
      <c r="ND39" s="110">
        <v>0</v>
      </c>
      <c r="NE39" s="470">
        <v>0</v>
      </c>
      <c r="NF39" s="109">
        <v>0</v>
      </c>
      <c r="NG39" s="109">
        <v>0</v>
      </c>
      <c r="NH39" s="109">
        <v>0</v>
      </c>
      <c r="NI39" s="109">
        <v>252601</v>
      </c>
      <c r="NJ39" s="109">
        <v>0</v>
      </c>
      <c r="NK39" s="110">
        <v>252601</v>
      </c>
      <c r="NL39" s="292">
        <v>252601</v>
      </c>
      <c r="NM39" s="129">
        <v>0</v>
      </c>
      <c r="NN39" s="109">
        <v>0</v>
      </c>
      <c r="NO39" s="110">
        <v>0</v>
      </c>
      <c r="NP39" s="470">
        <v>0</v>
      </c>
      <c r="NQ39" s="109">
        <v>0</v>
      </c>
      <c r="NR39" s="109">
        <v>0</v>
      </c>
      <c r="NS39" s="109">
        <v>0</v>
      </c>
      <c r="NT39" s="109">
        <v>0</v>
      </c>
      <c r="NU39" s="109">
        <v>0</v>
      </c>
      <c r="NV39" s="110">
        <v>0</v>
      </c>
      <c r="NW39" s="111">
        <v>0</v>
      </c>
      <c r="NX39" s="129">
        <v>0</v>
      </c>
      <c r="NY39" s="109">
        <v>0</v>
      </c>
      <c r="NZ39" s="110">
        <v>0</v>
      </c>
      <c r="OA39" s="470">
        <v>0</v>
      </c>
      <c r="OB39" s="109">
        <v>0</v>
      </c>
      <c r="OC39" s="109">
        <v>0</v>
      </c>
      <c r="OD39" s="109">
        <v>0</v>
      </c>
      <c r="OE39" s="109">
        <v>0</v>
      </c>
      <c r="OF39" s="109">
        <v>0</v>
      </c>
      <c r="OG39" s="110">
        <v>0</v>
      </c>
      <c r="OH39" s="111">
        <v>0</v>
      </c>
      <c r="OI39" s="129">
        <v>0</v>
      </c>
      <c r="OJ39" s="109">
        <v>37086</v>
      </c>
      <c r="OK39" s="128">
        <v>37086</v>
      </c>
      <c r="OL39" s="108">
        <v>0</v>
      </c>
      <c r="OM39" s="109">
        <v>160188</v>
      </c>
      <c r="ON39" s="109">
        <v>147875</v>
      </c>
      <c r="OO39" s="109">
        <v>595733</v>
      </c>
      <c r="OP39" s="109">
        <v>252601</v>
      </c>
      <c r="OQ39" s="109">
        <v>0</v>
      </c>
      <c r="OR39" s="110">
        <v>1156397</v>
      </c>
      <c r="OS39" s="130">
        <v>1193483</v>
      </c>
    </row>
    <row r="40" spans="2:409" ht="21" customHeight="1" x14ac:dyDescent="0.2">
      <c r="B40" s="437" t="s">
        <v>35</v>
      </c>
      <c r="C40" s="100">
        <v>225666</v>
      </c>
      <c r="D40" s="104">
        <v>143904</v>
      </c>
      <c r="E40" s="103">
        <v>369570</v>
      </c>
      <c r="F40" s="99">
        <v>0</v>
      </c>
      <c r="G40" s="104">
        <v>612156</v>
      </c>
      <c r="H40" s="104">
        <v>394907</v>
      </c>
      <c r="I40" s="104">
        <v>815955</v>
      </c>
      <c r="J40" s="104">
        <v>730743</v>
      </c>
      <c r="K40" s="104">
        <v>184730</v>
      </c>
      <c r="L40" s="156">
        <v>2738491</v>
      </c>
      <c r="M40" s="106">
        <v>3108061</v>
      </c>
      <c r="N40" s="100">
        <v>37534</v>
      </c>
      <c r="O40" s="104">
        <v>40696</v>
      </c>
      <c r="P40" s="103">
        <v>78230</v>
      </c>
      <c r="Q40" s="100">
        <v>0</v>
      </c>
      <c r="R40" s="104">
        <v>289106</v>
      </c>
      <c r="S40" s="104">
        <v>251925</v>
      </c>
      <c r="T40" s="104">
        <v>279790</v>
      </c>
      <c r="U40" s="104">
        <v>83895</v>
      </c>
      <c r="V40" s="104">
        <v>17423</v>
      </c>
      <c r="W40" s="103">
        <v>922139</v>
      </c>
      <c r="X40" s="106">
        <v>1000369</v>
      </c>
      <c r="Y40" s="100">
        <v>0</v>
      </c>
      <c r="Z40" s="104">
        <v>0</v>
      </c>
      <c r="AA40" s="103">
        <v>0</v>
      </c>
      <c r="AB40" s="100">
        <v>0</v>
      </c>
      <c r="AC40" s="104">
        <v>108308</v>
      </c>
      <c r="AD40" s="104">
        <v>130552</v>
      </c>
      <c r="AE40" s="104">
        <v>59409</v>
      </c>
      <c r="AF40" s="104">
        <v>0</v>
      </c>
      <c r="AG40" s="104">
        <v>0</v>
      </c>
      <c r="AH40" s="103">
        <v>298269</v>
      </c>
      <c r="AI40" s="106">
        <v>298269</v>
      </c>
      <c r="AJ40" s="100">
        <v>0</v>
      </c>
      <c r="AK40" s="104">
        <v>0</v>
      </c>
      <c r="AL40" s="103">
        <v>0</v>
      </c>
      <c r="AM40" s="100">
        <v>0</v>
      </c>
      <c r="AN40" s="104">
        <v>0</v>
      </c>
      <c r="AO40" s="104">
        <v>0</v>
      </c>
      <c r="AP40" s="104">
        <v>0</v>
      </c>
      <c r="AQ40" s="104">
        <v>0</v>
      </c>
      <c r="AR40" s="104">
        <v>0</v>
      </c>
      <c r="AS40" s="103">
        <v>0</v>
      </c>
      <c r="AT40" s="106">
        <v>0</v>
      </c>
      <c r="AU40" s="100">
        <v>0</v>
      </c>
      <c r="AV40" s="104">
        <v>6564</v>
      </c>
      <c r="AW40" s="103">
        <v>6564</v>
      </c>
      <c r="AX40" s="100">
        <v>0</v>
      </c>
      <c r="AY40" s="104">
        <v>93039</v>
      </c>
      <c r="AZ40" s="104">
        <v>110887</v>
      </c>
      <c r="BA40" s="104">
        <v>164276</v>
      </c>
      <c r="BB40" s="104">
        <v>0</v>
      </c>
      <c r="BC40" s="104">
        <v>10598</v>
      </c>
      <c r="BD40" s="103">
        <v>378800</v>
      </c>
      <c r="BE40" s="106">
        <v>385364</v>
      </c>
      <c r="BF40" s="100">
        <v>0</v>
      </c>
      <c r="BG40" s="104">
        <v>0</v>
      </c>
      <c r="BH40" s="102">
        <v>0</v>
      </c>
      <c r="BI40" s="101">
        <v>0</v>
      </c>
      <c r="BJ40" s="104">
        <v>52080</v>
      </c>
      <c r="BK40" s="104">
        <v>0</v>
      </c>
      <c r="BL40" s="104">
        <v>0</v>
      </c>
      <c r="BM40" s="104">
        <v>47271</v>
      </c>
      <c r="BN40" s="104">
        <v>0</v>
      </c>
      <c r="BO40" s="103">
        <v>99351</v>
      </c>
      <c r="BP40" s="106">
        <v>99351</v>
      </c>
      <c r="BQ40" s="100">
        <v>37534</v>
      </c>
      <c r="BR40" s="104">
        <v>34132</v>
      </c>
      <c r="BS40" s="103">
        <v>71666</v>
      </c>
      <c r="BT40" s="100">
        <v>0</v>
      </c>
      <c r="BU40" s="104">
        <v>35679</v>
      </c>
      <c r="BV40" s="104">
        <v>10486</v>
      </c>
      <c r="BW40" s="104">
        <v>56105</v>
      </c>
      <c r="BX40" s="104">
        <v>36624</v>
      </c>
      <c r="BY40" s="104">
        <v>6825</v>
      </c>
      <c r="BZ40" s="103">
        <v>145719</v>
      </c>
      <c r="CA40" s="106">
        <v>217385</v>
      </c>
      <c r="CB40" s="100">
        <v>0</v>
      </c>
      <c r="CC40" s="104">
        <v>0</v>
      </c>
      <c r="CD40" s="103">
        <v>0</v>
      </c>
      <c r="CE40" s="100">
        <v>0</v>
      </c>
      <c r="CF40" s="104">
        <v>17234</v>
      </c>
      <c r="CG40" s="104">
        <v>52409</v>
      </c>
      <c r="CH40" s="104">
        <v>78787</v>
      </c>
      <c r="CI40" s="104">
        <v>33152</v>
      </c>
      <c r="CJ40" s="104">
        <v>41342</v>
      </c>
      <c r="CK40" s="103">
        <v>222924</v>
      </c>
      <c r="CL40" s="106">
        <v>222924</v>
      </c>
      <c r="CM40" s="100">
        <v>0</v>
      </c>
      <c r="CN40" s="104">
        <v>0</v>
      </c>
      <c r="CO40" s="103">
        <v>0</v>
      </c>
      <c r="CP40" s="101">
        <v>0</v>
      </c>
      <c r="CQ40" s="104">
        <v>0</v>
      </c>
      <c r="CR40" s="104">
        <v>12383</v>
      </c>
      <c r="CS40" s="104">
        <v>16485</v>
      </c>
      <c r="CT40" s="104">
        <v>33152</v>
      </c>
      <c r="CU40" s="104">
        <v>41342</v>
      </c>
      <c r="CV40" s="103">
        <v>103362</v>
      </c>
      <c r="CW40" s="106">
        <v>103362</v>
      </c>
      <c r="CX40" s="100">
        <v>0</v>
      </c>
      <c r="CY40" s="104">
        <v>0</v>
      </c>
      <c r="CZ40" s="103">
        <v>0</v>
      </c>
      <c r="DA40" s="100">
        <v>0</v>
      </c>
      <c r="DB40" s="104">
        <v>17234</v>
      </c>
      <c r="DC40" s="104">
        <v>40026</v>
      </c>
      <c r="DD40" s="104">
        <v>62302</v>
      </c>
      <c r="DE40" s="104">
        <v>0</v>
      </c>
      <c r="DF40" s="104">
        <v>0</v>
      </c>
      <c r="DG40" s="103">
        <v>119562</v>
      </c>
      <c r="DH40" s="106">
        <v>119562</v>
      </c>
      <c r="DI40" s="100">
        <v>0</v>
      </c>
      <c r="DJ40" s="104">
        <v>0</v>
      </c>
      <c r="DK40" s="102">
        <v>0</v>
      </c>
      <c r="DL40" s="101">
        <v>0</v>
      </c>
      <c r="DM40" s="104">
        <v>0</v>
      </c>
      <c r="DN40" s="104">
        <v>0</v>
      </c>
      <c r="DO40" s="104">
        <v>0</v>
      </c>
      <c r="DP40" s="104">
        <v>0</v>
      </c>
      <c r="DQ40" s="104">
        <v>103845</v>
      </c>
      <c r="DR40" s="103">
        <v>103845</v>
      </c>
      <c r="DS40" s="106">
        <v>103845</v>
      </c>
      <c r="DT40" s="100">
        <v>0</v>
      </c>
      <c r="DU40" s="104">
        <v>0</v>
      </c>
      <c r="DV40" s="103">
        <v>0</v>
      </c>
      <c r="DW40" s="100">
        <v>0</v>
      </c>
      <c r="DX40" s="104">
        <v>0</v>
      </c>
      <c r="DY40" s="104">
        <v>0</v>
      </c>
      <c r="DZ40" s="104">
        <v>0</v>
      </c>
      <c r="EA40" s="104">
        <v>0</v>
      </c>
      <c r="EB40" s="104">
        <v>103845</v>
      </c>
      <c r="EC40" s="103">
        <v>103845</v>
      </c>
      <c r="ED40" s="106">
        <v>103845</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470">
        <v>0</v>
      </c>
      <c r="FE40" s="104">
        <v>0</v>
      </c>
      <c r="FF40" s="104">
        <v>0</v>
      </c>
      <c r="FG40" s="104">
        <v>0</v>
      </c>
      <c r="FH40" s="104">
        <v>0</v>
      </c>
      <c r="FI40" s="104">
        <v>0</v>
      </c>
      <c r="FJ40" s="103">
        <v>0</v>
      </c>
      <c r="FK40" s="106">
        <v>0</v>
      </c>
      <c r="FL40" s="100">
        <v>0</v>
      </c>
      <c r="FM40" s="104">
        <v>21462</v>
      </c>
      <c r="FN40" s="103">
        <v>21462</v>
      </c>
      <c r="FO40" s="100">
        <v>0</v>
      </c>
      <c r="FP40" s="104">
        <v>39270</v>
      </c>
      <c r="FQ40" s="104">
        <v>90573</v>
      </c>
      <c r="FR40" s="104">
        <v>115374</v>
      </c>
      <c r="FS40" s="104">
        <v>55720</v>
      </c>
      <c r="FT40" s="104">
        <v>22120</v>
      </c>
      <c r="FU40" s="103">
        <v>323057</v>
      </c>
      <c r="FV40" s="106">
        <v>344519</v>
      </c>
      <c r="FW40" s="105">
        <v>0</v>
      </c>
      <c r="FX40" s="104">
        <v>1750</v>
      </c>
      <c r="FY40" s="102">
        <v>1750</v>
      </c>
      <c r="FZ40" s="101">
        <v>0</v>
      </c>
      <c r="GA40" s="104">
        <v>39270</v>
      </c>
      <c r="GB40" s="104">
        <v>90573</v>
      </c>
      <c r="GC40" s="104">
        <v>115374</v>
      </c>
      <c r="GD40" s="104">
        <v>55720</v>
      </c>
      <c r="GE40" s="104">
        <v>22120</v>
      </c>
      <c r="GF40" s="103">
        <v>323057</v>
      </c>
      <c r="GG40" s="290">
        <v>324807</v>
      </c>
      <c r="GH40" s="105">
        <v>0</v>
      </c>
      <c r="GI40" s="104">
        <v>19712</v>
      </c>
      <c r="GJ40" s="102">
        <v>19712</v>
      </c>
      <c r="GK40" s="101">
        <v>0</v>
      </c>
      <c r="GL40" s="104">
        <v>0</v>
      </c>
      <c r="GM40" s="104">
        <v>0</v>
      </c>
      <c r="GN40" s="104">
        <v>0</v>
      </c>
      <c r="GO40" s="104">
        <v>0</v>
      </c>
      <c r="GP40" s="104">
        <v>0</v>
      </c>
      <c r="GQ40" s="103">
        <v>0</v>
      </c>
      <c r="GR40" s="106">
        <v>19712</v>
      </c>
      <c r="GS40" s="100">
        <v>0</v>
      </c>
      <c r="GT40" s="104">
        <v>0</v>
      </c>
      <c r="GU40" s="103">
        <v>0</v>
      </c>
      <c r="GV40" s="100">
        <v>0</v>
      </c>
      <c r="GW40" s="104">
        <v>0</v>
      </c>
      <c r="GX40" s="104">
        <v>0</v>
      </c>
      <c r="GY40" s="104">
        <v>0</v>
      </c>
      <c r="GZ40" s="104">
        <v>0</v>
      </c>
      <c r="HA40" s="104">
        <v>0</v>
      </c>
      <c r="HB40" s="102">
        <v>0</v>
      </c>
      <c r="HC40" s="106">
        <v>0</v>
      </c>
      <c r="HD40" s="100">
        <v>188132</v>
      </c>
      <c r="HE40" s="104">
        <v>81746</v>
      </c>
      <c r="HF40" s="102">
        <v>269878</v>
      </c>
      <c r="HG40" s="101">
        <v>0</v>
      </c>
      <c r="HH40" s="104">
        <v>266546</v>
      </c>
      <c r="HI40" s="104">
        <v>0</v>
      </c>
      <c r="HJ40" s="104">
        <v>342004</v>
      </c>
      <c r="HK40" s="104">
        <v>557976</v>
      </c>
      <c r="HL40" s="104">
        <v>0</v>
      </c>
      <c r="HM40" s="103">
        <v>1166526</v>
      </c>
      <c r="HN40" s="99">
        <v>1436404</v>
      </c>
      <c r="HO40" s="456">
        <v>0</v>
      </c>
      <c r="HP40" s="457">
        <v>0</v>
      </c>
      <c r="HQ40" s="458">
        <v>0</v>
      </c>
      <c r="HR40" s="459">
        <v>0</v>
      </c>
      <c r="HS40" s="457">
        <v>0</v>
      </c>
      <c r="HT40" s="457">
        <v>0</v>
      </c>
      <c r="HU40" s="457">
        <v>0</v>
      </c>
      <c r="HV40" s="457">
        <v>0</v>
      </c>
      <c r="HW40" s="457">
        <v>0</v>
      </c>
      <c r="HX40" s="460">
        <v>0</v>
      </c>
      <c r="HY40" s="461">
        <v>0</v>
      </c>
      <c r="HZ40" s="135">
        <v>0</v>
      </c>
      <c r="IA40" s="122">
        <v>0</v>
      </c>
      <c r="IB40" s="135">
        <v>0</v>
      </c>
      <c r="IC40" s="131">
        <v>0</v>
      </c>
      <c r="ID40" s="119">
        <v>283185</v>
      </c>
      <c r="IE40" s="132">
        <v>0</v>
      </c>
      <c r="IF40" s="120">
        <v>0</v>
      </c>
      <c r="IG40" s="119">
        <v>0</v>
      </c>
      <c r="IH40" s="120">
        <v>66507</v>
      </c>
      <c r="II40" s="133">
        <v>349692</v>
      </c>
      <c r="IJ40" s="135">
        <v>349692</v>
      </c>
      <c r="IK40" s="215">
        <v>0</v>
      </c>
      <c r="IL40" s="219">
        <v>0</v>
      </c>
      <c r="IM40" s="220">
        <v>0</v>
      </c>
      <c r="IN40" s="470">
        <v>0</v>
      </c>
      <c r="IO40" s="109">
        <v>0</v>
      </c>
      <c r="IP40" s="109">
        <v>0</v>
      </c>
      <c r="IQ40" s="109">
        <v>0</v>
      </c>
      <c r="IR40" s="109">
        <v>0</v>
      </c>
      <c r="IS40" s="109">
        <v>0</v>
      </c>
      <c r="IT40" s="128">
        <v>0</v>
      </c>
      <c r="IU40" s="292">
        <v>0</v>
      </c>
      <c r="IV40" s="129">
        <v>0</v>
      </c>
      <c r="IW40" s="109">
        <v>0</v>
      </c>
      <c r="IX40" s="110">
        <v>0</v>
      </c>
      <c r="IY40" s="470">
        <v>0</v>
      </c>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2">
        <v>0</v>
      </c>
      <c r="JR40" s="129">
        <v>0</v>
      </c>
      <c r="JS40" s="109">
        <v>0</v>
      </c>
      <c r="JT40" s="128">
        <v>0</v>
      </c>
      <c r="JU40" s="108">
        <v>0</v>
      </c>
      <c r="JV40" s="109">
        <v>0</v>
      </c>
      <c r="JW40" s="109">
        <v>0</v>
      </c>
      <c r="JX40" s="109">
        <v>0</v>
      </c>
      <c r="JY40" s="109">
        <v>0</v>
      </c>
      <c r="JZ40" s="109">
        <v>0</v>
      </c>
      <c r="KA40" s="110">
        <v>0</v>
      </c>
      <c r="KB40" s="292">
        <v>0</v>
      </c>
      <c r="KC40" s="217">
        <v>0</v>
      </c>
      <c r="KD40" s="213">
        <v>0</v>
      </c>
      <c r="KE40" s="110">
        <v>0</v>
      </c>
      <c r="KF40" s="108">
        <v>0</v>
      </c>
      <c r="KG40" s="109">
        <v>82838</v>
      </c>
      <c r="KH40" s="109">
        <v>0</v>
      </c>
      <c r="KI40" s="109">
        <v>0</v>
      </c>
      <c r="KJ40" s="109">
        <v>0</v>
      </c>
      <c r="KK40" s="109">
        <v>66507</v>
      </c>
      <c r="KL40" s="110">
        <v>149345</v>
      </c>
      <c r="KM40" s="130">
        <v>149345</v>
      </c>
      <c r="KN40" s="215">
        <v>0</v>
      </c>
      <c r="KO40" s="219">
        <v>0</v>
      </c>
      <c r="KP40" s="220">
        <v>0</v>
      </c>
      <c r="KQ40" s="470">
        <v>0</v>
      </c>
      <c r="KR40" s="109">
        <v>200347</v>
      </c>
      <c r="KS40" s="109">
        <v>0</v>
      </c>
      <c r="KT40" s="109">
        <v>0</v>
      </c>
      <c r="KU40" s="109">
        <v>0</v>
      </c>
      <c r="KV40" s="109">
        <v>0</v>
      </c>
      <c r="KW40" s="110">
        <v>200347</v>
      </c>
      <c r="KX40" s="292">
        <v>200347</v>
      </c>
      <c r="KY40" s="129">
        <v>0</v>
      </c>
      <c r="KZ40" s="109">
        <v>0</v>
      </c>
      <c r="LA40" s="110">
        <v>0</v>
      </c>
      <c r="LB40" s="470">
        <v>0</v>
      </c>
      <c r="LC40" s="109">
        <v>0</v>
      </c>
      <c r="LD40" s="109">
        <v>0</v>
      </c>
      <c r="LE40" s="109">
        <v>0</v>
      </c>
      <c r="LF40" s="109">
        <v>0</v>
      </c>
      <c r="LG40" s="109">
        <v>0</v>
      </c>
      <c r="LH40" s="110">
        <v>0</v>
      </c>
      <c r="LI40" s="111">
        <v>0</v>
      </c>
      <c r="LJ40" s="129">
        <v>0</v>
      </c>
      <c r="LK40" s="109">
        <v>0</v>
      </c>
      <c r="LL40" s="110">
        <v>0</v>
      </c>
      <c r="LM40" s="470">
        <v>0</v>
      </c>
      <c r="LN40" s="109">
        <v>0</v>
      </c>
      <c r="LO40" s="109">
        <v>0</v>
      </c>
      <c r="LP40" s="109">
        <v>0</v>
      </c>
      <c r="LQ40" s="109">
        <v>0</v>
      </c>
      <c r="LR40" s="109">
        <v>0</v>
      </c>
      <c r="LS40" s="110">
        <v>0</v>
      </c>
      <c r="LT40" s="292">
        <v>0</v>
      </c>
      <c r="LU40" s="129">
        <v>0</v>
      </c>
      <c r="LV40" s="109">
        <v>0</v>
      </c>
      <c r="LW40" s="110">
        <v>0</v>
      </c>
      <c r="LX40" s="470">
        <v>0</v>
      </c>
      <c r="LY40" s="109">
        <v>0</v>
      </c>
      <c r="LZ40" s="109">
        <v>0</v>
      </c>
      <c r="MA40" s="109">
        <v>0</v>
      </c>
      <c r="MB40" s="109">
        <v>0</v>
      </c>
      <c r="MC40" s="109">
        <v>0</v>
      </c>
      <c r="MD40" s="110">
        <v>0</v>
      </c>
      <c r="ME40" s="111">
        <v>0</v>
      </c>
      <c r="MF40" s="129">
        <v>0</v>
      </c>
      <c r="MG40" s="109">
        <v>0</v>
      </c>
      <c r="MH40" s="110">
        <v>0</v>
      </c>
      <c r="MI40" s="470">
        <v>0</v>
      </c>
      <c r="MJ40" s="109">
        <v>0</v>
      </c>
      <c r="MK40" s="109">
        <v>0</v>
      </c>
      <c r="ML40" s="109">
        <v>0</v>
      </c>
      <c r="MM40" s="109">
        <v>231945</v>
      </c>
      <c r="MN40" s="109">
        <v>0</v>
      </c>
      <c r="MO40" s="110">
        <v>231945</v>
      </c>
      <c r="MP40" s="130">
        <v>231945</v>
      </c>
      <c r="MQ40" s="129">
        <v>0</v>
      </c>
      <c r="MR40" s="109">
        <v>0</v>
      </c>
      <c r="MS40" s="110">
        <v>0</v>
      </c>
      <c r="MT40" s="470">
        <v>0</v>
      </c>
      <c r="MU40" s="109">
        <v>0</v>
      </c>
      <c r="MV40" s="109">
        <v>0</v>
      </c>
      <c r="MW40" s="109">
        <v>0</v>
      </c>
      <c r="MX40" s="109">
        <v>231945</v>
      </c>
      <c r="MY40" s="109">
        <v>0</v>
      </c>
      <c r="MZ40" s="110">
        <v>231945</v>
      </c>
      <c r="NA40" s="130">
        <v>231945</v>
      </c>
      <c r="NB40" s="129">
        <v>0</v>
      </c>
      <c r="NC40" s="109">
        <v>0</v>
      </c>
      <c r="ND40" s="110">
        <v>0</v>
      </c>
      <c r="NE40" s="470">
        <v>0</v>
      </c>
      <c r="NF40" s="109">
        <v>0</v>
      </c>
      <c r="NG40" s="109">
        <v>0</v>
      </c>
      <c r="NH40" s="109">
        <v>0</v>
      </c>
      <c r="NI40" s="109">
        <v>0</v>
      </c>
      <c r="NJ40" s="109">
        <v>0</v>
      </c>
      <c r="NK40" s="110">
        <v>0</v>
      </c>
      <c r="NL40" s="292">
        <v>0</v>
      </c>
      <c r="NM40" s="129">
        <v>0</v>
      </c>
      <c r="NN40" s="109">
        <v>0</v>
      </c>
      <c r="NO40" s="110">
        <v>0</v>
      </c>
      <c r="NP40" s="470">
        <v>0</v>
      </c>
      <c r="NQ40" s="109">
        <v>0</v>
      </c>
      <c r="NR40" s="109">
        <v>0</v>
      </c>
      <c r="NS40" s="109">
        <v>0</v>
      </c>
      <c r="NT40" s="109">
        <v>0</v>
      </c>
      <c r="NU40" s="109">
        <v>0</v>
      </c>
      <c r="NV40" s="110">
        <v>0</v>
      </c>
      <c r="NW40" s="111">
        <v>0</v>
      </c>
      <c r="NX40" s="129">
        <v>0</v>
      </c>
      <c r="NY40" s="109">
        <v>0</v>
      </c>
      <c r="NZ40" s="110">
        <v>0</v>
      </c>
      <c r="OA40" s="470">
        <v>0</v>
      </c>
      <c r="OB40" s="109">
        <v>0</v>
      </c>
      <c r="OC40" s="109">
        <v>0</v>
      </c>
      <c r="OD40" s="109">
        <v>0</v>
      </c>
      <c r="OE40" s="109">
        <v>0</v>
      </c>
      <c r="OF40" s="109">
        <v>0</v>
      </c>
      <c r="OG40" s="110">
        <v>0</v>
      </c>
      <c r="OH40" s="111">
        <v>0</v>
      </c>
      <c r="OI40" s="129">
        <v>225666</v>
      </c>
      <c r="OJ40" s="109">
        <v>143904</v>
      </c>
      <c r="OK40" s="128">
        <v>369570</v>
      </c>
      <c r="OL40" s="108">
        <v>0</v>
      </c>
      <c r="OM40" s="109">
        <v>895341</v>
      </c>
      <c r="ON40" s="109">
        <v>394907</v>
      </c>
      <c r="OO40" s="109">
        <v>815955</v>
      </c>
      <c r="OP40" s="109">
        <v>962688</v>
      </c>
      <c r="OQ40" s="109">
        <v>251237</v>
      </c>
      <c r="OR40" s="110">
        <v>3320128</v>
      </c>
      <c r="OS40" s="130">
        <v>3689698</v>
      </c>
    </row>
    <row r="41" spans="2:409" ht="21" customHeight="1" x14ac:dyDescent="0.2">
      <c r="B41" s="437" t="s">
        <v>36</v>
      </c>
      <c r="C41" s="100">
        <v>24038</v>
      </c>
      <c r="D41" s="104">
        <v>45418</v>
      </c>
      <c r="E41" s="103">
        <v>69456</v>
      </c>
      <c r="F41" s="99">
        <v>0</v>
      </c>
      <c r="G41" s="104">
        <v>168097</v>
      </c>
      <c r="H41" s="104">
        <v>1126916</v>
      </c>
      <c r="I41" s="104">
        <v>235634</v>
      </c>
      <c r="J41" s="104">
        <v>847661</v>
      </c>
      <c r="K41" s="104">
        <v>445367</v>
      </c>
      <c r="L41" s="156">
        <v>2823675</v>
      </c>
      <c r="M41" s="106">
        <v>2893131</v>
      </c>
      <c r="N41" s="100">
        <v>24038</v>
      </c>
      <c r="O41" s="104">
        <v>24068</v>
      </c>
      <c r="P41" s="103">
        <v>48106</v>
      </c>
      <c r="Q41" s="100">
        <v>0</v>
      </c>
      <c r="R41" s="104">
        <v>140741</v>
      </c>
      <c r="S41" s="104">
        <v>158657</v>
      </c>
      <c r="T41" s="104">
        <v>53892</v>
      </c>
      <c r="U41" s="104">
        <v>274619</v>
      </c>
      <c r="V41" s="104">
        <v>424927</v>
      </c>
      <c r="W41" s="103">
        <v>1052836</v>
      </c>
      <c r="X41" s="106">
        <v>1100942</v>
      </c>
      <c r="Y41" s="100">
        <v>0</v>
      </c>
      <c r="Z41" s="104">
        <v>0</v>
      </c>
      <c r="AA41" s="103">
        <v>0</v>
      </c>
      <c r="AB41" s="100">
        <v>0</v>
      </c>
      <c r="AC41" s="104">
        <v>75805</v>
      </c>
      <c r="AD41" s="104">
        <v>16207</v>
      </c>
      <c r="AE41" s="104">
        <v>31982</v>
      </c>
      <c r="AF41" s="104">
        <v>219958</v>
      </c>
      <c r="AG41" s="104">
        <v>334395</v>
      </c>
      <c r="AH41" s="103">
        <v>678347</v>
      </c>
      <c r="AI41" s="106">
        <v>678347</v>
      </c>
      <c r="AJ41" s="100">
        <v>0</v>
      </c>
      <c r="AK41" s="104">
        <v>0</v>
      </c>
      <c r="AL41" s="103">
        <v>0</v>
      </c>
      <c r="AM41" s="100">
        <v>0</v>
      </c>
      <c r="AN41" s="104">
        <v>0</v>
      </c>
      <c r="AO41" s="104">
        <v>43106</v>
      </c>
      <c r="AP41" s="104">
        <v>0</v>
      </c>
      <c r="AQ41" s="104">
        <v>0</v>
      </c>
      <c r="AR41" s="104">
        <v>0</v>
      </c>
      <c r="AS41" s="103">
        <v>43106</v>
      </c>
      <c r="AT41" s="106">
        <v>43106</v>
      </c>
      <c r="AU41" s="100">
        <v>24038</v>
      </c>
      <c r="AV41" s="104">
        <v>24068</v>
      </c>
      <c r="AW41" s="103">
        <v>48106</v>
      </c>
      <c r="AX41" s="100">
        <v>0</v>
      </c>
      <c r="AY41" s="104">
        <v>29274</v>
      </c>
      <c r="AZ41" s="104">
        <v>39585</v>
      </c>
      <c r="BA41" s="104">
        <v>0</v>
      </c>
      <c r="BB41" s="104">
        <v>14803</v>
      </c>
      <c r="BC41" s="104">
        <v>68055</v>
      </c>
      <c r="BD41" s="103">
        <v>151717</v>
      </c>
      <c r="BE41" s="106">
        <v>199823</v>
      </c>
      <c r="BF41" s="100">
        <v>0</v>
      </c>
      <c r="BG41" s="104">
        <v>0</v>
      </c>
      <c r="BH41" s="102">
        <v>0</v>
      </c>
      <c r="BI41" s="101">
        <v>0</v>
      </c>
      <c r="BJ41" s="104">
        <v>32050</v>
      </c>
      <c r="BK41" s="104">
        <v>0</v>
      </c>
      <c r="BL41" s="104">
        <v>0</v>
      </c>
      <c r="BM41" s="104">
        <v>0</v>
      </c>
      <c r="BN41" s="104">
        <v>0</v>
      </c>
      <c r="BO41" s="103">
        <v>32050</v>
      </c>
      <c r="BP41" s="106">
        <v>32050</v>
      </c>
      <c r="BQ41" s="100">
        <v>0</v>
      </c>
      <c r="BR41" s="104">
        <v>0</v>
      </c>
      <c r="BS41" s="103">
        <v>0</v>
      </c>
      <c r="BT41" s="100">
        <v>0</v>
      </c>
      <c r="BU41" s="104">
        <v>3612</v>
      </c>
      <c r="BV41" s="104">
        <v>59759</v>
      </c>
      <c r="BW41" s="104">
        <v>21910</v>
      </c>
      <c r="BX41" s="104">
        <v>39858</v>
      </c>
      <c r="BY41" s="104">
        <v>22477</v>
      </c>
      <c r="BZ41" s="103">
        <v>147616</v>
      </c>
      <c r="CA41" s="106">
        <v>147616</v>
      </c>
      <c r="CB41" s="100">
        <v>0</v>
      </c>
      <c r="CC41" s="104">
        <v>0</v>
      </c>
      <c r="CD41" s="103">
        <v>0</v>
      </c>
      <c r="CE41" s="100">
        <v>0</v>
      </c>
      <c r="CF41" s="104">
        <v>0</v>
      </c>
      <c r="CG41" s="104">
        <v>309092</v>
      </c>
      <c r="CH41" s="104">
        <v>0</v>
      </c>
      <c r="CI41" s="104">
        <v>100908</v>
      </c>
      <c r="CJ41" s="104">
        <v>0</v>
      </c>
      <c r="CK41" s="103">
        <v>410000</v>
      </c>
      <c r="CL41" s="106">
        <v>410000</v>
      </c>
      <c r="CM41" s="100">
        <v>0</v>
      </c>
      <c r="CN41" s="104">
        <v>0</v>
      </c>
      <c r="CO41" s="103">
        <v>0</v>
      </c>
      <c r="CP41" s="101">
        <v>0</v>
      </c>
      <c r="CQ41" s="104">
        <v>0</v>
      </c>
      <c r="CR41" s="104">
        <v>309092</v>
      </c>
      <c r="CS41" s="104">
        <v>0</v>
      </c>
      <c r="CT41" s="104">
        <v>100908</v>
      </c>
      <c r="CU41" s="104">
        <v>0</v>
      </c>
      <c r="CV41" s="103">
        <v>410000</v>
      </c>
      <c r="CW41" s="106">
        <v>410000</v>
      </c>
      <c r="CX41" s="100">
        <v>0</v>
      </c>
      <c r="CY41" s="104">
        <v>0</v>
      </c>
      <c r="CZ41" s="103">
        <v>0</v>
      </c>
      <c r="DA41" s="100">
        <v>0</v>
      </c>
      <c r="DB41" s="104">
        <v>0</v>
      </c>
      <c r="DC41" s="104">
        <v>0</v>
      </c>
      <c r="DD41" s="104">
        <v>0</v>
      </c>
      <c r="DE41" s="104">
        <v>0</v>
      </c>
      <c r="DF41" s="104">
        <v>0</v>
      </c>
      <c r="DG41" s="103">
        <v>0</v>
      </c>
      <c r="DH41" s="106">
        <v>0</v>
      </c>
      <c r="DI41" s="100">
        <v>0</v>
      </c>
      <c r="DJ41" s="104">
        <v>0</v>
      </c>
      <c r="DK41" s="102">
        <v>0</v>
      </c>
      <c r="DL41" s="101">
        <v>0</v>
      </c>
      <c r="DM41" s="104">
        <v>0</v>
      </c>
      <c r="DN41" s="104">
        <v>117802</v>
      </c>
      <c r="DO41" s="104">
        <v>0</v>
      </c>
      <c r="DP41" s="104">
        <v>60232</v>
      </c>
      <c r="DQ41" s="104">
        <v>0</v>
      </c>
      <c r="DR41" s="103">
        <v>178034</v>
      </c>
      <c r="DS41" s="106">
        <v>178034</v>
      </c>
      <c r="DT41" s="100">
        <v>0</v>
      </c>
      <c r="DU41" s="104">
        <v>0</v>
      </c>
      <c r="DV41" s="103">
        <v>0</v>
      </c>
      <c r="DW41" s="100">
        <v>0</v>
      </c>
      <c r="DX41" s="104">
        <v>0</v>
      </c>
      <c r="DY41" s="104">
        <v>117802</v>
      </c>
      <c r="DZ41" s="104">
        <v>0</v>
      </c>
      <c r="EA41" s="104">
        <v>60232</v>
      </c>
      <c r="EB41" s="104">
        <v>0</v>
      </c>
      <c r="EC41" s="103">
        <v>178034</v>
      </c>
      <c r="ED41" s="106">
        <v>178034</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470">
        <v>0</v>
      </c>
      <c r="FE41" s="104">
        <v>0</v>
      </c>
      <c r="FF41" s="104">
        <v>0</v>
      </c>
      <c r="FG41" s="104">
        <v>0</v>
      </c>
      <c r="FH41" s="104">
        <v>0</v>
      </c>
      <c r="FI41" s="104">
        <v>0</v>
      </c>
      <c r="FJ41" s="103">
        <v>0</v>
      </c>
      <c r="FK41" s="106">
        <v>0</v>
      </c>
      <c r="FL41" s="100">
        <v>0</v>
      </c>
      <c r="FM41" s="104">
        <v>21350</v>
      </c>
      <c r="FN41" s="103">
        <v>21350</v>
      </c>
      <c r="FO41" s="100">
        <v>0</v>
      </c>
      <c r="FP41" s="104">
        <v>27356</v>
      </c>
      <c r="FQ41" s="104">
        <v>99134</v>
      </c>
      <c r="FR41" s="104">
        <v>11004</v>
      </c>
      <c r="FS41" s="104">
        <v>38780</v>
      </c>
      <c r="FT41" s="104">
        <v>20440</v>
      </c>
      <c r="FU41" s="103">
        <v>196714</v>
      </c>
      <c r="FV41" s="106">
        <v>218064</v>
      </c>
      <c r="FW41" s="105">
        <v>0</v>
      </c>
      <c r="FX41" s="104">
        <v>21350</v>
      </c>
      <c r="FY41" s="102">
        <v>21350</v>
      </c>
      <c r="FZ41" s="101">
        <v>0</v>
      </c>
      <c r="GA41" s="104">
        <v>27356</v>
      </c>
      <c r="GB41" s="104">
        <v>79730</v>
      </c>
      <c r="GC41" s="104">
        <v>11004</v>
      </c>
      <c r="GD41" s="104">
        <v>38780</v>
      </c>
      <c r="GE41" s="104">
        <v>20440</v>
      </c>
      <c r="GF41" s="103">
        <v>177310</v>
      </c>
      <c r="GG41" s="290">
        <v>198660</v>
      </c>
      <c r="GH41" s="105">
        <v>0</v>
      </c>
      <c r="GI41" s="104">
        <v>0</v>
      </c>
      <c r="GJ41" s="102">
        <v>0</v>
      </c>
      <c r="GK41" s="101">
        <v>0</v>
      </c>
      <c r="GL41" s="104">
        <v>0</v>
      </c>
      <c r="GM41" s="104">
        <v>19404</v>
      </c>
      <c r="GN41" s="104">
        <v>0</v>
      </c>
      <c r="GO41" s="104">
        <v>0</v>
      </c>
      <c r="GP41" s="104">
        <v>0</v>
      </c>
      <c r="GQ41" s="103">
        <v>19404</v>
      </c>
      <c r="GR41" s="106">
        <v>19404</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0</v>
      </c>
      <c r="HI41" s="104">
        <v>442231</v>
      </c>
      <c r="HJ41" s="104">
        <v>170738</v>
      </c>
      <c r="HK41" s="104">
        <v>373122</v>
      </c>
      <c r="HL41" s="104">
        <v>0</v>
      </c>
      <c r="HM41" s="103">
        <v>986091</v>
      </c>
      <c r="HN41" s="99">
        <v>986091</v>
      </c>
      <c r="HO41" s="456">
        <v>0</v>
      </c>
      <c r="HP41" s="457">
        <v>0</v>
      </c>
      <c r="HQ41" s="458">
        <v>0</v>
      </c>
      <c r="HR41" s="459">
        <v>0</v>
      </c>
      <c r="HS41" s="457">
        <v>0</v>
      </c>
      <c r="HT41" s="457">
        <v>0</v>
      </c>
      <c r="HU41" s="457">
        <v>0</v>
      </c>
      <c r="HV41" s="457">
        <v>0</v>
      </c>
      <c r="HW41" s="457">
        <v>0</v>
      </c>
      <c r="HX41" s="460">
        <v>0</v>
      </c>
      <c r="HY41" s="461">
        <v>0</v>
      </c>
      <c r="HZ41" s="118">
        <v>0</v>
      </c>
      <c r="IA41" s="119">
        <v>0</v>
      </c>
      <c r="IB41" s="120">
        <v>0</v>
      </c>
      <c r="IC41" s="131">
        <v>0</v>
      </c>
      <c r="ID41" s="119">
        <v>62432</v>
      </c>
      <c r="IE41" s="132">
        <v>216713</v>
      </c>
      <c r="IF41" s="120">
        <v>432598</v>
      </c>
      <c r="IG41" s="119">
        <v>0</v>
      </c>
      <c r="IH41" s="120">
        <v>231672</v>
      </c>
      <c r="II41" s="133">
        <v>943415</v>
      </c>
      <c r="IJ41" s="126">
        <v>943415</v>
      </c>
      <c r="IK41" s="215">
        <v>0</v>
      </c>
      <c r="IL41" s="219">
        <v>0</v>
      </c>
      <c r="IM41" s="220">
        <v>0</v>
      </c>
      <c r="IN41" s="470">
        <v>0</v>
      </c>
      <c r="IO41" s="109">
        <v>0</v>
      </c>
      <c r="IP41" s="109">
        <v>0</v>
      </c>
      <c r="IQ41" s="109">
        <v>0</v>
      </c>
      <c r="IR41" s="109">
        <v>0</v>
      </c>
      <c r="IS41" s="109">
        <v>0</v>
      </c>
      <c r="IT41" s="128">
        <v>0</v>
      </c>
      <c r="IU41" s="292">
        <v>0</v>
      </c>
      <c r="IV41" s="129">
        <v>0</v>
      </c>
      <c r="IW41" s="109">
        <v>0</v>
      </c>
      <c r="IX41" s="110">
        <v>0</v>
      </c>
      <c r="IY41" s="470">
        <v>0</v>
      </c>
      <c r="IZ41" s="109">
        <v>0</v>
      </c>
      <c r="JA41" s="109">
        <v>0</v>
      </c>
      <c r="JB41" s="109">
        <v>0</v>
      </c>
      <c r="JC41" s="109">
        <v>0</v>
      </c>
      <c r="JD41" s="109">
        <v>0</v>
      </c>
      <c r="JE41" s="110">
        <v>0</v>
      </c>
      <c r="JF41" s="111">
        <v>0</v>
      </c>
      <c r="JG41" s="129">
        <v>0</v>
      </c>
      <c r="JH41" s="109">
        <v>0</v>
      </c>
      <c r="JI41" s="128">
        <v>0</v>
      </c>
      <c r="JJ41" s="108">
        <v>0</v>
      </c>
      <c r="JK41" s="109">
        <v>62432</v>
      </c>
      <c r="JL41" s="109">
        <v>0</v>
      </c>
      <c r="JM41" s="109">
        <v>8441</v>
      </c>
      <c r="JN41" s="109">
        <v>0</v>
      </c>
      <c r="JO41" s="109">
        <v>0</v>
      </c>
      <c r="JP41" s="110">
        <v>70873</v>
      </c>
      <c r="JQ41" s="292">
        <v>70873</v>
      </c>
      <c r="JR41" s="129">
        <v>0</v>
      </c>
      <c r="JS41" s="109">
        <v>0</v>
      </c>
      <c r="JT41" s="128">
        <v>0</v>
      </c>
      <c r="JU41" s="108">
        <v>0</v>
      </c>
      <c r="JV41" s="109">
        <v>0</v>
      </c>
      <c r="JW41" s="109">
        <v>0</v>
      </c>
      <c r="JX41" s="109">
        <v>0</v>
      </c>
      <c r="JY41" s="109">
        <v>0</v>
      </c>
      <c r="JZ41" s="109">
        <v>0</v>
      </c>
      <c r="KA41" s="110">
        <v>0</v>
      </c>
      <c r="KB41" s="292">
        <v>0</v>
      </c>
      <c r="KC41" s="217">
        <v>0</v>
      </c>
      <c r="KD41" s="213">
        <v>0</v>
      </c>
      <c r="KE41" s="110">
        <v>0</v>
      </c>
      <c r="KF41" s="108">
        <v>0</v>
      </c>
      <c r="KG41" s="109">
        <v>0</v>
      </c>
      <c r="KH41" s="109">
        <v>0</v>
      </c>
      <c r="KI41" s="109">
        <v>201145</v>
      </c>
      <c r="KJ41" s="109">
        <v>0</v>
      </c>
      <c r="KK41" s="109">
        <v>0</v>
      </c>
      <c r="KL41" s="110">
        <v>201145</v>
      </c>
      <c r="KM41" s="130">
        <v>201145</v>
      </c>
      <c r="KN41" s="215">
        <v>0</v>
      </c>
      <c r="KO41" s="219">
        <v>0</v>
      </c>
      <c r="KP41" s="220">
        <v>0</v>
      </c>
      <c r="KQ41" s="470">
        <v>0</v>
      </c>
      <c r="KR41" s="109">
        <v>0</v>
      </c>
      <c r="KS41" s="109">
        <v>216713</v>
      </c>
      <c r="KT41" s="109">
        <v>223012</v>
      </c>
      <c r="KU41" s="109">
        <v>0</v>
      </c>
      <c r="KV41" s="109">
        <v>231672</v>
      </c>
      <c r="KW41" s="110">
        <v>671397</v>
      </c>
      <c r="KX41" s="292">
        <v>671397</v>
      </c>
      <c r="KY41" s="129">
        <v>0</v>
      </c>
      <c r="KZ41" s="109">
        <v>0</v>
      </c>
      <c r="LA41" s="110">
        <v>0</v>
      </c>
      <c r="LB41" s="470">
        <v>0</v>
      </c>
      <c r="LC41" s="109">
        <v>0</v>
      </c>
      <c r="LD41" s="109">
        <v>0</v>
      </c>
      <c r="LE41" s="109">
        <v>0</v>
      </c>
      <c r="LF41" s="109">
        <v>0</v>
      </c>
      <c r="LG41" s="109">
        <v>0</v>
      </c>
      <c r="LH41" s="110">
        <v>0</v>
      </c>
      <c r="LI41" s="111">
        <v>0</v>
      </c>
      <c r="LJ41" s="129">
        <v>0</v>
      </c>
      <c r="LK41" s="109">
        <v>0</v>
      </c>
      <c r="LL41" s="110">
        <v>0</v>
      </c>
      <c r="LM41" s="470">
        <v>0</v>
      </c>
      <c r="LN41" s="109">
        <v>0</v>
      </c>
      <c r="LO41" s="109">
        <v>0</v>
      </c>
      <c r="LP41" s="109">
        <v>0</v>
      </c>
      <c r="LQ41" s="109">
        <v>0</v>
      </c>
      <c r="LR41" s="109">
        <v>0</v>
      </c>
      <c r="LS41" s="110">
        <v>0</v>
      </c>
      <c r="LT41" s="292">
        <v>0</v>
      </c>
      <c r="LU41" s="129">
        <v>0</v>
      </c>
      <c r="LV41" s="109">
        <v>0</v>
      </c>
      <c r="LW41" s="110">
        <v>0</v>
      </c>
      <c r="LX41" s="470">
        <v>0</v>
      </c>
      <c r="LY41" s="109">
        <v>0</v>
      </c>
      <c r="LZ41" s="109">
        <v>0</v>
      </c>
      <c r="MA41" s="109">
        <v>0</v>
      </c>
      <c r="MB41" s="109">
        <v>0</v>
      </c>
      <c r="MC41" s="109">
        <v>0</v>
      </c>
      <c r="MD41" s="110">
        <v>0</v>
      </c>
      <c r="ME41" s="111">
        <v>0</v>
      </c>
      <c r="MF41" s="129">
        <v>0</v>
      </c>
      <c r="MG41" s="109">
        <v>0</v>
      </c>
      <c r="MH41" s="110">
        <v>0</v>
      </c>
      <c r="MI41" s="470">
        <v>0</v>
      </c>
      <c r="MJ41" s="109">
        <v>0</v>
      </c>
      <c r="MK41" s="109">
        <v>0</v>
      </c>
      <c r="ML41" s="109">
        <v>228381</v>
      </c>
      <c r="MM41" s="109">
        <v>240265</v>
      </c>
      <c r="MN41" s="109">
        <v>239273</v>
      </c>
      <c r="MO41" s="110">
        <v>707919</v>
      </c>
      <c r="MP41" s="130">
        <v>707919</v>
      </c>
      <c r="MQ41" s="129">
        <v>0</v>
      </c>
      <c r="MR41" s="109">
        <v>0</v>
      </c>
      <c r="MS41" s="110">
        <v>0</v>
      </c>
      <c r="MT41" s="470">
        <v>0</v>
      </c>
      <c r="MU41" s="109">
        <v>0</v>
      </c>
      <c r="MV41" s="109">
        <v>0</v>
      </c>
      <c r="MW41" s="109">
        <v>0</v>
      </c>
      <c r="MX41" s="109">
        <v>170307</v>
      </c>
      <c r="MY41" s="109">
        <v>239273</v>
      </c>
      <c r="MZ41" s="110">
        <v>409580</v>
      </c>
      <c r="NA41" s="130">
        <v>409580</v>
      </c>
      <c r="NB41" s="129">
        <v>0</v>
      </c>
      <c r="NC41" s="109">
        <v>0</v>
      </c>
      <c r="ND41" s="110">
        <v>0</v>
      </c>
      <c r="NE41" s="470">
        <v>0</v>
      </c>
      <c r="NF41" s="109">
        <v>0</v>
      </c>
      <c r="NG41" s="109">
        <v>0</v>
      </c>
      <c r="NH41" s="109">
        <v>228381</v>
      </c>
      <c r="NI41" s="109">
        <v>69958</v>
      </c>
      <c r="NJ41" s="109">
        <v>0</v>
      </c>
      <c r="NK41" s="110">
        <v>298339</v>
      </c>
      <c r="NL41" s="292">
        <v>298339</v>
      </c>
      <c r="NM41" s="129">
        <v>0</v>
      </c>
      <c r="NN41" s="109">
        <v>0</v>
      </c>
      <c r="NO41" s="110">
        <v>0</v>
      </c>
      <c r="NP41" s="470">
        <v>0</v>
      </c>
      <c r="NQ41" s="109">
        <v>0</v>
      </c>
      <c r="NR41" s="109">
        <v>0</v>
      </c>
      <c r="NS41" s="109">
        <v>0</v>
      </c>
      <c r="NT41" s="109">
        <v>0</v>
      </c>
      <c r="NU41" s="109">
        <v>0</v>
      </c>
      <c r="NV41" s="110">
        <v>0</v>
      </c>
      <c r="NW41" s="111">
        <v>0</v>
      </c>
      <c r="NX41" s="129">
        <v>0</v>
      </c>
      <c r="NY41" s="109">
        <v>0</v>
      </c>
      <c r="NZ41" s="110">
        <v>0</v>
      </c>
      <c r="OA41" s="470">
        <v>0</v>
      </c>
      <c r="OB41" s="109">
        <v>0</v>
      </c>
      <c r="OC41" s="109">
        <v>0</v>
      </c>
      <c r="OD41" s="109">
        <v>0</v>
      </c>
      <c r="OE41" s="109">
        <v>0</v>
      </c>
      <c r="OF41" s="109">
        <v>0</v>
      </c>
      <c r="OG41" s="110">
        <v>0</v>
      </c>
      <c r="OH41" s="111">
        <v>0</v>
      </c>
      <c r="OI41" s="129">
        <v>24038</v>
      </c>
      <c r="OJ41" s="109">
        <v>45418</v>
      </c>
      <c r="OK41" s="128">
        <v>69456</v>
      </c>
      <c r="OL41" s="108">
        <v>0</v>
      </c>
      <c r="OM41" s="109">
        <v>230529</v>
      </c>
      <c r="ON41" s="109">
        <v>1343629</v>
      </c>
      <c r="OO41" s="109">
        <v>896613</v>
      </c>
      <c r="OP41" s="109">
        <v>1087926</v>
      </c>
      <c r="OQ41" s="109">
        <v>916312</v>
      </c>
      <c r="OR41" s="110">
        <v>4475009</v>
      </c>
      <c r="OS41" s="130">
        <v>4544465</v>
      </c>
    </row>
    <row r="42" spans="2:409" ht="21" customHeight="1" thickBot="1" x14ac:dyDescent="0.25">
      <c r="B42" s="438" t="s">
        <v>37</v>
      </c>
      <c r="C42" s="107">
        <v>16741</v>
      </c>
      <c r="D42" s="161">
        <v>0</v>
      </c>
      <c r="E42" s="162">
        <v>16741</v>
      </c>
      <c r="F42" s="163">
        <v>0</v>
      </c>
      <c r="G42" s="161">
        <v>0</v>
      </c>
      <c r="H42" s="161">
        <v>0</v>
      </c>
      <c r="I42" s="161">
        <v>0</v>
      </c>
      <c r="J42" s="161">
        <v>90748</v>
      </c>
      <c r="K42" s="161">
        <v>144446</v>
      </c>
      <c r="L42" s="163">
        <v>235194</v>
      </c>
      <c r="M42" s="164">
        <v>251935</v>
      </c>
      <c r="N42" s="107">
        <v>0</v>
      </c>
      <c r="O42" s="161">
        <v>0</v>
      </c>
      <c r="P42" s="162">
        <v>0</v>
      </c>
      <c r="Q42" s="107">
        <v>0</v>
      </c>
      <c r="R42" s="161">
        <v>0</v>
      </c>
      <c r="S42" s="161">
        <v>0</v>
      </c>
      <c r="T42" s="161">
        <v>0</v>
      </c>
      <c r="U42" s="161">
        <v>55484</v>
      </c>
      <c r="V42" s="161">
        <v>63432</v>
      </c>
      <c r="W42" s="162">
        <v>118916</v>
      </c>
      <c r="X42" s="164">
        <v>118916</v>
      </c>
      <c r="Y42" s="107">
        <v>0</v>
      </c>
      <c r="Z42" s="161">
        <v>0</v>
      </c>
      <c r="AA42" s="162">
        <v>0</v>
      </c>
      <c r="AB42" s="107">
        <v>0</v>
      </c>
      <c r="AC42" s="161">
        <v>0</v>
      </c>
      <c r="AD42" s="161">
        <v>0</v>
      </c>
      <c r="AE42" s="161">
        <v>0</v>
      </c>
      <c r="AF42" s="161">
        <v>0</v>
      </c>
      <c r="AG42" s="161">
        <v>22657</v>
      </c>
      <c r="AH42" s="162">
        <v>22657</v>
      </c>
      <c r="AI42" s="164">
        <v>22657</v>
      </c>
      <c r="AJ42" s="107">
        <v>0</v>
      </c>
      <c r="AK42" s="161">
        <v>0</v>
      </c>
      <c r="AL42" s="162">
        <v>0</v>
      </c>
      <c r="AM42" s="107">
        <v>0</v>
      </c>
      <c r="AN42" s="161">
        <v>0</v>
      </c>
      <c r="AO42" s="161">
        <v>0</v>
      </c>
      <c r="AP42" s="161">
        <v>0</v>
      </c>
      <c r="AQ42" s="161">
        <v>0</v>
      </c>
      <c r="AR42" s="161">
        <v>0</v>
      </c>
      <c r="AS42" s="162">
        <v>0</v>
      </c>
      <c r="AT42" s="164">
        <v>0</v>
      </c>
      <c r="AU42" s="107">
        <v>0</v>
      </c>
      <c r="AV42" s="161">
        <v>0</v>
      </c>
      <c r="AW42" s="162">
        <v>0</v>
      </c>
      <c r="AX42" s="107">
        <v>0</v>
      </c>
      <c r="AY42" s="161">
        <v>0</v>
      </c>
      <c r="AZ42" s="161">
        <v>0</v>
      </c>
      <c r="BA42" s="161">
        <v>0</v>
      </c>
      <c r="BB42" s="161">
        <v>55484</v>
      </c>
      <c r="BC42" s="161">
        <v>29365</v>
      </c>
      <c r="BD42" s="162">
        <v>84849</v>
      </c>
      <c r="BE42" s="164">
        <v>84849</v>
      </c>
      <c r="BF42" s="107">
        <v>0</v>
      </c>
      <c r="BG42" s="161">
        <v>0</v>
      </c>
      <c r="BH42" s="166">
        <v>0</v>
      </c>
      <c r="BI42" s="165">
        <v>0</v>
      </c>
      <c r="BJ42" s="161">
        <v>0</v>
      </c>
      <c r="BK42" s="161">
        <v>0</v>
      </c>
      <c r="BL42" s="161">
        <v>0</v>
      </c>
      <c r="BM42" s="161">
        <v>0</v>
      </c>
      <c r="BN42" s="161">
        <v>0</v>
      </c>
      <c r="BO42" s="162">
        <v>0</v>
      </c>
      <c r="BP42" s="164">
        <v>0</v>
      </c>
      <c r="BQ42" s="107">
        <v>0</v>
      </c>
      <c r="BR42" s="161">
        <v>0</v>
      </c>
      <c r="BS42" s="162">
        <v>0</v>
      </c>
      <c r="BT42" s="107">
        <v>0</v>
      </c>
      <c r="BU42" s="161">
        <v>0</v>
      </c>
      <c r="BV42" s="161">
        <v>0</v>
      </c>
      <c r="BW42" s="161">
        <v>0</v>
      </c>
      <c r="BX42" s="161">
        <v>0</v>
      </c>
      <c r="BY42" s="161">
        <v>11410</v>
      </c>
      <c r="BZ42" s="162">
        <v>11410</v>
      </c>
      <c r="CA42" s="164">
        <v>11410</v>
      </c>
      <c r="CB42" s="107">
        <v>16741</v>
      </c>
      <c r="CC42" s="161">
        <v>0</v>
      </c>
      <c r="CD42" s="162">
        <v>16741</v>
      </c>
      <c r="CE42" s="107">
        <v>0</v>
      </c>
      <c r="CF42" s="161">
        <v>0</v>
      </c>
      <c r="CG42" s="161">
        <v>0</v>
      </c>
      <c r="CH42" s="161">
        <v>0</v>
      </c>
      <c r="CI42" s="161">
        <v>21138</v>
      </c>
      <c r="CJ42" s="161">
        <v>0</v>
      </c>
      <c r="CK42" s="162">
        <v>21138</v>
      </c>
      <c r="CL42" s="164">
        <v>37879</v>
      </c>
      <c r="CM42" s="107">
        <v>0</v>
      </c>
      <c r="CN42" s="161">
        <v>0</v>
      </c>
      <c r="CO42" s="162">
        <v>0</v>
      </c>
      <c r="CP42" s="165">
        <v>0</v>
      </c>
      <c r="CQ42" s="161">
        <v>0</v>
      </c>
      <c r="CR42" s="161">
        <v>0</v>
      </c>
      <c r="CS42" s="161">
        <v>0</v>
      </c>
      <c r="CT42" s="161">
        <v>21138</v>
      </c>
      <c r="CU42" s="161">
        <v>0</v>
      </c>
      <c r="CV42" s="162">
        <v>21138</v>
      </c>
      <c r="CW42" s="164">
        <v>21138</v>
      </c>
      <c r="CX42" s="107">
        <v>16741</v>
      </c>
      <c r="CY42" s="161">
        <v>0</v>
      </c>
      <c r="CZ42" s="162">
        <v>16741</v>
      </c>
      <c r="DA42" s="107">
        <v>0</v>
      </c>
      <c r="DB42" s="161">
        <v>0</v>
      </c>
      <c r="DC42" s="161">
        <v>0</v>
      </c>
      <c r="DD42" s="161">
        <v>0</v>
      </c>
      <c r="DE42" s="161">
        <v>0</v>
      </c>
      <c r="DF42" s="161">
        <v>0</v>
      </c>
      <c r="DG42" s="162">
        <v>0</v>
      </c>
      <c r="DH42" s="164">
        <v>16741</v>
      </c>
      <c r="DI42" s="107">
        <v>0</v>
      </c>
      <c r="DJ42" s="161">
        <v>0</v>
      </c>
      <c r="DK42" s="166">
        <v>0</v>
      </c>
      <c r="DL42" s="165">
        <v>0</v>
      </c>
      <c r="DM42" s="161">
        <v>0</v>
      </c>
      <c r="DN42" s="161">
        <v>0</v>
      </c>
      <c r="DO42" s="161">
        <v>0</v>
      </c>
      <c r="DP42" s="161">
        <v>0</v>
      </c>
      <c r="DQ42" s="161">
        <v>44754</v>
      </c>
      <c r="DR42" s="162">
        <v>44754</v>
      </c>
      <c r="DS42" s="164">
        <v>44754</v>
      </c>
      <c r="DT42" s="107">
        <v>0</v>
      </c>
      <c r="DU42" s="161">
        <v>0</v>
      </c>
      <c r="DV42" s="162">
        <v>0</v>
      </c>
      <c r="DW42" s="107">
        <v>0</v>
      </c>
      <c r="DX42" s="161">
        <v>0</v>
      </c>
      <c r="DY42" s="161">
        <v>0</v>
      </c>
      <c r="DZ42" s="161">
        <v>0</v>
      </c>
      <c r="EA42" s="161">
        <v>0</v>
      </c>
      <c r="EB42" s="161">
        <v>0</v>
      </c>
      <c r="EC42" s="162">
        <v>0</v>
      </c>
      <c r="ED42" s="164">
        <v>0</v>
      </c>
      <c r="EE42" s="107">
        <v>0</v>
      </c>
      <c r="EF42" s="166">
        <v>0</v>
      </c>
      <c r="EG42" s="162">
        <v>0</v>
      </c>
      <c r="EH42" s="107">
        <v>0</v>
      </c>
      <c r="EI42" s="161">
        <v>0</v>
      </c>
      <c r="EJ42" s="161">
        <v>0</v>
      </c>
      <c r="EK42" s="161">
        <v>0</v>
      </c>
      <c r="EL42" s="161">
        <v>0</v>
      </c>
      <c r="EM42" s="161">
        <v>44754</v>
      </c>
      <c r="EN42" s="166">
        <v>44754</v>
      </c>
      <c r="EO42" s="164">
        <v>44754</v>
      </c>
      <c r="EP42" s="107">
        <v>0</v>
      </c>
      <c r="EQ42" s="161">
        <v>0</v>
      </c>
      <c r="ER42" s="166">
        <v>0</v>
      </c>
      <c r="ES42" s="165">
        <v>0</v>
      </c>
      <c r="ET42" s="161">
        <v>0</v>
      </c>
      <c r="EU42" s="161">
        <v>0</v>
      </c>
      <c r="EV42" s="161">
        <v>0</v>
      </c>
      <c r="EW42" s="161">
        <v>0</v>
      </c>
      <c r="EX42" s="161">
        <v>0</v>
      </c>
      <c r="EY42" s="162">
        <v>0</v>
      </c>
      <c r="EZ42" s="164">
        <v>0</v>
      </c>
      <c r="FA42" s="107">
        <v>0</v>
      </c>
      <c r="FB42" s="161">
        <v>0</v>
      </c>
      <c r="FC42" s="166">
        <v>0</v>
      </c>
      <c r="FD42" s="471">
        <v>0</v>
      </c>
      <c r="FE42" s="161">
        <v>0</v>
      </c>
      <c r="FF42" s="161">
        <v>0</v>
      </c>
      <c r="FG42" s="161">
        <v>0</v>
      </c>
      <c r="FH42" s="161">
        <v>0</v>
      </c>
      <c r="FI42" s="161">
        <v>0</v>
      </c>
      <c r="FJ42" s="162">
        <v>0</v>
      </c>
      <c r="FK42" s="164">
        <v>0</v>
      </c>
      <c r="FL42" s="107">
        <v>0</v>
      </c>
      <c r="FM42" s="161">
        <v>0</v>
      </c>
      <c r="FN42" s="162">
        <v>0</v>
      </c>
      <c r="FO42" s="107">
        <v>0</v>
      </c>
      <c r="FP42" s="161">
        <v>0</v>
      </c>
      <c r="FQ42" s="161">
        <v>0</v>
      </c>
      <c r="FR42" s="161">
        <v>0</v>
      </c>
      <c r="FS42" s="161">
        <v>14126</v>
      </c>
      <c r="FT42" s="161">
        <v>36260</v>
      </c>
      <c r="FU42" s="162">
        <v>50386</v>
      </c>
      <c r="FV42" s="164">
        <v>50386</v>
      </c>
      <c r="FW42" s="167">
        <v>0</v>
      </c>
      <c r="FX42" s="161">
        <v>0</v>
      </c>
      <c r="FY42" s="166">
        <v>0</v>
      </c>
      <c r="FZ42" s="165">
        <v>0</v>
      </c>
      <c r="GA42" s="161">
        <v>0</v>
      </c>
      <c r="GB42" s="161">
        <v>0</v>
      </c>
      <c r="GC42" s="161">
        <v>0</v>
      </c>
      <c r="GD42" s="161">
        <v>14126</v>
      </c>
      <c r="GE42" s="161">
        <v>36260</v>
      </c>
      <c r="GF42" s="162">
        <v>50386</v>
      </c>
      <c r="GG42" s="291">
        <v>50386</v>
      </c>
      <c r="GH42" s="167">
        <v>0</v>
      </c>
      <c r="GI42" s="161">
        <v>0</v>
      </c>
      <c r="GJ42" s="166">
        <v>0</v>
      </c>
      <c r="GK42" s="165">
        <v>0</v>
      </c>
      <c r="GL42" s="161">
        <v>0</v>
      </c>
      <c r="GM42" s="161">
        <v>0</v>
      </c>
      <c r="GN42" s="161">
        <v>0</v>
      </c>
      <c r="GO42" s="161">
        <v>0</v>
      </c>
      <c r="GP42" s="161">
        <v>0</v>
      </c>
      <c r="GQ42" s="162">
        <v>0</v>
      </c>
      <c r="GR42" s="164">
        <v>0</v>
      </c>
      <c r="GS42" s="107">
        <v>0</v>
      </c>
      <c r="GT42" s="161">
        <v>0</v>
      </c>
      <c r="GU42" s="162">
        <v>0</v>
      </c>
      <c r="GV42" s="107">
        <v>0</v>
      </c>
      <c r="GW42" s="161">
        <v>0</v>
      </c>
      <c r="GX42" s="161">
        <v>0</v>
      </c>
      <c r="GY42" s="161">
        <v>0</v>
      </c>
      <c r="GZ42" s="161">
        <v>0</v>
      </c>
      <c r="HA42" s="161">
        <v>0</v>
      </c>
      <c r="HB42" s="166">
        <v>0</v>
      </c>
      <c r="HC42" s="164">
        <v>0</v>
      </c>
      <c r="HD42" s="107">
        <v>0</v>
      </c>
      <c r="HE42" s="161">
        <v>0</v>
      </c>
      <c r="HF42" s="166">
        <v>0</v>
      </c>
      <c r="HG42" s="165">
        <v>0</v>
      </c>
      <c r="HH42" s="161">
        <v>0</v>
      </c>
      <c r="HI42" s="161">
        <v>0</v>
      </c>
      <c r="HJ42" s="161">
        <v>0</v>
      </c>
      <c r="HK42" s="161">
        <v>0</v>
      </c>
      <c r="HL42" s="161">
        <v>0</v>
      </c>
      <c r="HM42" s="162">
        <v>0</v>
      </c>
      <c r="HN42" s="163">
        <v>0</v>
      </c>
      <c r="HO42" s="462">
        <v>0</v>
      </c>
      <c r="HP42" s="463">
        <v>0</v>
      </c>
      <c r="HQ42" s="464">
        <v>0</v>
      </c>
      <c r="HR42" s="465">
        <v>0</v>
      </c>
      <c r="HS42" s="463">
        <v>0</v>
      </c>
      <c r="HT42" s="463">
        <v>0</v>
      </c>
      <c r="HU42" s="463">
        <v>0</v>
      </c>
      <c r="HV42" s="463">
        <v>0</v>
      </c>
      <c r="HW42" s="463">
        <v>0</v>
      </c>
      <c r="HX42" s="466">
        <v>0</v>
      </c>
      <c r="HY42" s="467">
        <v>0</v>
      </c>
      <c r="HZ42" s="136">
        <v>0</v>
      </c>
      <c r="IA42" s="137">
        <v>0</v>
      </c>
      <c r="IB42" s="138">
        <v>0</v>
      </c>
      <c r="IC42" s="139">
        <v>0</v>
      </c>
      <c r="ID42" s="140">
        <v>0</v>
      </c>
      <c r="IE42" s="141">
        <v>0</v>
      </c>
      <c r="IF42" s="142">
        <v>0</v>
      </c>
      <c r="IG42" s="140">
        <v>0</v>
      </c>
      <c r="IH42" s="142">
        <v>145699</v>
      </c>
      <c r="II42" s="143">
        <v>145699</v>
      </c>
      <c r="IJ42" s="144">
        <v>145699</v>
      </c>
      <c r="IK42" s="216">
        <v>0</v>
      </c>
      <c r="IL42" s="221">
        <v>0</v>
      </c>
      <c r="IM42" s="222">
        <v>0</v>
      </c>
      <c r="IN42" s="471">
        <v>0</v>
      </c>
      <c r="IO42" s="146">
        <v>0</v>
      </c>
      <c r="IP42" s="146">
        <v>0</v>
      </c>
      <c r="IQ42" s="146">
        <v>0</v>
      </c>
      <c r="IR42" s="146">
        <v>0</v>
      </c>
      <c r="IS42" s="146">
        <v>0</v>
      </c>
      <c r="IT42" s="147">
        <v>0</v>
      </c>
      <c r="IU42" s="293">
        <v>0</v>
      </c>
      <c r="IV42" s="148">
        <v>0</v>
      </c>
      <c r="IW42" s="146">
        <v>0</v>
      </c>
      <c r="IX42" s="150">
        <v>0</v>
      </c>
      <c r="IY42" s="471">
        <v>0</v>
      </c>
      <c r="IZ42" s="146">
        <v>0</v>
      </c>
      <c r="JA42" s="146">
        <v>0</v>
      </c>
      <c r="JB42" s="146">
        <v>0</v>
      </c>
      <c r="JC42" s="146">
        <v>0</v>
      </c>
      <c r="JD42" s="146">
        <v>0</v>
      </c>
      <c r="JE42" s="150">
        <v>0</v>
      </c>
      <c r="JF42" s="151">
        <v>0</v>
      </c>
      <c r="JG42" s="148">
        <v>0</v>
      </c>
      <c r="JH42" s="146">
        <v>0</v>
      </c>
      <c r="JI42" s="147">
        <v>0</v>
      </c>
      <c r="JJ42" s="149">
        <v>0</v>
      </c>
      <c r="JK42" s="146">
        <v>0</v>
      </c>
      <c r="JL42" s="146">
        <v>0</v>
      </c>
      <c r="JM42" s="146">
        <v>0</v>
      </c>
      <c r="JN42" s="146">
        <v>0</v>
      </c>
      <c r="JO42" s="146">
        <v>145699</v>
      </c>
      <c r="JP42" s="150">
        <v>145699</v>
      </c>
      <c r="JQ42" s="293">
        <v>145699</v>
      </c>
      <c r="JR42" s="148">
        <v>0</v>
      </c>
      <c r="JS42" s="146">
        <v>0</v>
      </c>
      <c r="JT42" s="147">
        <v>0</v>
      </c>
      <c r="JU42" s="149">
        <v>0</v>
      </c>
      <c r="JV42" s="146">
        <v>0</v>
      </c>
      <c r="JW42" s="146">
        <v>0</v>
      </c>
      <c r="JX42" s="146">
        <v>0</v>
      </c>
      <c r="JY42" s="146">
        <v>0</v>
      </c>
      <c r="JZ42" s="146">
        <v>0</v>
      </c>
      <c r="KA42" s="150">
        <v>0</v>
      </c>
      <c r="KB42" s="293">
        <v>0</v>
      </c>
      <c r="KC42" s="218">
        <v>0</v>
      </c>
      <c r="KD42" s="214">
        <v>0</v>
      </c>
      <c r="KE42" s="150">
        <v>0</v>
      </c>
      <c r="KF42" s="149">
        <v>0</v>
      </c>
      <c r="KG42" s="146">
        <v>0</v>
      </c>
      <c r="KH42" s="146">
        <v>0</v>
      </c>
      <c r="KI42" s="146">
        <v>0</v>
      </c>
      <c r="KJ42" s="146">
        <v>0</v>
      </c>
      <c r="KK42" s="146">
        <v>0</v>
      </c>
      <c r="KL42" s="150">
        <v>0</v>
      </c>
      <c r="KM42" s="152">
        <v>0</v>
      </c>
      <c r="KN42" s="216">
        <v>0</v>
      </c>
      <c r="KO42" s="221">
        <v>0</v>
      </c>
      <c r="KP42" s="222">
        <v>0</v>
      </c>
      <c r="KQ42" s="471">
        <v>0</v>
      </c>
      <c r="KR42" s="146">
        <v>0</v>
      </c>
      <c r="KS42" s="146">
        <v>0</v>
      </c>
      <c r="KT42" s="146">
        <v>0</v>
      </c>
      <c r="KU42" s="146">
        <v>0</v>
      </c>
      <c r="KV42" s="146">
        <v>0</v>
      </c>
      <c r="KW42" s="150">
        <v>0</v>
      </c>
      <c r="KX42" s="293">
        <v>0</v>
      </c>
      <c r="KY42" s="148">
        <v>0</v>
      </c>
      <c r="KZ42" s="146">
        <v>0</v>
      </c>
      <c r="LA42" s="150">
        <v>0</v>
      </c>
      <c r="LB42" s="471">
        <v>0</v>
      </c>
      <c r="LC42" s="146">
        <v>0</v>
      </c>
      <c r="LD42" s="146">
        <v>0</v>
      </c>
      <c r="LE42" s="146">
        <v>0</v>
      </c>
      <c r="LF42" s="146">
        <v>0</v>
      </c>
      <c r="LG42" s="146">
        <v>0</v>
      </c>
      <c r="LH42" s="150">
        <v>0</v>
      </c>
      <c r="LI42" s="151">
        <v>0</v>
      </c>
      <c r="LJ42" s="148">
        <v>0</v>
      </c>
      <c r="LK42" s="146">
        <v>0</v>
      </c>
      <c r="LL42" s="150">
        <v>0</v>
      </c>
      <c r="LM42" s="471">
        <v>0</v>
      </c>
      <c r="LN42" s="146">
        <v>0</v>
      </c>
      <c r="LO42" s="146">
        <v>0</v>
      </c>
      <c r="LP42" s="146">
        <v>0</v>
      </c>
      <c r="LQ42" s="146">
        <v>0</v>
      </c>
      <c r="LR42" s="146">
        <v>0</v>
      </c>
      <c r="LS42" s="150">
        <v>0</v>
      </c>
      <c r="LT42" s="293">
        <v>0</v>
      </c>
      <c r="LU42" s="148">
        <v>0</v>
      </c>
      <c r="LV42" s="146">
        <v>0</v>
      </c>
      <c r="LW42" s="150">
        <v>0</v>
      </c>
      <c r="LX42" s="471">
        <v>0</v>
      </c>
      <c r="LY42" s="146">
        <v>0</v>
      </c>
      <c r="LZ42" s="146">
        <v>0</v>
      </c>
      <c r="MA42" s="146">
        <v>0</v>
      </c>
      <c r="MB42" s="146">
        <v>0</v>
      </c>
      <c r="MC42" s="146">
        <v>0</v>
      </c>
      <c r="MD42" s="150">
        <v>0</v>
      </c>
      <c r="ME42" s="151">
        <v>0</v>
      </c>
      <c r="MF42" s="148">
        <v>0</v>
      </c>
      <c r="MG42" s="146">
        <v>0</v>
      </c>
      <c r="MH42" s="150">
        <v>0</v>
      </c>
      <c r="MI42" s="471">
        <v>0</v>
      </c>
      <c r="MJ42" s="146">
        <v>0</v>
      </c>
      <c r="MK42" s="146">
        <v>0</v>
      </c>
      <c r="ML42" s="146">
        <v>0</v>
      </c>
      <c r="MM42" s="146">
        <v>0</v>
      </c>
      <c r="MN42" s="146">
        <v>0</v>
      </c>
      <c r="MO42" s="150">
        <v>0</v>
      </c>
      <c r="MP42" s="152">
        <v>0</v>
      </c>
      <c r="MQ42" s="148">
        <v>0</v>
      </c>
      <c r="MR42" s="146">
        <v>0</v>
      </c>
      <c r="MS42" s="150">
        <v>0</v>
      </c>
      <c r="MT42" s="471">
        <v>0</v>
      </c>
      <c r="MU42" s="146">
        <v>0</v>
      </c>
      <c r="MV42" s="146">
        <v>0</v>
      </c>
      <c r="MW42" s="146">
        <v>0</v>
      </c>
      <c r="MX42" s="146">
        <v>0</v>
      </c>
      <c r="MY42" s="146">
        <v>0</v>
      </c>
      <c r="MZ42" s="150">
        <v>0</v>
      </c>
      <c r="NA42" s="152">
        <v>0</v>
      </c>
      <c r="NB42" s="148">
        <v>0</v>
      </c>
      <c r="NC42" s="146">
        <v>0</v>
      </c>
      <c r="ND42" s="150">
        <v>0</v>
      </c>
      <c r="NE42" s="471">
        <v>0</v>
      </c>
      <c r="NF42" s="146">
        <v>0</v>
      </c>
      <c r="NG42" s="146">
        <v>0</v>
      </c>
      <c r="NH42" s="146">
        <v>0</v>
      </c>
      <c r="NI42" s="146">
        <v>0</v>
      </c>
      <c r="NJ42" s="146">
        <v>0</v>
      </c>
      <c r="NK42" s="150">
        <v>0</v>
      </c>
      <c r="NL42" s="293">
        <v>0</v>
      </c>
      <c r="NM42" s="148">
        <v>0</v>
      </c>
      <c r="NN42" s="146">
        <v>0</v>
      </c>
      <c r="NO42" s="150">
        <v>0</v>
      </c>
      <c r="NP42" s="471">
        <v>0</v>
      </c>
      <c r="NQ42" s="146">
        <v>0</v>
      </c>
      <c r="NR42" s="146">
        <v>0</v>
      </c>
      <c r="NS42" s="146">
        <v>0</v>
      </c>
      <c r="NT42" s="146">
        <v>0</v>
      </c>
      <c r="NU42" s="146">
        <v>0</v>
      </c>
      <c r="NV42" s="150">
        <v>0</v>
      </c>
      <c r="NW42" s="151">
        <v>0</v>
      </c>
      <c r="NX42" s="148">
        <v>0</v>
      </c>
      <c r="NY42" s="146">
        <v>0</v>
      </c>
      <c r="NZ42" s="150">
        <v>0</v>
      </c>
      <c r="OA42" s="471">
        <v>0</v>
      </c>
      <c r="OB42" s="146">
        <v>0</v>
      </c>
      <c r="OC42" s="146">
        <v>0</v>
      </c>
      <c r="OD42" s="146">
        <v>0</v>
      </c>
      <c r="OE42" s="146">
        <v>0</v>
      </c>
      <c r="OF42" s="146">
        <v>0</v>
      </c>
      <c r="OG42" s="150">
        <v>0</v>
      </c>
      <c r="OH42" s="151">
        <v>0</v>
      </c>
      <c r="OI42" s="148">
        <v>16741</v>
      </c>
      <c r="OJ42" s="146">
        <v>0</v>
      </c>
      <c r="OK42" s="147">
        <v>16741</v>
      </c>
      <c r="OL42" s="149">
        <v>0</v>
      </c>
      <c r="OM42" s="146">
        <v>0</v>
      </c>
      <c r="ON42" s="146">
        <v>0</v>
      </c>
      <c r="OO42" s="146">
        <v>0</v>
      </c>
      <c r="OP42" s="146">
        <v>90748</v>
      </c>
      <c r="OQ42" s="146">
        <v>290145</v>
      </c>
      <c r="OR42" s="150">
        <v>380893</v>
      </c>
      <c r="OS42" s="152">
        <v>397634</v>
      </c>
    </row>
    <row r="43" spans="2:409" x14ac:dyDescent="0.2">
      <c r="B43" s="39"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268" customWidth="1"/>
    <col min="2" max="2" width="9.77734375" style="268" customWidth="1"/>
    <col min="3" max="4" width="9.21875" style="268" bestFit="1" customWidth="1"/>
    <col min="5" max="5" width="10.77734375" style="268" bestFit="1" customWidth="1"/>
    <col min="6" max="6" width="7.88671875" style="268" customWidth="1"/>
    <col min="7" max="11" width="10.44140625" style="268" bestFit="1" customWidth="1"/>
    <col min="12" max="13" width="11.6640625" style="268" bestFit="1" customWidth="1"/>
    <col min="14" max="16" width="9.21875" style="268" bestFit="1" customWidth="1"/>
    <col min="17" max="17" width="7.44140625" style="268" customWidth="1"/>
    <col min="18" max="18" width="9.21875" style="268" bestFit="1" customWidth="1"/>
    <col min="19" max="22" width="10.44140625" style="268" bestFit="1" customWidth="1"/>
    <col min="23" max="24" width="11.6640625" style="268" bestFit="1" customWidth="1"/>
    <col min="25" max="27" width="9.109375" style="268" bestFit="1" customWidth="1"/>
    <col min="28" max="28" width="7" style="268" customWidth="1"/>
    <col min="29" max="30" width="9.109375" style="268" bestFit="1" customWidth="1"/>
    <col min="31" max="32" width="9.6640625" style="268" bestFit="1" customWidth="1"/>
    <col min="33" max="33" width="9.109375" style="268" bestFit="1" customWidth="1"/>
    <col min="34" max="35" width="9.6640625" style="268" bestFit="1" customWidth="1"/>
    <col min="36" max="38" width="9.109375" style="268" bestFit="1" customWidth="1"/>
    <col min="39" max="39" width="7.33203125" style="268" customWidth="1"/>
    <col min="40" max="49" width="9.109375" style="268" bestFit="1" customWidth="1"/>
    <col min="50" max="50" width="7.33203125" style="268" customWidth="1"/>
    <col min="51" max="60" width="9.109375" style="268" bestFit="1" customWidth="1"/>
    <col min="61" max="61" width="7.77734375" style="268" customWidth="1"/>
    <col min="62" max="71" width="9.109375" style="268" bestFit="1" customWidth="1"/>
    <col min="72" max="72" width="7.77734375" style="268" customWidth="1"/>
    <col min="73" max="77" width="9.109375" style="268" bestFit="1" customWidth="1"/>
    <col min="78" max="79" width="9.6640625" style="268" bestFit="1" customWidth="1"/>
    <col min="80" max="82" width="9.109375" style="268" bestFit="1" customWidth="1"/>
    <col min="83" max="83" width="7.88671875" style="268" customWidth="1"/>
    <col min="84" max="93" width="9.109375" style="268" bestFit="1" customWidth="1"/>
    <col min="94" max="94" width="8" style="268" customWidth="1"/>
    <col min="95" max="104" width="9.109375" style="268" bestFit="1" customWidth="1"/>
    <col min="105" max="105" width="8" style="268" customWidth="1"/>
    <col min="106" max="115" width="9.109375" style="268" bestFit="1" customWidth="1"/>
    <col min="116" max="116" width="7.6640625" style="268" customWidth="1"/>
    <col min="117" max="117" width="9.109375" style="268" bestFit="1" customWidth="1"/>
    <col min="118" max="121" width="9.6640625" style="268" bestFit="1" customWidth="1"/>
    <col min="122" max="123" width="10.6640625" style="268" bestFit="1" customWidth="1"/>
    <col min="124" max="126" width="9.109375" style="268" bestFit="1" customWidth="1"/>
    <col min="127" max="127" width="7.44140625" style="268" customWidth="1"/>
    <col min="128" max="129" width="9.109375" style="268" bestFit="1" customWidth="1"/>
    <col min="130" max="134" width="9.6640625" style="268" bestFit="1" customWidth="1"/>
    <col min="135" max="137" width="9.109375" style="268" bestFit="1" customWidth="1"/>
    <col min="138" max="138" width="7.6640625" style="268" customWidth="1"/>
    <col min="139" max="148" width="9.109375" style="268" bestFit="1" customWidth="1"/>
    <col min="149" max="149" width="7.77734375" style="268" customWidth="1"/>
    <col min="150" max="159" width="9.109375" style="268" bestFit="1" customWidth="1"/>
    <col min="160" max="160" width="7.77734375" style="268" customWidth="1"/>
    <col min="161" max="170" width="9.109375" style="268" bestFit="1" customWidth="1"/>
    <col min="171" max="171" width="7.33203125" style="268" customWidth="1"/>
    <col min="172" max="181" width="9.109375" style="268" bestFit="1" customWidth="1"/>
    <col min="182" max="182" width="8" style="268" customWidth="1"/>
    <col min="183" max="188" width="9.109375" style="268" bestFit="1" customWidth="1"/>
    <col min="189" max="189" width="9.6640625" style="268" bestFit="1" customWidth="1"/>
    <col min="190" max="192" width="9.109375" style="268" bestFit="1" customWidth="1"/>
    <col min="193" max="193" width="7.44140625" style="268" customWidth="1"/>
    <col min="194" max="203" width="9.109375" style="268" bestFit="1" customWidth="1"/>
    <col min="204" max="204" width="7.88671875" style="268" customWidth="1"/>
    <col min="205" max="214" width="9.109375" style="268" bestFit="1" customWidth="1"/>
    <col min="215" max="215" width="7.88671875" style="268" customWidth="1"/>
    <col min="216" max="225" width="9.109375" style="268" bestFit="1" customWidth="1"/>
    <col min="226" max="226" width="7.6640625" style="268" customWidth="1"/>
    <col min="227" max="229" width="9.6640625" style="268" bestFit="1" customWidth="1"/>
    <col min="230" max="230" width="10.6640625" style="268" bestFit="1" customWidth="1"/>
    <col min="231" max="231" width="9.6640625" style="268" bestFit="1" customWidth="1"/>
    <col min="232" max="233" width="10.6640625" style="268" bestFit="1" customWidth="1"/>
    <col min="234" max="16384" width="9" style="268"/>
  </cols>
  <sheetData>
    <row r="1" spans="2:233" s="1" customFormat="1" ht="24" customHeight="1" x14ac:dyDescent="0.2">
      <c r="B1" s="15" t="s">
        <v>161</v>
      </c>
      <c r="C1" s="34"/>
      <c r="D1" s="34"/>
      <c r="E1" s="433">
        <f>第１表!F2</f>
        <v>6</v>
      </c>
      <c r="F1" s="434">
        <f>第１表!G2</f>
        <v>3</v>
      </c>
      <c r="G1" s="643">
        <f>IF(F1&lt;3,F1-2+12,F1-2)</f>
        <v>1</v>
      </c>
      <c r="H1" s="643"/>
      <c r="L1" s="34"/>
      <c r="CL1" s="34"/>
      <c r="CM1" s="34"/>
      <c r="CN1" s="34"/>
      <c r="CO1" s="34"/>
      <c r="CP1" s="34"/>
      <c r="CQ1" s="34"/>
      <c r="CR1" s="34"/>
      <c r="CS1" s="34"/>
      <c r="CT1" s="34"/>
      <c r="CU1" s="34"/>
      <c r="CV1" s="34"/>
      <c r="CW1" s="34"/>
      <c r="CX1" s="34"/>
      <c r="CY1" s="34"/>
      <c r="CZ1" s="34"/>
      <c r="DA1" s="34"/>
      <c r="DB1" s="34"/>
      <c r="DC1" s="34"/>
      <c r="DD1" s="34"/>
      <c r="DE1" s="34"/>
      <c r="DF1" s="34"/>
      <c r="DG1" s="34"/>
      <c r="DH1" s="34"/>
      <c r="DI1" s="34"/>
      <c r="DJ1" s="34"/>
      <c r="DK1" s="34"/>
      <c r="DL1" s="34"/>
      <c r="DM1" s="34"/>
      <c r="DN1" s="34"/>
      <c r="DO1" s="34"/>
      <c r="DP1" s="34"/>
      <c r="DQ1" s="34"/>
      <c r="DR1" s="34"/>
      <c r="DS1" s="34"/>
      <c r="DT1" s="34"/>
      <c r="DU1" s="34"/>
      <c r="DV1" s="34"/>
      <c r="DW1" s="34"/>
      <c r="DX1" s="34"/>
      <c r="DY1" s="34"/>
      <c r="DZ1" s="34"/>
      <c r="EA1" s="34"/>
      <c r="EB1" s="34"/>
      <c r="EC1" s="34"/>
    </row>
    <row r="2" spans="2:233" ht="24" customHeight="1" thickBot="1" x14ac:dyDescent="0.25">
      <c r="B2" s="15" t="s">
        <v>162</v>
      </c>
    </row>
    <row r="3" spans="2:233" ht="21" customHeight="1" thickBot="1" x14ac:dyDescent="0.25">
      <c r="B3" s="711"/>
      <c r="C3" s="724" t="s">
        <v>116</v>
      </c>
      <c r="D3" s="725"/>
      <c r="E3" s="725"/>
      <c r="F3" s="725"/>
      <c r="G3" s="725"/>
      <c r="H3" s="725"/>
      <c r="I3" s="725"/>
      <c r="J3" s="725"/>
      <c r="K3" s="725"/>
      <c r="L3" s="725"/>
      <c r="M3" s="725"/>
      <c r="N3" s="476"/>
      <c r="O3" s="476"/>
      <c r="P3" s="476"/>
      <c r="Q3" s="476"/>
      <c r="R3" s="476"/>
      <c r="S3" s="476"/>
      <c r="T3" s="476"/>
      <c r="U3" s="476"/>
      <c r="V3" s="476"/>
      <c r="W3" s="476"/>
      <c r="X3" s="476"/>
      <c r="Y3" s="476"/>
      <c r="Z3" s="476"/>
      <c r="AA3" s="476"/>
      <c r="AB3" s="476"/>
      <c r="AC3" s="476"/>
      <c r="AD3" s="476"/>
      <c r="AE3" s="476"/>
      <c r="AF3" s="476"/>
      <c r="AG3" s="476"/>
      <c r="AH3" s="476"/>
      <c r="AI3" s="476"/>
      <c r="AJ3" s="476"/>
      <c r="AK3" s="476"/>
      <c r="AL3" s="476"/>
      <c r="AM3" s="476"/>
      <c r="AN3" s="476"/>
      <c r="AO3" s="476"/>
      <c r="AP3" s="476"/>
      <c r="AQ3" s="476"/>
      <c r="AR3" s="476"/>
      <c r="AS3" s="476"/>
      <c r="AT3" s="476"/>
      <c r="AU3" s="476"/>
      <c r="AV3" s="476"/>
      <c r="AW3" s="476"/>
      <c r="AX3" s="476"/>
      <c r="AY3" s="476"/>
      <c r="AZ3" s="476"/>
      <c r="BA3" s="476"/>
      <c r="BB3" s="476"/>
      <c r="BC3" s="476"/>
      <c r="BD3" s="476"/>
      <c r="BE3" s="476"/>
      <c r="BF3" s="476"/>
      <c r="BG3" s="476"/>
      <c r="BH3" s="476"/>
      <c r="BI3" s="476"/>
      <c r="BJ3" s="476"/>
      <c r="BK3" s="476"/>
      <c r="BL3" s="476"/>
      <c r="BM3" s="476"/>
      <c r="BN3" s="476"/>
      <c r="BO3" s="476"/>
      <c r="BP3" s="476"/>
      <c r="BQ3" s="476"/>
      <c r="BR3" s="476"/>
      <c r="BS3" s="476"/>
      <c r="BT3" s="476"/>
      <c r="BU3" s="476"/>
      <c r="BV3" s="476"/>
      <c r="BW3" s="476"/>
      <c r="BX3" s="476"/>
      <c r="BY3" s="476"/>
      <c r="BZ3" s="476"/>
      <c r="CA3" s="476"/>
      <c r="CB3" s="476"/>
      <c r="CC3" s="476"/>
      <c r="CD3" s="476"/>
      <c r="CE3" s="476"/>
      <c r="CF3" s="476"/>
      <c r="CG3" s="476"/>
      <c r="CH3" s="476"/>
      <c r="CI3" s="476"/>
      <c r="CJ3" s="476"/>
      <c r="CK3" s="476"/>
      <c r="CL3" s="476"/>
      <c r="CM3" s="476"/>
      <c r="CN3" s="476"/>
      <c r="CO3" s="476"/>
      <c r="CP3" s="476"/>
      <c r="CQ3" s="476"/>
      <c r="CR3" s="476"/>
      <c r="CS3" s="476"/>
      <c r="CT3" s="476"/>
      <c r="CU3" s="476"/>
      <c r="CV3" s="476"/>
      <c r="CW3" s="476"/>
      <c r="CX3" s="476"/>
      <c r="CY3" s="476"/>
      <c r="CZ3" s="476"/>
      <c r="DA3" s="476"/>
      <c r="DB3" s="476"/>
      <c r="DC3" s="476"/>
      <c r="DD3" s="476"/>
      <c r="DE3" s="476"/>
      <c r="DF3" s="476"/>
      <c r="DG3" s="476"/>
      <c r="DH3" s="477"/>
      <c r="DI3" s="724" t="s">
        <v>118</v>
      </c>
      <c r="DJ3" s="725"/>
      <c r="DK3" s="725"/>
      <c r="DL3" s="725"/>
      <c r="DM3" s="725"/>
      <c r="DN3" s="725"/>
      <c r="DO3" s="725"/>
      <c r="DP3" s="725"/>
      <c r="DQ3" s="725"/>
      <c r="DR3" s="725"/>
      <c r="DS3" s="725"/>
      <c r="DT3" s="725"/>
      <c r="DU3" s="725"/>
      <c r="DV3" s="725"/>
      <c r="DW3" s="725"/>
      <c r="DX3" s="725"/>
      <c r="DY3" s="725"/>
      <c r="DZ3" s="725"/>
      <c r="EA3" s="725"/>
      <c r="EB3" s="725"/>
      <c r="EC3" s="725"/>
      <c r="ED3" s="725"/>
      <c r="EE3" s="725"/>
      <c r="EF3" s="725"/>
      <c r="EG3" s="725"/>
      <c r="EH3" s="725"/>
      <c r="EI3" s="725"/>
      <c r="EJ3" s="725"/>
      <c r="EK3" s="725"/>
      <c r="EL3" s="725"/>
      <c r="EM3" s="725"/>
      <c r="EN3" s="725"/>
      <c r="EO3" s="725"/>
      <c r="EP3" s="725"/>
      <c r="EQ3" s="725"/>
      <c r="ER3" s="725"/>
      <c r="ES3" s="725"/>
      <c r="ET3" s="725"/>
      <c r="EU3" s="725"/>
      <c r="EV3" s="725"/>
      <c r="EW3" s="725"/>
      <c r="EX3" s="725"/>
      <c r="EY3" s="725"/>
      <c r="EZ3" s="725"/>
      <c r="FA3" s="725"/>
      <c r="FB3" s="725"/>
      <c r="FC3" s="725"/>
      <c r="FD3" s="725"/>
      <c r="FE3" s="725"/>
      <c r="FF3" s="725"/>
      <c r="FG3" s="725"/>
      <c r="FH3" s="725"/>
      <c r="FI3" s="725"/>
      <c r="FJ3" s="725"/>
      <c r="FK3" s="725"/>
      <c r="FL3" s="725"/>
      <c r="FM3" s="725"/>
      <c r="FN3" s="725"/>
      <c r="FO3" s="725"/>
      <c r="FP3" s="725"/>
      <c r="FQ3" s="725"/>
      <c r="FR3" s="725"/>
      <c r="FS3" s="725"/>
      <c r="FT3" s="725"/>
      <c r="FU3" s="725"/>
      <c r="FV3" s="725"/>
      <c r="FW3" s="725"/>
      <c r="FX3" s="725"/>
      <c r="FY3" s="725"/>
      <c r="FZ3" s="725"/>
      <c r="GA3" s="725"/>
      <c r="GB3" s="725"/>
      <c r="GC3" s="725"/>
      <c r="GD3" s="725"/>
      <c r="GE3" s="725"/>
      <c r="GF3" s="725"/>
      <c r="GG3" s="725"/>
      <c r="GH3" s="725"/>
      <c r="GI3" s="725"/>
      <c r="GJ3" s="725"/>
      <c r="GK3" s="725"/>
      <c r="GL3" s="725"/>
      <c r="GM3" s="725"/>
      <c r="GN3" s="725"/>
      <c r="GO3" s="725"/>
      <c r="GP3" s="725"/>
      <c r="GQ3" s="725"/>
      <c r="GR3" s="725"/>
      <c r="GS3" s="725"/>
      <c r="GT3" s="725"/>
      <c r="GU3" s="725"/>
      <c r="GV3" s="725"/>
      <c r="GW3" s="725"/>
      <c r="GX3" s="725"/>
      <c r="GY3" s="725"/>
      <c r="GZ3" s="725"/>
      <c r="HA3" s="725"/>
      <c r="HB3" s="725"/>
      <c r="HC3" s="725"/>
      <c r="HD3" s="725"/>
      <c r="HE3" s="725"/>
      <c r="HF3" s="725"/>
      <c r="HG3" s="725"/>
      <c r="HH3" s="725"/>
      <c r="HI3" s="725"/>
      <c r="HJ3" s="725"/>
      <c r="HK3" s="725"/>
      <c r="HL3" s="725"/>
      <c r="HM3" s="725"/>
      <c r="HN3" s="726"/>
      <c r="HO3" s="718" t="s">
        <v>60</v>
      </c>
      <c r="HP3" s="719"/>
      <c r="HQ3" s="719"/>
      <c r="HR3" s="719"/>
      <c r="HS3" s="719"/>
      <c r="HT3" s="719"/>
      <c r="HU3" s="719"/>
      <c r="HV3" s="719"/>
      <c r="HW3" s="719"/>
      <c r="HX3" s="719"/>
      <c r="HY3" s="720"/>
    </row>
    <row r="4" spans="2:233" ht="21" customHeight="1" thickBot="1" x14ac:dyDescent="0.25">
      <c r="B4" s="712"/>
      <c r="C4" s="699"/>
      <c r="D4" s="700"/>
      <c r="E4" s="700"/>
      <c r="F4" s="700"/>
      <c r="G4" s="700"/>
      <c r="H4" s="700"/>
      <c r="I4" s="700"/>
      <c r="J4" s="700"/>
      <c r="K4" s="700"/>
      <c r="L4" s="700"/>
      <c r="M4" s="727"/>
      <c r="N4" s="714" t="s">
        <v>57</v>
      </c>
      <c r="O4" s="715"/>
      <c r="P4" s="715"/>
      <c r="Q4" s="715"/>
      <c r="R4" s="715"/>
      <c r="S4" s="715"/>
      <c r="T4" s="715"/>
      <c r="U4" s="715"/>
      <c r="V4" s="715"/>
      <c r="W4" s="715"/>
      <c r="X4" s="716"/>
      <c r="Y4" s="714" t="s">
        <v>58</v>
      </c>
      <c r="Z4" s="715"/>
      <c r="AA4" s="715"/>
      <c r="AB4" s="715"/>
      <c r="AC4" s="715"/>
      <c r="AD4" s="715"/>
      <c r="AE4" s="715"/>
      <c r="AF4" s="715"/>
      <c r="AG4" s="715"/>
      <c r="AH4" s="715"/>
      <c r="AI4" s="716"/>
      <c r="AJ4" s="714" t="s">
        <v>59</v>
      </c>
      <c r="AK4" s="715"/>
      <c r="AL4" s="715"/>
      <c r="AM4" s="715"/>
      <c r="AN4" s="715"/>
      <c r="AO4" s="715"/>
      <c r="AP4" s="715"/>
      <c r="AQ4" s="715"/>
      <c r="AR4" s="715"/>
      <c r="AS4" s="715"/>
      <c r="AT4" s="716"/>
      <c r="AU4" s="714" t="s">
        <v>149</v>
      </c>
      <c r="AV4" s="715"/>
      <c r="AW4" s="715"/>
      <c r="AX4" s="715"/>
      <c r="AY4" s="715"/>
      <c r="AZ4" s="715"/>
      <c r="BA4" s="715"/>
      <c r="BB4" s="715"/>
      <c r="BC4" s="715"/>
      <c r="BD4" s="715"/>
      <c r="BE4" s="716"/>
      <c r="BF4" s="714" t="s">
        <v>117</v>
      </c>
      <c r="BG4" s="715"/>
      <c r="BH4" s="715"/>
      <c r="BI4" s="715"/>
      <c r="BJ4" s="715"/>
      <c r="BK4" s="715"/>
      <c r="BL4" s="715"/>
      <c r="BM4" s="715"/>
      <c r="BN4" s="715"/>
      <c r="BO4" s="715"/>
      <c r="BP4" s="716"/>
      <c r="BQ4" s="714" t="s">
        <v>77</v>
      </c>
      <c r="BR4" s="715"/>
      <c r="BS4" s="715"/>
      <c r="BT4" s="715"/>
      <c r="BU4" s="715"/>
      <c r="BV4" s="715"/>
      <c r="BW4" s="715"/>
      <c r="BX4" s="715"/>
      <c r="BY4" s="715"/>
      <c r="BZ4" s="715"/>
      <c r="CA4" s="716"/>
      <c r="CB4" s="714" t="s">
        <v>78</v>
      </c>
      <c r="CC4" s="715"/>
      <c r="CD4" s="715"/>
      <c r="CE4" s="715"/>
      <c r="CF4" s="715"/>
      <c r="CG4" s="715"/>
      <c r="CH4" s="715"/>
      <c r="CI4" s="715"/>
      <c r="CJ4" s="715"/>
      <c r="CK4" s="715"/>
      <c r="CL4" s="716"/>
      <c r="CM4" s="714" t="s">
        <v>79</v>
      </c>
      <c r="CN4" s="715"/>
      <c r="CO4" s="715"/>
      <c r="CP4" s="715"/>
      <c r="CQ4" s="715"/>
      <c r="CR4" s="715"/>
      <c r="CS4" s="715"/>
      <c r="CT4" s="715"/>
      <c r="CU4" s="715"/>
      <c r="CV4" s="715"/>
      <c r="CW4" s="716"/>
      <c r="CX4" s="714" t="s">
        <v>150</v>
      </c>
      <c r="CY4" s="715"/>
      <c r="CZ4" s="715"/>
      <c r="DA4" s="715"/>
      <c r="DB4" s="715"/>
      <c r="DC4" s="715"/>
      <c r="DD4" s="715"/>
      <c r="DE4" s="715"/>
      <c r="DF4" s="715"/>
      <c r="DG4" s="715"/>
      <c r="DH4" s="716"/>
      <c r="DI4" s="699"/>
      <c r="DJ4" s="700"/>
      <c r="DK4" s="700"/>
      <c r="DL4" s="700"/>
      <c r="DM4" s="700"/>
      <c r="DN4" s="700"/>
      <c r="DO4" s="700"/>
      <c r="DP4" s="700"/>
      <c r="DQ4" s="700"/>
      <c r="DR4" s="700"/>
      <c r="DS4" s="701"/>
      <c r="DT4" s="714" t="s">
        <v>57</v>
      </c>
      <c r="DU4" s="715"/>
      <c r="DV4" s="715"/>
      <c r="DW4" s="715"/>
      <c r="DX4" s="715"/>
      <c r="DY4" s="715"/>
      <c r="DZ4" s="715"/>
      <c r="EA4" s="715"/>
      <c r="EB4" s="715"/>
      <c r="EC4" s="715"/>
      <c r="ED4" s="716"/>
      <c r="EE4" s="714" t="s">
        <v>58</v>
      </c>
      <c r="EF4" s="715"/>
      <c r="EG4" s="715"/>
      <c r="EH4" s="715"/>
      <c r="EI4" s="715"/>
      <c r="EJ4" s="715"/>
      <c r="EK4" s="715"/>
      <c r="EL4" s="715"/>
      <c r="EM4" s="715"/>
      <c r="EN4" s="715"/>
      <c r="EO4" s="716"/>
      <c r="EP4" s="714" t="s">
        <v>59</v>
      </c>
      <c r="EQ4" s="715"/>
      <c r="ER4" s="715"/>
      <c r="ES4" s="715"/>
      <c r="ET4" s="715"/>
      <c r="EU4" s="715"/>
      <c r="EV4" s="715"/>
      <c r="EW4" s="715"/>
      <c r="EX4" s="715"/>
      <c r="EY4" s="715"/>
      <c r="EZ4" s="716"/>
      <c r="FA4" s="714" t="s">
        <v>149</v>
      </c>
      <c r="FB4" s="715"/>
      <c r="FC4" s="715"/>
      <c r="FD4" s="715"/>
      <c r="FE4" s="715"/>
      <c r="FF4" s="715"/>
      <c r="FG4" s="715"/>
      <c r="FH4" s="715"/>
      <c r="FI4" s="715"/>
      <c r="FJ4" s="715"/>
      <c r="FK4" s="716"/>
      <c r="FL4" s="714" t="s">
        <v>117</v>
      </c>
      <c r="FM4" s="715"/>
      <c r="FN4" s="715"/>
      <c r="FO4" s="715"/>
      <c r="FP4" s="715"/>
      <c r="FQ4" s="715"/>
      <c r="FR4" s="715"/>
      <c r="FS4" s="715"/>
      <c r="FT4" s="715"/>
      <c r="FU4" s="715"/>
      <c r="FV4" s="716"/>
      <c r="FW4" s="714" t="s">
        <v>77</v>
      </c>
      <c r="FX4" s="715"/>
      <c r="FY4" s="715"/>
      <c r="FZ4" s="715"/>
      <c r="GA4" s="715"/>
      <c r="GB4" s="715"/>
      <c r="GC4" s="715"/>
      <c r="GD4" s="715"/>
      <c r="GE4" s="715"/>
      <c r="GF4" s="715"/>
      <c r="GG4" s="716"/>
      <c r="GH4" s="714" t="s">
        <v>78</v>
      </c>
      <c r="GI4" s="715"/>
      <c r="GJ4" s="715"/>
      <c r="GK4" s="715"/>
      <c r="GL4" s="715"/>
      <c r="GM4" s="715"/>
      <c r="GN4" s="715"/>
      <c r="GO4" s="715"/>
      <c r="GP4" s="715"/>
      <c r="GQ4" s="715"/>
      <c r="GR4" s="716"/>
      <c r="GS4" s="714" t="s">
        <v>79</v>
      </c>
      <c r="GT4" s="715"/>
      <c r="GU4" s="715"/>
      <c r="GV4" s="715"/>
      <c r="GW4" s="715"/>
      <c r="GX4" s="715"/>
      <c r="GY4" s="715"/>
      <c r="GZ4" s="715"/>
      <c r="HA4" s="715"/>
      <c r="HB4" s="715"/>
      <c r="HC4" s="716"/>
      <c r="HD4" s="714" t="s">
        <v>150</v>
      </c>
      <c r="HE4" s="715"/>
      <c r="HF4" s="715"/>
      <c r="HG4" s="715"/>
      <c r="HH4" s="715"/>
      <c r="HI4" s="715"/>
      <c r="HJ4" s="715"/>
      <c r="HK4" s="715"/>
      <c r="HL4" s="715"/>
      <c r="HM4" s="715"/>
      <c r="HN4" s="716"/>
      <c r="HO4" s="721"/>
      <c r="HP4" s="722"/>
      <c r="HQ4" s="722"/>
      <c r="HR4" s="722"/>
      <c r="HS4" s="722"/>
      <c r="HT4" s="722"/>
      <c r="HU4" s="722"/>
      <c r="HV4" s="722"/>
      <c r="HW4" s="722"/>
      <c r="HX4" s="722"/>
      <c r="HY4" s="723"/>
    </row>
    <row r="5" spans="2:233" ht="21" customHeight="1" x14ac:dyDescent="0.2">
      <c r="B5" s="712"/>
      <c r="C5" s="704" t="s">
        <v>61</v>
      </c>
      <c r="D5" s="705"/>
      <c r="E5" s="706"/>
      <c r="F5" s="707" t="s">
        <v>62</v>
      </c>
      <c r="G5" s="705"/>
      <c r="H5" s="705"/>
      <c r="I5" s="705"/>
      <c r="J5" s="705"/>
      <c r="K5" s="705"/>
      <c r="L5" s="708"/>
      <c r="M5" s="717" t="s">
        <v>52</v>
      </c>
      <c r="N5" s="699" t="s">
        <v>61</v>
      </c>
      <c r="O5" s="700"/>
      <c r="P5" s="701"/>
      <c r="Q5" s="702" t="s">
        <v>62</v>
      </c>
      <c r="R5" s="700"/>
      <c r="S5" s="700"/>
      <c r="T5" s="700"/>
      <c r="U5" s="700"/>
      <c r="V5" s="700"/>
      <c r="W5" s="703"/>
      <c r="X5" s="599" t="s">
        <v>52</v>
      </c>
      <c r="Y5" s="699" t="s">
        <v>61</v>
      </c>
      <c r="Z5" s="700"/>
      <c r="AA5" s="701"/>
      <c r="AB5" s="702" t="s">
        <v>62</v>
      </c>
      <c r="AC5" s="700"/>
      <c r="AD5" s="700"/>
      <c r="AE5" s="700"/>
      <c r="AF5" s="700"/>
      <c r="AG5" s="700"/>
      <c r="AH5" s="703"/>
      <c r="AI5" s="599" t="s">
        <v>52</v>
      </c>
      <c r="AJ5" s="699" t="s">
        <v>61</v>
      </c>
      <c r="AK5" s="700"/>
      <c r="AL5" s="701"/>
      <c r="AM5" s="702" t="s">
        <v>62</v>
      </c>
      <c r="AN5" s="700"/>
      <c r="AO5" s="700"/>
      <c r="AP5" s="700"/>
      <c r="AQ5" s="700"/>
      <c r="AR5" s="700"/>
      <c r="AS5" s="703"/>
      <c r="AT5" s="599" t="s">
        <v>52</v>
      </c>
      <c r="AU5" s="699" t="s">
        <v>61</v>
      </c>
      <c r="AV5" s="700"/>
      <c r="AW5" s="701"/>
      <c r="AX5" s="702" t="s">
        <v>62</v>
      </c>
      <c r="AY5" s="700"/>
      <c r="AZ5" s="700"/>
      <c r="BA5" s="700"/>
      <c r="BB5" s="700"/>
      <c r="BC5" s="700"/>
      <c r="BD5" s="703"/>
      <c r="BE5" s="599" t="s">
        <v>52</v>
      </c>
      <c r="BF5" s="699" t="s">
        <v>61</v>
      </c>
      <c r="BG5" s="700"/>
      <c r="BH5" s="701"/>
      <c r="BI5" s="702" t="s">
        <v>62</v>
      </c>
      <c r="BJ5" s="700"/>
      <c r="BK5" s="700"/>
      <c r="BL5" s="700"/>
      <c r="BM5" s="700"/>
      <c r="BN5" s="700"/>
      <c r="BO5" s="703"/>
      <c r="BP5" s="599" t="s">
        <v>52</v>
      </c>
      <c r="BQ5" s="699" t="s">
        <v>61</v>
      </c>
      <c r="BR5" s="700"/>
      <c r="BS5" s="701"/>
      <c r="BT5" s="702" t="s">
        <v>62</v>
      </c>
      <c r="BU5" s="700"/>
      <c r="BV5" s="700"/>
      <c r="BW5" s="700"/>
      <c r="BX5" s="700"/>
      <c r="BY5" s="700"/>
      <c r="BZ5" s="703"/>
      <c r="CA5" s="599" t="s">
        <v>52</v>
      </c>
      <c r="CB5" s="699" t="s">
        <v>61</v>
      </c>
      <c r="CC5" s="700"/>
      <c r="CD5" s="701"/>
      <c r="CE5" s="702" t="s">
        <v>62</v>
      </c>
      <c r="CF5" s="700"/>
      <c r="CG5" s="700"/>
      <c r="CH5" s="700"/>
      <c r="CI5" s="700"/>
      <c r="CJ5" s="700"/>
      <c r="CK5" s="703"/>
      <c r="CL5" s="599" t="s">
        <v>52</v>
      </c>
      <c r="CM5" s="699" t="s">
        <v>61</v>
      </c>
      <c r="CN5" s="700"/>
      <c r="CO5" s="701"/>
      <c r="CP5" s="702" t="s">
        <v>62</v>
      </c>
      <c r="CQ5" s="700"/>
      <c r="CR5" s="700"/>
      <c r="CS5" s="700"/>
      <c r="CT5" s="700"/>
      <c r="CU5" s="700"/>
      <c r="CV5" s="703"/>
      <c r="CW5" s="599" t="s">
        <v>52</v>
      </c>
      <c r="CX5" s="699" t="s">
        <v>61</v>
      </c>
      <c r="CY5" s="700"/>
      <c r="CZ5" s="701"/>
      <c r="DA5" s="702" t="s">
        <v>62</v>
      </c>
      <c r="DB5" s="700"/>
      <c r="DC5" s="700"/>
      <c r="DD5" s="700"/>
      <c r="DE5" s="700"/>
      <c r="DF5" s="700"/>
      <c r="DG5" s="703"/>
      <c r="DH5" s="599" t="s">
        <v>52</v>
      </c>
      <c r="DI5" s="704" t="s">
        <v>61</v>
      </c>
      <c r="DJ5" s="705"/>
      <c r="DK5" s="706"/>
      <c r="DL5" s="707" t="s">
        <v>62</v>
      </c>
      <c r="DM5" s="705"/>
      <c r="DN5" s="705"/>
      <c r="DO5" s="705"/>
      <c r="DP5" s="705"/>
      <c r="DQ5" s="705"/>
      <c r="DR5" s="708"/>
      <c r="DS5" s="709" t="s">
        <v>52</v>
      </c>
      <c r="DT5" s="699" t="s">
        <v>61</v>
      </c>
      <c r="DU5" s="700"/>
      <c r="DV5" s="701"/>
      <c r="DW5" s="702" t="s">
        <v>62</v>
      </c>
      <c r="DX5" s="700"/>
      <c r="DY5" s="700"/>
      <c r="DZ5" s="700"/>
      <c r="EA5" s="700"/>
      <c r="EB5" s="700"/>
      <c r="EC5" s="703"/>
      <c r="ED5" s="599" t="s">
        <v>52</v>
      </c>
      <c r="EE5" s="699" t="s">
        <v>61</v>
      </c>
      <c r="EF5" s="700"/>
      <c r="EG5" s="701"/>
      <c r="EH5" s="702" t="s">
        <v>62</v>
      </c>
      <c r="EI5" s="700"/>
      <c r="EJ5" s="700"/>
      <c r="EK5" s="700"/>
      <c r="EL5" s="700"/>
      <c r="EM5" s="700"/>
      <c r="EN5" s="703"/>
      <c r="EO5" s="599" t="s">
        <v>52</v>
      </c>
      <c r="EP5" s="699" t="s">
        <v>61</v>
      </c>
      <c r="EQ5" s="700"/>
      <c r="ER5" s="701"/>
      <c r="ES5" s="702" t="s">
        <v>62</v>
      </c>
      <c r="ET5" s="700"/>
      <c r="EU5" s="700"/>
      <c r="EV5" s="700"/>
      <c r="EW5" s="700"/>
      <c r="EX5" s="700"/>
      <c r="EY5" s="703"/>
      <c r="EZ5" s="599" t="s">
        <v>52</v>
      </c>
      <c r="FA5" s="699" t="s">
        <v>61</v>
      </c>
      <c r="FB5" s="700"/>
      <c r="FC5" s="701"/>
      <c r="FD5" s="702" t="s">
        <v>62</v>
      </c>
      <c r="FE5" s="700"/>
      <c r="FF5" s="700"/>
      <c r="FG5" s="700"/>
      <c r="FH5" s="700"/>
      <c r="FI5" s="700"/>
      <c r="FJ5" s="703"/>
      <c r="FK5" s="599" t="s">
        <v>52</v>
      </c>
      <c r="FL5" s="699" t="s">
        <v>61</v>
      </c>
      <c r="FM5" s="700"/>
      <c r="FN5" s="701"/>
      <c r="FO5" s="702" t="s">
        <v>62</v>
      </c>
      <c r="FP5" s="700"/>
      <c r="FQ5" s="700"/>
      <c r="FR5" s="700"/>
      <c r="FS5" s="700"/>
      <c r="FT5" s="700"/>
      <c r="FU5" s="703"/>
      <c r="FV5" s="599" t="s">
        <v>52</v>
      </c>
      <c r="FW5" s="699" t="s">
        <v>61</v>
      </c>
      <c r="FX5" s="700"/>
      <c r="FY5" s="701"/>
      <c r="FZ5" s="702" t="s">
        <v>62</v>
      </c>
      <c r="GA5" s="700"/>
      <c r="GB5" s="700"/>
      <c r="GC5" s="700"/>
      <c r="GD5" s="700"/>
      <c r="GE5" s="700"/>
      <c r="GF5" s="703"/>
      <c r="GG5" s="599" t="s">
        <v>52</v>
      </c>
      <c r="GH5" s="699" t="s">
        <v>61</v>
      </c>
      <c r="GI5" s="700"/>
      <c r="GJ5" s="701"/>
      <c r="GK5" s="702" t="s">
        <v>62</v>
      </c>
      <c r="GL5" s="700"/>
      <c r="GM5" s="700"/>
      <c r="GN5" s="700"/>
      <c r="GO5" s="700"/>
      <c r="GP5" s="700"/>
      <c r="GQ5" s="703"/>
      <c r="GR5" s="599" t="s">
        <v>52</v>
      </c>
      <c r="GS5" s="699" t="s">
        <v>61</v>
      </c>
      <c r="GT5" s="700"/>
      <c r="GU5" s="701"/>
      <c r="GV5" s="702" t="s">
        <v>62</v>
      </c>
      <c r="GW5" s="700"/>
      <c r="GX5" s="700"/>
      <c r="GY5" s="700"/>
      <c r="GZ5" s="700"/>
      <c r="HA5" s="700"/>
      <c r="HB5" s="703"/>
      <c r="HC5" s="599" t="s">
        <v>52</v>
      </c>
      <c r="HD5" s="699" t="s">
        <v>61</v>
      </c>
      <c r="HE5" s="700"/>
      <c r="HF5" s="701"/>
      <c r="HG5" s="702" t="s">
        <v>62</v>
      </c>
      <c r="HH5" s="700"/>
      <c r="HI5" s="700"/>
      <c r="HJ5" s="700"/>
      <c r="HK5" s="700"/>
      <c r="HL5" s="700"/>
      <c r="HM5" s="703"/>
      <c r="HN5" s="599" t="s">
        <v>52</v>
      </c>
      <c r="HO5" s="699" t="s">
        <v>61</v>
      </c>
      <c r="HP5" s="700"/>
      <c r="HQ5" s="701"/>
      <c r="HR5" s="702" t="s">
        <v>62</v>
      </c>
      <c r="HS5" s="700"/>
      <c r="HT5" s="700"/>
      <c r="HU5" s="700"/>
      <c r="HV5" s="700"/>
      <c r="HW5" s="700"/>
      <c r="HX5" s="703"/>
      <c r="HY5" s="599" t="s">
        <v>52</v>
      </c>
    </row>
    <row r="6" spans="2:233" ht="30" customHeight="1" thickBot="1" x14ac:dyDescent="0.25">
      <c r="B6" s="713"/>
      <c r="C6" s="327" t="s">
        <v>119</v>
      </c>
      <c r="D6" s="328" t="s">
        <v>44</v>
      </c>
      <c r="E6" s="335" t="s">
        <v>45</v>
      </c>
      <c r="F6" s="336" t="s">
        <v>83</v>
      </c>
      <c r="G6" s="328" t="s">
        <v>47</v>
      </c>
      <c r="H6" s="328" t="s">
        <v>48</v>
      </c>
      <c r="I6" s="328" t="s">
        <v>49</v>
      </c>
      <c r="J6" s="328" t="s">
        <v>50</v>
      </c>
      <c r="K6" s="328" t="s">
        <v>51</v>
      </c>
      <c r="L6" s="337" t="s">
        <v>45</v>
      </c>
      <c r="M6" s="698"/>
      <c r="N6" s="327" t="s">
        <v>119</v>
      </c>
      <c r="O6" s="328" t="s">
        <v>44</v>
      </c>
      <c r="P6" s="335" t="s">
        <v>45</v>
      </c>
      <c r="Q6" s="336" t="s">
        <v>83</v>
      </c>
      <c r="R6" s="328" t="s">
        <v>47</v>
      </c>
      <c r="S6" s="328" t="s">
        <v>48</v>
      </c>
      <c r="T6" s="328" t="s">
        <v>49</v>
      </c>
      <c r="U6" s="328" t="s">
        <v>50</v>
      </c>
      <c r="V6" s="328" t="s">
        <v>51</v>
      </c>
      <c r="W6" s="337" t="s">
        <v>45</v>
      </c>
      <c r="X6" s="698"/>
      <c r="Y6" s="327" t="s">
        <v>119</v>
      </c>
      <c r="Z6" s="328" t="s">
        <v>44</v>
      </c>
      <c r="AA6" s="335" t="s">
        <v>45</v>
      </c>
      <c r="AB6" s="336" t="s">
        <v>83</v>
      </c>
      <c r="AC6" s="328" t="s">
        <v>47</v>
      </c>
      <c r="AD6" s="328" t="s">
        <v>48</v>
      </c>
      <c r="AE6" s="328" t="s">
        <v>49</v>
      </c>
      <c r="AF6" s="328" t="s">
        <v>50</v>
      </c>
      <c r="AG6" s="328" t="s">
        <v>51</v>
      </c>
      <c r="AH6" s="337" t="s">
        <v>45</v>
      </c>
      <c r="AI6" s="698"/>
      <c r="AJ6" s="327" t="s">
        <v>119</v>
      </c>
      <c r="AK6" s="328" t="s">
        <v>44</v>
      </c>
      <c r="AL6" s="335" t="s">
        <v>45</v>
      </c>
      <c r="AM6" s="336" t="s">
        <v>83</v>
      </c>
      <c r="AN6" s="328" t="s">
        <v>47</v>
      </c>
      <c r="AO6" s="328" t="s">
        <v>48</v>
      </c>
      <c r="AP6" s="328" t="s">
        <v>49</v>
      </c>
      <c r="AQ6" s="328" t="s">
        <v>50</v>
      </c>
      <c r="AR6" s="328" t="s">
        <v>51</v>
      </c>
      <c r="AS6" s="337" t="s">
        <v>45</v>
      </c>
      <c r="AT6" s="698"/>
      <c r="AU6" s="327" t="s">
        <v>119</v>
      </c>
      <c r="AV6" s="328" t="s">
        <v>44</v>
      </c>
      <c r="AW6" s="335" t="s">
        <v>45</v>
      </c>
      <c r="AX6" s="336" t="s">
        <v>83</v>
      </c>
      <c r="AY6" s="328" t="s">
        <v>47</v>
      </c>
      <c r="AZ6" s="328" t="s">
        <v>48</v>
      </c>
      <c r="BA6" s="328" t="s">
        <v>49</v>
      </c>
      <c r="BB6" s="328" t="s">
        <v>50</v>
      </c>
      <c r="BC6" s="328" t="s">
        <v>51</v>
      </c>
      <c r="BD6" s="337" t="s">
        <v>45</v>
      </c>
      <c r="BE6" s="698"/>
      <c r="BF6" s="327" t="s">
        <v>119</v>
      </c>
      <c r="BG6" s="328" t="s">
        <v>44</v>
      </c>
      <c r="BH6" s="335" t="s">
        <v>45</v>
      </c>
      <c r="BI6" s="336" t="s">
        <v>83</v>
      </c>
      <c r="BJ6" s="328" t="s">
        <v>47</v>
      </c>
      <c r="BK6" s="328" t="s">
        <v>48</v>
      </c>
      <c r="BL6" s="328" t="s">
        <v>49</v>
      </c>
      <c r="BM6" s="328" t="s">
        <v>50</v>
      </c>
      <c r="BN6" s="328" t="s">
        <v>51</v>
      </c>
      <c r="BO6" s="337" t="s">
        <v>45</v>
      </c>
      <c r="BP6" s="698"/>
      <c r="BQ6" s="327" t="s">
        <v>119</v>
      </c>
      <c r="BR6" s="328" t="s">
        <v>44</v>
      </c>
      <c r="BS6" s="335" t="s">
        <v>45</v>
      </c>
      <c r="BT6" s="336" t="s">
        <v>83</v>
      </c>
      <c r="BU6" s="328" t="s">
        <v>47</v>
      </c>
      <c r="BV6" s="328" t="s">
        <v>48</v>
      </c>
      <c r="BW6" s="328" t="s">
        <v>49</v>
      </c>
      <c r="BX6" s="328" t="s">
        <v>50</v>
      </c>
      <c r="BY6" s="328" t="s">
        <v>51</v>
      </c>
      <c r="BZ6" s="337" t="s">
        <v>45</v>
      </c>
      <c r="CA6" s="698"/>
      <c r="CB6" s="327" t="s">
        <v>119</v>
      </c>
      <c r="CC6" s="328" t="s">
        <v>44</v>
      </c>
      <c r="CD6" s="335" t="s">
        <v>45</v>
      </c>
      <c r="CE6" s="336" t="s">
        <v>83</v>
      </c>
      <c r="CF6" s="328" t="s">
        <v>47</v>
      </c>
      <c r="CG6" s="328" t="s">
        <v>48</v>
      </c>
      <c r="CH6" s="328" t="s">
        <v>49</v>
      </c>
      <c r="CI6" s="328" t="s">
        <v>50</v>
      </c>
      <c r="CJ6" s="328" t="s">
        <v>51</v>
      </c>
      <c r="CK6" s="337" t="s">
        <v>45</v>
      </c>
      <c r="CL6" s="698"/>
      <c r="CM6" s="327" t="s">
        <v>119</v>
      </c>
      <c r="CN6" s="328" t="s">
        <v>44</v>
      </c>
      <c r="CO6" s="335" t="s">
        <v>45</v>
      </c>
      <c r="CP6" s="336" t="s">
        <v>83</v>
      </c>
      <c r="CQ6" s="328" t="s">
        <v>47</v>
      </c>
      <c r="CR6" s="328" t="s">
        <v>48</v>
      </c>
      <c r="CS6" s="328" t="s">
        <v>49</v>
      </c>
      <c r="CT6" s="328" t="s">
        <v>50</v>
      </c>
      <c r="CU6" s="328" t="s">
        <v>51</v>
      </c>
      <c r="CV6" s="337" t="s">
        <v>45</v>
      </c>
      <c r="CW6" s="698"/>
      <c r="CX6" s="327" t="s">
        <v>119</v>
      </c>
      <c r="CY6" s="328" t="s">
        <v>44</v>
      </c>
      <c r="CZ6" s="335" t="s">
        <v>45</v>
      </c>
      <c r="DA6" s="336" t="s">
        <v>83</v>
      </c>
      <c r="DB6" s="328" t="s">
        <v>47</v>
      </c>
      <c r="DC6" s="328" t="s">
        <v>48</v>
      </c>
      <c r="DD6" s="328" t="s">
        <v>49</v>
      </c>
      <c r="DE6" s="328" t="s">
        <v>50</v>
      </c>
      <c r="DF6" s="328" t="s">
        <v>51</v>
      </c>
      <c r="DG6" s="337" t="s">
        <v>45</v>
      </c>
      <c r="DH6" s="698"/>
      <c r="DI6" s="327" t="s">
        <v>119</v>
      </c>
      <c r="DJ6" s="328" t="s">
        <v>44</v>
      </c>
      <c r="DK6" s="335" t="s">
        <v>45</v>
      </c>
      <c r="DL6" s="336" t="s">
        <v>83</v>
      </c>
      <c r="DM6" s="328" t="s">
        <v>47</v>
      </c>
      <c r="DN6" s="328" t="s">
        <v>48</v>
      </c>
      <c r="DO6" s="328" t="s">
        <v>49</v>
      </c>
      <c r="DP6" s="328" t="s">
        <v>50</v>
      </c>
      <c r="DQ6" s="328" t="s">
        <v>51</v>
      </c>
      <c r="DR6" s="337" t="s">
        <v>45</v>
      </c>
      <c r="DS6" s="710"/>
      <c r="DT6" s="327" t="s">
        <v>119</v>
      </c>
      <c r="DU6" s="328" t="s">
        <v>44</v>
      </c>
      <c r="DV6" s="335" t="s">
        <v>45</v>
      </c>
      <c r="DW6" s="336" t="s">
        <v>83</v>
      </c>
      <c r="DX6" s="328" t="s">
        <v>47</v>
      </c>
      <c r="DY6" s="328" t="s">
        <v>48</v>
      </c>
      <c r="DZ6" s="328" t="s">
        <v>49</v>
      </c>
      <c r="EA6" s="328" t="s">
        <v>50</v>
      </c>
      <c r="EB6" s="328" t="s">
        <v>51</v>
      </c>
      <c r="EC6" s="337" t="s">
        <v>45</v>
      </c>
      <c r="ED6" s="698"/>
      <c r="EE6" s="327" t="s">
        <v>119</v>
      </c>
      <c r="EF6" s="328" t="s">
        <v>44</v>
      </c>
      <c r="EG6" s="335" t="s">
        <v>45</v>
      </c>
      <c r="EH6" s="336" t="s">
        <v>83</v>
      </c>
      <c r="EI6" s="328" t="s">
        <v>47</v>
      </c>
      <c r="EJ6" s="328" t="s">
        <v>48</v>
      </c>
      <c r="EK6" s="328" t="s">
        <v>49</v>
      </c>
      <c r="EL6" s="328" t="s">
        <v>50</v>
      </c>
      <c r="EM6" s="328" t="s">
        <v>51</v>
      </c>
      <c r="EN6" s="337" t="s">
        <v>45</v>
      </c>
      <c r="EO6" s="698"/>
      <c r="EP6" s="327" t="s">
        <v>119</v>
      </c>
      <c r="EQ6" s="328" t="s">
        <v>44</v>
      </c>
      <c r="ER6" s="335" t="s">
        <v>45</v>
      </c>
      <c r="ES6" s="336" t="s">
        <v>83</v>
      </c>
      <c r="ET6" s="328" t="s">
        <v>47</v>
      </c>
      <c r="EU6" s="328" t="s">
        <v>48</v>
      </c>
      <c r="EV6" s="328" t="s">
        <v>49</v>
      </c>
      <c r="EW6" s="328" t="s">
        <v>50</v>
      </c>
      <c r="EX6" s="328" t="s">
        <v>51</v>
      </c>
      <c r="EY6" s="337" t="s">
        <v>45</v>
      </c>
      <c r="EZ6" s="698"/>
      <c r="FA6" s="327" t="s">
        <v>119</v>
      </c>
      <c r="FB6" s="328" t="s">
        <v>44</v>
      </c>
      <c r="FC6" s="335" t="s">
        <v>45</v>
      </c>
      <c r="FD6" s="336" t="s">
        <v>83</v>
      </c>
      <c r="FE6" s="328" t="s">
        <v>47</v>
      </c>
      <c r="FF6" s="328" t="s">
        <v>48</v>
      </c>
      <c r="FG6" s="328" t="s">
        <v>49</v>
      </c>
      <c r="FH6" s="328" t="s">
        <v>50</v>
      </c>
      <c r="FI6" s="328" t="s">
        <v>51</v>
      </c>
      <c r="FJ6" s="337" t="s">
        <v>45</v>
      </c>
      <c r="FK6" s="698"/>
      <c r="FL6" s="327" t="s">
        <v>119</v>
      </c>
      <c r="FM6" s="328" t="s">
        <v>44</v>
      </c>
      <c r="FN6" s="335" t="s">
        <v>45</v>
      </c>
      <c r="FO6" s="336" t="s">
        <v>83</v>
      </c>
      <c r="FP6" s="328" t="s">
        <v>47</v>
      </c>
      <c r="FQ6" s="328" t="s">
        <v>48</v>
      </c>
      <c r="FR6" s="328" t="s">
        <v>49</v>
      </c>
      <c r="FS6" s="328" t="s">
        <v>50</v>
      </c>
      <c r="FT6" s="328" t="s">
        <v>51</v>
      </c>
      <c r="FU6" s="337" t="s">
        <v>45</v>
      </c>
      <c r="FV6" s="698"/>
      <c r="FW6" s="327" t="s">
        <v>119</v>
      </c>
      <c r="FX6" s="328" t="s">
        <v>44</v>
      </c>
      <c r="FY6" s="335" t="s">
        <v>45</v>
      </c>
      <c r="FZ6" s="336" t="s">
        <v>83</v>
      </c>
      <c r="GA6" s="328" t="s">
        <v>47</v>
      </c>
      <c r="GB6" s="328" t="s">
        <v>48</v>
      </c>
      <c r="GC6" s="328" t="s">
        <v>49</v>
      </c>
      <c r="GD6" s="328" t="s">
        <v>50</v>
      </c>
      <c r="GE6" s="328" t="s">
        <v>51</v>
      </c>
      <c r="GF6" s="337" t="s">
        <v>45</v>
      </c>
      <c r="GG6" s="698"/>
      <c r="GH6" s="327" t="s">
        <v>119</v>
      </c>
      <c r="GI6" s="328" t="s">
        <v>44</v>
      </c>
      <c r="GJ6" s="335" t="s">
        <v>45</v>
      </c>
      <c r="GK6" s="336" t="s">
        <v>83</v>
      </c>
      <c r="GL6" s="328" t="s">
        <v>47</v>
      </c>
      <c r="GM6" s="328" t="s">
        <v>48</v>
      </c>
      <c r="GN6" s="328" t="s">
        <v>49</v>
      </c>
      <c r="GO6" s="328" t="s">
        <v>50</v>
      </c>
      <c r="GP6" s="328" t="s">
        <v>51</v>
      </c>
      <c r="GQ6" s="337" t="s">
        <v>45</v>
      </c>
      <c r="GR6" s="698"/>
      <c r="GS6" s="327" t="s">
        <v>119</v>
      </c>
      <c r="GT6" s="328" t="s">
        <v>44</v>
      </c>
      <c r="GU6" s="335" t="s">
        <v>45</v>
      </c>
      <c r="GV6" s="336" t="s">
        <v>83</v>
      </c>
      <c r="GW6" s="328" t="s">
        <v>47</v>
      </c>
      <c r="GX6" s="328" t="s">
        <v>48</v>
      </c>
      <c r="GY6" s="328" t="s">
        <v>49</v>
      </c>
      <c r="GZ6" s="328" t="s">
        <v>50</v>
      </c>
      <c r="HA6" s="328" t="s">
        <v>51</v>
      </c>
      <c r="HB6" s="337" t="s">
        <v>45</v>
      </c>
      <c r="HC6" s="698"/>
      <c r="HD6" s="327" t="s">
        <v>119</v>
      </c>
      <c r="HE6" s="328" t="s">
        <v>44</v>
      </c>
      <c r="HF6" s="335" t="s">
        <v>45</v>
      </c>
      <c r="HG6" s="336" t="s">
        <v>83</v>
      </c>
      <c r="HH6" s="328" t="s">
        <v>47</v>
      </c>
      <c r="HI6" s="328" t="s">
        <v>48</v>
      </c>
      <c r="HJ6" s="328" t="s">
        <v>49</v>
      </c>
      <c r="HK6" s="328" t="s">
        <v>50</v>
      </c>
      <c r="HL6" s="328" t="s">
        <v>51</v>
      </c>
      <c r="HM6" s="337" t="s">
        <v>45</v>
      </c>
      <c r="HN6" s="698"/>
      <c r="HO6" s="327" t="s">
        <v>119</v>
      </c>
      <c r="HP6" s="328" t="s">
        <v>44</v>
      </c>
      <c r="HQ6" s="335" t="s">
        <v>45</v>
      </c>
      <c r="HR6" s="336" t="s">
        <v>83</v>
      </c>
      <c r="HS6" s="328" t="s">
        <v>47</v>
      </c>
      <c r="HT6" s="328" t="s">
        <v>48</v>
      </c>
      <c r="HU6" s="328" t="s">
        <v>49</v>
      </c>
      <c r="HV6" s="328" t="s">
        <v>50</v>
      </c>
      <c r="HW6" s="328" t="s">
        <v>51</v>
      </c>
      <c r="HX6" s="337" t="s">
        <v>45</v>
      </c>
      <c r="HY6" s="698"/>
    </row>
    <row r="7" spans="2:233" s="425" customFormat="1" ht="21" customHeight="1" x14ac:dyDescent="0.2">
      <c r="B7" s="435" t="s">
        <v>4</v>
      </c>
      <c r="C7" s="418">
        <v>30355</v>
      </c>
      <c r="D7" s="419">
        <v>113054</v>
      </c>
      <c r="E7" s="420">
        <v>143409</v>
      </c>
      <c r="F7" s="421">
        <v>0</v>
      </c>
      <c r="G7" s="419">
        <v>17494516</v>
      </c>
      <c r="H7" s="419">
        <v>40747577</v>
      </c>
      <c r="I7" s="419">
        <v>116674767</v>
      </c>
      <c r="J7" s="419">
        <v>158844142</v>
      </c>
      <c r="K7" s="419">
        <v>98324996</v>
      </c>
      <c r="L7" s="422">
        <v>432085998</v>
      </c>
      <c r="M7" s="423">
        <v>432229407</v>
      </c>
      <c r="N7" s="418">
        <v>0</v>
      </c>
      <c r="O7" s="419">
        <v>0</v>
      </c>
      <c r="P7" s="420">
        <v>0</v>
      </c>
      <c r="Q7" s="468">
        <v>0</v>
      </c>
      <c r="R7" s="419">
        <v>4710671</v>
      </c>
      <c r="S7" s="419">
        <v>14656794</v>
      </c>
      <c r="T7" s="419">
        <v>80477000</v>
      </c>
      <c r="U7" s="419">
        <v>115611136</v>
      </c>
      <c r="V7" s="419">
        <v>76149252</v>
      </c>
      <c r="W7" s="422">
        <v>291604853</v>
      </c>
      <c r="X7" s="423">
        <v>291604853</v>
      </c>
      <c r="Y7" s="418">
        <v>0</v>
      </c>
      <c r="Z7" s="419">
        <v>0</v>
      </c>
      <c r="AA7" s="420">
        <v>0</v>
      </c>
      <c r="AB7" s="468">
        <v>0</v>
      </c>
      <c r="AC7" s="419">
        <v>10484081</v>
      </c>
      <c r="AD7" s="419">
        <v>21259432</v>
      </c>
      <c r="AE7" s="419">
        <v>26278565</v>
      </c>
      <c r="AF7" s="419">
        <v>31657438</v>
      </c>
      <c r="AG7" s="419">
        <v>14486787</v>
      </c>
      <c r="AH7" s="422">
        <v>104166303</v>
      </c>
      <c r="AI7" s="423">
        <v>104166303</v>
      </c>
      <c r="AJ7" s="418">
        <v>0</v>
      </c>
      <c r="AK7" s="419">
        <v>0</v>
      </c>
      <c r="AL7" s="420">
        <v>0</v>
      </c>
      <c r="AM7" s="468">
        <v>0</v>
      </c>
      <c r="AN7" s="419">
        <v>0</v>
      </c>
      <c r="AO7" s="419">
        <v>0</v>
      </c>
      <c r="AP7" s="419">
        <v>0</v>
      </c>
      <c r="AQ7" s="419">
        <v>355125</v>
      </c>
      <c r="AR7" s="419">
        <v>382230</v>
      </c>
      <c r="AS7" s="422">
        <v>737355</v>
      </c>
      <c r="AT7" s="423">
        <v>737355</v>
      </c>
      <c r="AU7" s="418">
        <v>0</v>
      </c>
      <c r="AV7" s="419">
        <v>0</v>
      </c>
      <c r="AW7" s="420">
        <v>0</v>
      </c>
      <c r="AX7" s="468">
        <v>0</v>
      </c>
      <c r="AY7" s="419">
        <v>191950</v>
      </c>
      <c r="AZ7" s="419">
        <v>247055</v>
      </c>
      <c r="BA7" s="419">
        <v>555630</v>
      </c>
      <c r="BB7" s="419">
        <v>2094015</v>
      </c>
      <c r="BC7" s="419">
        <v>2496500</v>
      </c>
      <c r="BD7" s="422">
        <v>5585150</v>
      </c>
      <c r="BE7" s="423">
        <v>5585150</v>
      </c>
      <c r="BF7" s="418">
        <v>0</v>
      </c>
      <c r="BG7" s="419">
        <v>0</v>
      </c>
      <c r="BH7" s="420">
        <v>0</v>
      </c>
      <c r="BI7" s="468">
        <v>0</v>
      </c>
      <c r="BJ7" s="419">
        <v>59985</v>
      </c>
      <c r="BK7" s="419">
        <v>271965</v>
      </c>
      <c r="BL7" s="419">
        <v>1474610</v>
      </c>
      <c r="BM7" s="419">
        <v>1808350</v>
      </c>
      <c r="BN7" s="419">
        <v>1337190</v>
      </c>
      <c r="BO7" s="422">
        <v>4952100</v>
      </c>
      <c r="BP7" s="423">
        <v>4952100</v>
      </c>
      <c r="BQ7" s="418">
        <v>29920</v>
      </c>
      <c r="BR7" s="419">
        <v>113054</v>
      </c>
      <c r="BS7" s="420">
        <v>142974</v>
      </c>
      <c r="BT7" s="421">
        <v>0</v>
      </c>
      <c r="BU7" s="419">
        <v>1936276</v>
      </c>
      <c r="BV7" s="419">
        <v>4054573</v>
      </c>
      <c r="BW7" s="419">
        <v>7592929</v>
      </c>
      <c r="BX7" s="419">
        <v>7047038</v>
      </c>
      <c r="BY7" s="419">
        <v>3205670</v>
      </c>
      <c r="BZ7" s="422">
        <v>23836486</v>
      </c>
      <c r="CA7" s="423">
        <v>23979460</v>
      </c>
      <c r="CB7" s="418">
        <v>435</v>
      </c>
      <c r="CC7" s="419">
        <v>0</v>
      </c>
      <c r="CD7" s="420">
        <v>435</v>
      </c>
      <c r="CE7" s="421">
        <v>0</v>
      </c>
      <c r="CF7" s="419">
        <v>111553</v>
      </c>
      <c r="CG7" s="419">
        <v>257758</v>
      </c>
      <c r="CH7" s="419">
        <v>296033</v>
      </c>
      <c r="CI7" s="419">
        <v>271040</v>
      </c>
      <c r="CJ7" s="419">
        <v>267367</v>
      </c>
      <c r="CK7" s="422">
        <v>1203751</v>
      </c>
      <c r="CL7" s="423">
        <v>1204186</v>
      </c>
      <c r="CM7" s="418">
        <v>0</v>
      </c>
      <c r="CN7" s="419">
        <v>0</v>
      </c>
      <c r="CO7" s="420">
        <v>0</v>
      </c>
      <c r="CP7" s="421">
        <v>0</v>
      </c>
      <c r="CQ7" s="419">
        <v>0</v>
      </c>
      <c r="CR7" s="419">
        <v>0</v>
      </c>
      <c r="CS7" s="419">
        <v>0</v>
      </c>
      <c r="CT7" s="419">
        <v>0</v>
      </c>
      <c r="CU7" s="419">
        <v>0</v>
      </c>
      <c r="CV7" s="422">
        <v>0</v>
      </c>
      <c r="CW7" s="423">
        <v>0</v>
      </c>
      <c r="CX7" s="418">
        <v>0</v>
      </c>
      <c r="CY7" s="419">
        <v>0</v>
      </c>
      <c r="CZ7" s="420">
        <v>0</v>
      </c>
      <c r="DA7" s="468">
        <v>0</v>
      </c>
      <c r="DB7" s="419">
        <v>0</v>
      </c>
      <c r="DC7" s="419">
        <v>0</v>
      </c>
      <c r="DD7" s="419">
        <v>0</v>
      </c>
      <c r="DE7" s="419">
        <v>0</v>
      </c>
      <c r="DF7" s="419">
        <v>0</v>
      </c>
      <c r="DG7" s="422">
        <v>0</v>
      </c>
      <c r="DH7" s="423">
        <v>0</v>
      </c>
      <c r="DI7" s="418">
        <v>34564</v>
      </c>
      <c r="DJ7" s="419">
        <v>203556</v>
      </c>
      <c r="DK7" s="420">
        <v>238120</v>
      </c>
      <c r="DL7" s="421">
        <v>0</v>
      </c>
      <c r="DM7" s="419">
        <v>11684790</v>
      </c>
      <c r="DN7" s="419">
        <v>32822438</v>
      </c>
      <c r="DO7" s="419">
        <v>128805311</v>
      </c>
      <c r="DP7" s="419">
        <v>168417231</v>
      </c>
      <c r="DQ7" s="419">
        <v>104238603</v>
      </c>
      <c r="DR7" s="422">
        <v>445968373</v>
      </c>
      <c r="DS7" s="424">
        <v>446206493</v>
      </c>
      <c r="DT7" s="418">
        <v>0</v>
      </c>
      <c r="DU7" s="419">
        <v>0</v>
      </c>
      <c r="DV7" s="420">
        <v>0</v>
      </c>
      <c r="DW7" s="468">
        <v>0</v>
      </c>
      <c r="DX7" s="419">
        <v>5929115</v>
      </c>
      <c r="DY7" s="419">
        <v>20748088</v>
      </c>
      <c r="DZ7" s="419">
        <v>107981152</v>
      </c>
      <c r="EA7" s="419">
        <v>146526485</v>
      </c>
      <c r="EB7" s="419">
        <v>92746998</v>
      </c>
      <c r="EC7" s="422">
        <v>373931838</v>
      </c>
      <c r="ED7" s="423">
        <v>373931838</v>
      </c>
      <c r="EE7" s="418">
        <v>0</v>
      </c>
      <c r="EF7" s="419">
        <v>0</v>
      </c>
      <c r="EG7" s="420">
        <v>0</v>
      </c>
      <c r="EH7" s="468">
        <v>0</v>
      </c>
      <c r="EI7" s="419">
        <v>2618064</v>
      </c>
      <c r="EJ7" s="419">
        <v>5040000</v>
      </c>
      <c r="EK7" s="419">
        <v>6242453</v>
      </c>
      <c r="EL7" s="419">
        <v>7207540</v>
      </c>
      <c r="EM7" s="419">
        <v>3563097</v>
      </c>
      <c r="EN7" s="422">
        <v>24671154</v>
      </c>
      <c r="EO7" s="423">
        <v>24671154</v>
      </c>
      <c r="EP7" s="418">
        <v>0</v>
      </c>
      <c r="EQ7" s="419">
        <v>0</v>
      </c>
      <c r="ER7" s="420">
        <v>0</v>
      </c>
      <c r="ES7" s="468">
        <v>0</v>
      </c>
      <c r="ET7" s="419">
        <v>0</v>
      </c>
      <c r="EU7" s="419">
        <v>0</v>
      </c>
      <c r="EV7" s="419">
        <v>0</v>
      </c>
      <c r="EW7" s="419">
        <v>71214</v>
      </c>
      <c r="EX7" s="419">
        <v>68546</v>
      </c>
      <c r="EY7" s="422">
        <v>139760</v>
      </c>
      <c r="EZ7" s="423">
        <v>139760</v>
      </c>
      <c r="FA7" s="418">
        <v>0</v>
      </c>
      <c r="FB7" s="419">
        <v>0</v>
      </c>
      <c r="FC7" s="420">
        <v>0</v>
      </c>
      <c r="FD7" s="468">
        <v>0</v>
      </c>
      <c r="FE7" s="419">
        <v>16439</v>
      </c>
      <c r="FF7" s="419">
        <v>47475</v>
      </c>
      <c r="FG7" s="419">
        <v>85644</v>
      </c>
      <c r="FH7" s="419">
        <v>297299</v>
      </c>
      <c r="FI7" s="419">
        <v>452873</v>
      </c>
      <c r="FJ7" s="422">
        <v>899730</v>
      </c>
      <c r="FK7" s="423">
        <v>899730</v>
      </c>
      <c r="FL7" s="418">
        <v>0</v>
      </c>
      <c r="FM7" s="419">
        <v>0</v>
      </c>
      <c r="FN7" s="420">
        <v>0</v>
      </c>
      <c r="FO7" s="468">
        <v>0</v>
      </c>
      <c r="FP7" s="419">
        <v>79918</v>
      </c>
      <c r="FQ7" s="419">
        <v>362052</v>
      </c>
      <c r="FR7" s="419">
        <v>2496988</v>
      </c>
      <c r="FS7" s="419">
        <v>3130656</v>
      </c>
      <c r="FT7" s="419">
        <v>2287129</v>
      </c>
      <c r="FU7" s="422">
        <v>8356743</v>
      </c>
      <c r="FV7" s="423">
        <v>8356743</v>
      </c>
      <c r="FW7" s="418">
        <v>33132</v>
      </c>
      <c r="FX7" s="419">
        <v>203556</v>
      </c>
      <c r="FY7" s="420">
        <v>236688</v>
      </c>
      <c r="FZ7" s="421">
        <v>0</v>
      </c>
      <c r="GA7" s="419">
        <v>3004297</v>
      </c>
      <c r="GB7" s="419">
        <v>6438488</v>
      </c>
      <c r="GC7" s="419">
        <v>11803387</v>
      </c>
      <c r="GD7" s="419">
        <v>11008792</v>
      </c>
      <c r="GE7" s="419">
        <v>4904909</v>
      </c>
      <c r="GF7" s="422">
        <v>37159873</v>
      </c>
      <c r="GG7" s="423">
        <v>37396561</v>
      </c>
      <c r="GH7" s="418">
        <v>1432</v>
      </c>
      <c r="GI7" s="419">
        <v>0</v>
      </c>
      <c r="GJ7" s="420">
        <v>1432</v>
      </c>
      <c r="GK7" s="421">
        <v>0</v>
      </c>
      <c r="GL7" s="419">
        <v>36957</v>
      </c>
      <c r="GM7" s="419">
        <v>186335</v>
      </c>
      <c r="GN7" s="419">
        <v>195687</v>
      </c>
      <c r="GO7" s="419">
        <v>175245</v>
      </c>
      <c r="GP7" s="419">
        <v>215051</v>
      </c>
      <c r="GQ7" s="422">
        <v>809275</v>
      </c>
      <c r="GR7" s="423">
        <v>810707</v>
      </c>
      <c r="GS7" s="418">
        <v>0</v>
      </c>
      <c r="GT7" s="419">
        <v>0</v>
      </c>
      <c r="GU7" s="420">
        <v>0</v>
      </c>
      <c r="GV7" s="421">
        <v>0</v>
      </c>
      <c r="GW7" s="419">
        <v>0</v>
      </c>
      <c r="GX7" s="419">
        <v>0</v>
      </c>
      <c r="GY7" s="419">
        <v>0</v>
      </c>
      <c r="GZ7" s="419">
        <v>0</v>
      </c>
      <c r="HA7" s="419">
        <v>0</v>
      </c>
      <c r="HB7" s="422">
        <v>0</v>
      </c>
      <c r="HC7" s="423">
        <v>0</v>
      </c>
      <c r="HD7" s="418">
        <v>0</v>
      </c>
      <c r="HE7" s="419">
        <v>0</v>
      </c>
      <c r="HF7" s="420">
        <v>0</v>
      </c>
      <c r="HG7" s="468">
        <v>0</v>
      </c>
      <c r="HH7" s="419">
        <v>0</v>
      </c>
      <c r="HI7" s="419">
        <v>0</v>
      </c>
      <c r="HJ7" s="419">
        <v>0</v>
      </c>
      <c r="HK7" s="419">
        <v>0</v>
      </c>
      <c r="HL7" s="419">
        <v>0</v>
      </c>
      <c r="HM7" s="422">
        <v>0</v>
      </c>
      <c r="HN7" s="423">
        <v>0</v>
      </c>
      <c r="HO7" s="418">
        <v>64919</v>
      </c>
      <c r="HP7" s="419">
        <v>316610</v>
      </c>
      <c r="HQ7" s="420">
        <v>381529</v>
      </c>
      <c r="HR7" s="421">
        <v>0</v>
      </c>
      <c r="HS7" s="419">
        <v>29179306</v>
      </c>
      <c r="HT7" s="419">
        <v>73570015</v>
      </c>
      <c r="HU7" s="419">
        <v>245480078</v>
      </c>
      <c r="HV7" s="419">
        <v>327261373</v>
      </c>
      <c r="HW7" s="419">
        <v>202563599</v>
      </c>
      <c r="HX7" s="422">
        <v>878054371</v>
      </c>
      <c r="HY7" s="423">
        <v>878435900</v>
      </c>
    </row>
    <row r="8" spans="2:233" s="425" customFormat="1" ht="21" customHeight="1" x14ac:dyDescent="0.2">
      <c r="B8" s="436" t="s">
        <v>5</v>
      </c>
      <c r="C8" s="426">
        <v>1240</v>
      </c>
      <c r="D8" s="427">
        <v>51225</v>
      </c>
      <c r="E8" s="428">
        <v>52465</v>
      </c>
      <c r="F8" s="429">
        <v>0</v>
      </c>
      <c r="G8" s="427">
        <v>6849462</v>
      </c>
      <c r="H8" s="427">
        <v>20914306</v>
      </c>
      <c r="I8" s="427">
        <v>50032125</v>
      </c>
      <c r="J8" s="427">
        <v>67588626</v>
      </c>
      <c r="K8" s="427">
        <v>41515626</v>
      </c>
      <c r="L8" s="430">
        <v>186900145</v>
      </c>
      <c r="M8" s="431">
        <v>186952610</v>
      </c>
      <c r="N8" s="426">
        <v>0</v>
      </c>
      <c r="O8" s="427">
        <v>0</v>
      </c>
      <c r="P8" s="428">
        <v>0</v>
      </c>
      <c r="Q8" s="469">
        <v>0</v>
      </c>
      <c r="R8" s="427">
        <v>2413963</v>
      </c>
      <c r="S8" s="427">
        <v>9918665</v>
      </c>
      <c r="T8" s="427">
        <v>35462901</v>
      </c>
      <c r="U8" s="427">
        <v>50773261</v>
      </c>
      <c r="V8" s="427">
        <v>32834610</v>
      </c>
      <c r="W8" s="430">
        <v>131403400</v>
      </c>
      <c r="X8" s="431">
        <v>131403400</v>
      </c>
      <c r="Y8" s="426">
        <v>0</v>
      </c>
      <c r="Z8" s="427">
        <v>0</v>
      </c>
      <c r="AA8" s="428">
        <v>0</v>
      </c>
      <c r="AB8" s="469">
        <v>0</v>
      </c>
      <c r="AC8" s="427">
        <v>3790098</v>
      </c>
      <c r="AD8" s="427">
        <v>9014125</v>
      </c>
      <c r="AE8" s="427">
        <v>11092858</v>
      </c>
      <c r="AF8" s="427">
        <v>13503188</v>
      </c>
      <c r="AG8" s="427">
        <v>6639532</v>
      </c>
      <c r="AH8" s="430">
        <v>44039801</v>
      </c>
      <c r="AI8" s="431">
        <v>44039801</v>
      </c>
      <c r="AJ8" s="426">
        <v>0</v>
      </c>
      <c r="AK8" s="427">
        <v>0</v>
      </c>
      <c r="AL8" s="428">
        <v>0</v>
      </c>
      <c r="AM8" s="469">
        <v>0</v>
      </c>
      <c r="AN8" s="427">
        <v>0</v>
      </c>
      <c r="AO8" s="427">
        <v>0</v>
      </c>
      <c r="AP8" s="427">
        <v>0</v>
      </c>
      <c r="AQ8" s="427">
        <v>64815</v>
      </c>
      <c r="AR8" s="427">
        <v>58045</v>
      </c>
      <c r="AS8" s="430">
        <v>122860</v>
      </c>
      <c r="AT8" s="431">
        <v>122860</v>
      </c>
      <c r="AU8" s="426">
        <v>0</v>
      </c>
      <c r="AV8" s="427">
        <v>0</v>
      </c>
      <c r="AW8" s="428">
        <v>0</v>
      </c>
      <c r="AX8" s="469">
        <v>0</v>
      </c>
      <c r="AY8" s="427">
        <v>24645</v>
      </c>
      <c r="AZ8" s="427">
        <v>64920</v>
      </c>
      <c r="BA8" s="427">
        <v>41205</v>
      </c>
      <c r="BB8" s="427">
        <v>499770</v>
      </c>
      <c r="BC8" s="427">
        <v>417100</v>
      </c>
      <c r="BD8" s="430">
        <v>1047640</v>
      </c>
      <c r="BE8" s="431">
        <v>1047640</v>
      </c>
      <c r="BF8" s="426">
        <v>0</v>
      </c>
      <c r="BG8" s="427">
        <v>0</v>
      </c>
      <c r="BH8" s="428">
        <v>0</v>
      </c>
      <c r="BI8" s="469">
        <v>0</v>
      </c>
      <c r="BJ8" s="427">
        <v>35340</v>
      </c>
      <c r="BK8" s="427">
        <v>139345</v>
      </c>
      <c r="BL8" s="427">
        <v>233965</v>
      </c>
      <c r="BM8" s="427">
        <v>148090</v>
      </c>
      <c r="BN8" s="427">
        <v>205920</v>
      </c>
      <c r="BO8" s="430">
        <v>762660</v>
      </c>
      <c r="BP8" s="431">
        <v>762660</v>
      </c>
      <c r="BQ8" s="426">
        <v>805</v>
      </c>
      <c r="BR8" s="427">
        <v>51225</v>
      </c>
      <c r="BS8" s="428">
        <v>52030</v>
      </c>
      <c r="BT8" s="429">
        <v>0</v>
      </c>
      <c r="BU8" s="427">
        <v>546166</v>
      </c>
      <c r="BV8" s="427">
        <v>1651245</v>
      </c>
      <c r="BW8" s="427">
        <v>3035876</v>
      </c>
      <c r="BX8" s="427">
        <v>2457873</v>
      </c>
      <c r="BY8" s="427">
        <v>1228560</v>
      </c>
      <c r="BZ8" s="430">
        <v>8919720</v>
      </c>
      <c r="CA8" s="431">
        <v>8971750</v>
      </c>
      <c r="CB8" s="426">
        <v>435</v>
      </c>
      <c r="CC8" s="427">
        <v>0</v>
      </c>
      <c r="CD8" s="428">
        <v>435</v>
      </c>
      <c r="CE8" s="429">
        <v>0</v>
      </c>
      <c r="CF8" s="427">
        <v>39250</v>
      </c>
      <c r="CG8" s="427">
        <v>126006</v>
      </c>
      <c r="CH8" s="427">
        <v>165320</v>
      </c>
      <c r="CI8" s="427">
        <v>141629</v>
      </c>
      <c r="CJ8" s="427">
        <v>131859</v>
      </c>
      <c r="CK8" s="430">
        <v>604064</v>
      </c>
      <c r="CL8" s="431">
        <v>604499</v>
      </c>
      <c r="CM8" s="426">
        <v>0</v>
      </c>
      <c r="CN8" s="427">
        <v>0</v>
      </c>
      <c r="CO8" s="428">
        <v>0</v>
      </c>
      <c r="CP8" s="429">
        <v>0</v>
      </c>
      <c r="CQ8" s="427">
        <v>0</v>
      </c>
      <c r="CR8" s="427">
        <v>0</v>
      </c>
      <c r="CS8" s="427">
        <v>0</v>
      </c>
      <c r="CT8" s="427">
        <v>0</v>
      </c>
      <c r="CU8" s="427">
        <v>0</v>
      </c>
      <c r="CV8" s="430">
        <v>0</v>
      </c>
      <c r="CW8" s="431">
        <v>0</v>
      </c>
      <c r="CX8" s="426">
        <v>0</v>
      </c>
      <c r="CY8" s="427">
        <v>0</v>
      </c>
      <c r="CZ8" s="428">
        <v>0</v>
      </c>
      <c r="DA8" s="469">
        <v>0</v>
      </c>
      <c r="DB8" s="427">
        <v>0</v>
      </c>
      <c r="DC8" s="427">
        <v>0</v>
      </c>
      <c r="DD8" s="427">
        <v>0</v>
      </c>
      <c r="DE8" s="427">
        <v>0</v>
      </c>
      <c r="DF8" s="427">
        <v>0</v>
      </c>
      <c r="DG8" s="430">
        <v>0</v>
      </c>
      <c r="DH8" s="431">
        <v>0</v>
      </c>
      <c r="DI8" s="426">
        <v>7678</v>
      </c>
      <c r="DJ8" s="427">
        <v>107425</v>
      </c>
      <c r="DK8" s="428">
        <v>115103</v>
      </c>
      <c r="DL8" s="429">
        <v>0</v>
      </c>
      <c r="DM8" s="427">
        <v>5811414</v>
      </c>
      <c r="DN8" s="427">
        <v>20454055</v>
      </c>
      <c r="DO8" s="427">
        <v>58257690</v>
      </c>
      <c r="DP8" s="427">
        <v>73628502</v>
      </c>
      <c r="DQ8" s="427">
        <v>45960139</v>
      </c>
      <c r="DR8" s="430">
        <v>204111800</v>
      </c>
      <c r="DS8" s="432">
        <v>204226903</v>
      </c>
      <c r="DT8" s="426">
        <v>0</v>
      </c>
      <c r="DU8" s="427">
        <v>0</v>
      </c>
      <c r="DV8" s="428">
        <v>0</v>
      </c>
      <c r="DW8" s="469">
        <v>0</v>
      </c>
      <c r="DX8" s="427">
        <v>3534375</v>
      </c>
      <c r="DY8" s="427">
        <v>14246378</v>
      </c>
      <c r="DZ8" s="427">
        <v>49480973</v>
      </c>
      <c r="EA8" s="427">
        <v>65010146</v>
      </c>
      <c r="EB8" s="427">
        <v>41096071</v>
      </c>
      <c r="EC8" s="430">
        <v>173367943</v>
      </c>
      <c r="ED8" s="431">
        <v>173367943</v>
      </c>
      <c r="EE8" s="426">
        <v>0</v>
      </c>
      <c r="EF8" s="427">
        <v>0</v>
      </c>
      <c r="EG8" s="428">
        <v>0</v>
      </c>
      <c r="EH8" s="469">
        <v>0</v>
      </c>
      <c r="EI8" s="427">
        <v>1297851</v>
      </c>
      <c r="EJ8" s="427">
        <v>3234469</v>
      </c>
      <c r="EK8" s="427">
        <v>3374498</v>
      </c>
      <c r="EL8" s="427">
        <v>4090254</v>
      </c>
      <c r="EM8" s="427">
        <v>2345007</v>
      </c>
      <c r="EN8" s="430">
        <v>14342079</v>
      </c>
      <c r="EO8" s="431">
        <v>14342079</v>
      </c>
      <c r="EP8" s="426">
        <v>0</v>
      </c>
      <c r="EQ8" s="427">
        <v>0</v>
      </c>
      <c r="ER8" s="428">
        <v>0</v>
      </c>
      <c r="ES8" s="469">
        <v>0</v>
      </c>
      <c r="ET8" s="427">
        <v>0</v>
      </c>
      <c r="EU8" s="427">
        <v>0</v>
      </c>
      <c r="EV8" s="427">
        <v>0</v>
      </c>
      <c r="EW8" s="427">
        <v>11981</v>
      </c>
      <c r="EX8" s="427">
        <v>553</v>
      </c>
      <c r="EY8" s="430">
        <v>12534</v>
      </c>
      <c r="EZ8" s="431">
        <v>12534</v>
      </c>
      <c r="FA8" s="426">
        <v>0</v>
      </c>
      <c r="FB8" s="427">
        <v>0</v>
      </c>
      <c r="FC8" s="428">
        <v>0</v>
      </c>
      <c r="FD8" s="469">
        <v>0</v>
      </c>
      <c r="FE8" s="427">
        <v>217</v>
      </c>
      <c r="FF8" s="427">
        <v>11981</v>
      </c>
      <c r="FG8" s="427">
        <v>12015</v>
      </c>
      <c r="FH8" s="427">
        <v>76695</v>
      </c>
      <c r="FI8" s="427">
        <v>136193</v>
      </c>
      <c r="FJ8" s="430">
        <v>237101</v>
      </c>
      <c r="FK8" s="431">
        <v>237101</v>
      </c>
      <c r="FL8" s="426">
        <v>0</v>
      </c>
      <c r="FM8" s="427">
        <v>0</v>
      </c>
      <c r="FN8" s="428">
        <v>0</v>
      </c>
      <c r="FO8" s="469">
        <v>0</v>
      </c>
      <c r="FP8" s="427">
        <v>58342</v>
      </c>
      <c r="FQ8" s="427">
        <v>138260</v>
      </c>
      <c r="FR8" s="427">
        <v>378014</v>
      </c>
      <c r="FS8" s="427">
        <v>339282</v>
      </c>
      <c r="FT8" s="427">
        <v>355864</v>
      </c>
      <c r="FU8" s="430">
        <v>1269762</v>
      </c>
      <c r="FV8" s="431">
        <v>1269762</v>
      </c>
      <c r="FW8" s="426">
        <v>6246</v>
      </c>
      <c r="FX8" s="427">
        <v>107425</v>
      </c>
      <c r="FY8" s="428">
        <v>113671</v>
      </c>
      <c r="FZ8" s="429">
        <v>0</v>
      </c>
      <c r="GA8" s="427">
        <v>901667</v>
      </c>
      <c r="GB8" s="427">
        <v>2721320</v>
      </c>
      <c r="GC8" s="427">
        <v>4894190</v>
      </c>
      <c r="GD8" s="427">
        <v>4007372</v>
      </c>
      <c r="GE8" s="427">
        <v>1933511</v>
      </c>
      <c r="GF8" s="430">
        <v>14458060</v>
      </c>
      <c r="GG8" s="431">
        <v>14571731</v>
      </c>
      <c r="GH8" s="426">
        <v>1432</v>
      </c>
      <c r="GI8" s="427">
        <v>0</v>
      </c>
      <c r="GJ8" s="428">
        <v>1432</v>
      </c>
      <c r="GK8" s="429">
        <v>0</v>
      </c>
      <c r="GL8" s="427">
        <v>18962</v>
      </c>
      <c r="GM8" s="427">
        <v>101647</v>
      </c>
      <c r="GN8" s="427">
        <v>118000</v>
      </c>
      <c r="GO8" s="427">
        <v>92772</v>
      </c>
      <c r="GP8" s="427">
        <v>92940</v>
      </c>
      <c r="GQ8" s="430">
        <v>424321</v>
      </c>
      <c r="GR8" s="431">
        <v>425753</v>
      </c>
      <c r="GS8" s="426">
        <v>0</v>
      </c>
      <c r="GT8" s="427">
        <v>0</v>
      </c>
      <c r="GU8" s="428">
        <v>0</v>
      </c>
      <c r="GV8" s="429">
        <v>0</v>
      </c>
      <c r="GW8" s="427">
        <v>0</v>
      </c>
      <c r="GX8" s="427">
        <v>0</v>
      </c>
      <c r="GY8" s="427">
        <v>0</v>
      </c>
      <c r="GZ8" s="427">
        <v>0</v>
      </c>
      <c r="HA8" s="427">
        <v>0</v>
      </c>
      <c r="HB8" s="430">
        <v>0</v>
      </c>
      <c r="HC8" s="431">
        <v>0</v>
      </c>
      <c r="HD8" s="426">
        <v>0</v>
      </c>
      <c r="HE8" s="427">
        <v>0</v>
      </c>
      <c r="HF8" s="428">
        <v>0</v>
      </c>
      <c r="HG8" s="469">
        <v>0</v>
      </c>
      <c r="HH8" s="427">
        <v>0</v>
      </c>
      <c r="HI8" s="427">
        <v>0</v>
      </c>
      <c r="HJ8" s="427">
        <v>0</v>
      </c>
      <c r="HK8" s="427">
        <v>0</v>
      </c>
      <c r="HL8" s="427">
        <v>0</v>
      </c>
      <c r="HM8" s="430">
        <v>0</v>
      </c>
      <c r="HN8" s="431">
        <v>0</v>
      </c>
      <c r="HO8" s="426">
        <v>8918</v>
      </c>
      <c r="HP8" s="427">
        <v>158650</v>
      </c>
      <c r="HQ8" s="428">
        <v>167568</v>
      </c>
      <c r="HR8" s="429">
        <v>0</v>
      </c>
      <c r="HS8" s="427">
        <v>12660876</v>
      </c>
      <c r="HT8" s="427">
        <v>41368361</v>
      </c>
      <c r="HU8" s="427">
        <v>108289815</v>
      </c>
      <c r="HV8" s="427">
        <v>141217128</v>
      </c>
      <c r="HW8" s="427">
        <v>87475765</v>
      </c>
      <c r="HX8" s="430">
        <v>391011945</v>
      </c>
      <c r="HY8" s="431">
        <v>391179513</v>
      </c>
    </row>
    <row r="9" spans="2:233" ht="21" customHeight="1" x14ac:dyDescent="0.2">
      <c r="B9" s="437" t="s">
        <v>6</v>
      </c>
      <c r="C9" s="269">
        <v>3435</v>
      </c>
      <c r="D9" s="270">
        <v>6948</v>
      </c>
      <c r="E9" s="271">
        <v>10383</v>
      </c>
      <c r="F9" s="272">
        <v>0</v>
      </c>
      <c r="G9" s="270">
        <v>2839206</v>
      </c>
      <c r="H9" s="270">
        <v>4749769</v>
      </c>
      <c r="I9" s="270">
        <v>15726502</v>
      </c>
      <c r="J9" s="270">
        <v>22042500</v>
      </c>
      <c r="K9" s="270">
        <v>13572902</v>
      </c>
      <c r="L9" s="273">
        <v>58930879</v>
      </c>
      <c r="M9" s="274">
        <v>58941262</v>
      </c>
      <c r="N9" s="269">
        <v>0</v>
      </c>
      <c r="O9" s="270">
        <v>0</v>
      </c>
      <c r="P9" s="271">
        <v>0</v>
      </c>
      <c r="Q9" s="470">
        <v>0</v>
      </c>
      <c r="R9" s="270">
        <v>1160585</v>
      </c>
      <c r="S9" s="270">
        <v>1706234</v>
      </c>
      <c r="T9" s="270">
        <v>10938904</v>
      </c>
      <c r="U9" s="270">
        <v>15874287</v>
      </c>
      <c r="V9" s="270">
        <v>10368070</v>
      </c>
      <c r="W9" s="273">
        <v>40048080</v>
      </c>
      <c r="X9" s="274">
        <v>40048080</v>
      </c>
      <c r="Y9" s="269">
        <v>0</v>
      </c>
      <c r="Z9" s="270">
        <v>0</v>
      </c>
      <c r="AA9" s="271">
        <v>0</v>
      </c>
      <c r="AB9" s="470">
        <v>0</v>
      </c>
      <c r="AC9" s="270">
        <v>1347635</v>
      </c>
      <c r="AD9" s="270">
        <v>2512190</v>
      </c>
      <c r="AE9" s="270">
        <v>3135480</v>
      </c>
      <c r="AF9" s="270">
        <v>4657875</v>
      </c>
      <c r="AG9" s="270">
        <v>1930965</v>
      </c>
      <c r="AH9" s="273">
        <v>13584145</v>
      </c>
      <c r="AI9" s="274">
        <v>13584145</v>
      </c>
      <c r="AJ9" s="269">
        <v>0</v>
      </c>
      <c r="AK9" s="270">
        <v>0</v>
      </c>
      <c r="AL9" s="271">
        <v>0</v>
      </c>
      <c r="AM9" s="470">
        <v>0</v>
      </c>
      <c r="AN9" s="270">
        <v>0</v>
      </c>
      <c r="AO9" s="270">
        <v>0</v>
      </c>
      <c r="AP9" s="270">
        <v>0</v>
      </c>
      <c r="AQ9" s="270">
        <v>81530</v>
      </c>
      <c r="AR9" s="270">
        <v>78380</v>
      </c>
      <c r="AS9" s="273">
        <v>159910</v>
      </c>
      <c r="AT9" s="274">
        <v>159910</v>
      </c>
      <c r="AU9" s="269">
        <v>0</v>
      </c>
      <c r="AV9" s="270">
        <v>0</v>
      </c>
      <c r="AW9" s="271">
        <v>0</v>
      </c>
      <c r="AX9" s="470">
        <v>0</v>
      </c>
      <c r="AY9" s="270">
        <v>0</v>
      </c>
      <c r="AZ9" s="270">
        <v>0</v>
      </c>
      <c r="BA9" s="270">
        <v>121705</v>
      </c>
      <c r="BB9" s="270">
        <v>165435</v>
      </c>
      <c r="BC9" s="270">
        <v>252715</v>
      </c>
      <c r="BD9" s="273">
        <v>539855</v>
      </c>
      <c r="BE9" s="274">
        <v>539855</v>
      </c>
      <c r="BF9" s="269">
        <v>0</v>
      </c>
      <c r="BG9" s="270">
        <v>0</v>
      </c>
      <c r="BH9" s="271">
        <v>0</v>
      </c>
      <c r="BI9" s="470">
        <v>0</v>
      </c>
      <c r="BJ9" s="270">
        <v>24645</v>
      </c>
      <c r="BK9" s="270">
        <v>72790</v>
      </c>
      <c r="BL9" s="270">
        <v>465950</v>
      </c>
      <c r="BM9" s="270">
        <v>357255</v>
      </c>
      <c r="BN9" s="270">
        <v>365000</v>
      </c>
      <c r="BO9" s="273">
        <v>1285640</v>
      </c>
      <c r="BP9" s="274">
        <v>1285640</v>
      </c>
      <c r="BQ9" s="269">
        <v>3435</v>
      </c>
      <c r="BR9" s="270">
        <v>6948</v>
      </c>
      <c r="BS9" s="271">
        <v>10383</v>
      </c>
      <c r="BT9" s="272">
        <v>0</v>
      </c>
      <c r="BU9" s="270">
        <v>296181</v>
      </c>
      <c r="BV9" s="270">
        <v>427148</v>
      </c>
      <c r="BW9" s="270">
        <v>1003527</v>
      </c>
      <c r="BX9" s="270">
        <v>849192</v>
      </c>
      <c r="BY9" s="270">
        <v>497603</v>
      </c>
      <c r="BZ9" s="273">
        <v>3073651</v>
      </c>
      <c r="CA9" s="274">
        <v>3084034</v>
      </c>
      <c r="CB9" s="269">
        <v>0</v>
      </c>
      <c r="CC9" s="270">
        <v>0</v>
      </c>
      <c r="CD9" s="271">
        <v>0</v>
      </c>
      <c r="CE9" s="272">
        <v>0</v>
      </c>
      <c r="CF9" s="270">
        <v>10160</v>
      </c>
      <c r="CG9" s="270">
        <v>31407</v>
      </c>
      <c r="CH9" s="270">
        <v>60936</v>
      </c>
      <c r="CI9" s="270">
        <v>56926</v>
      </c>
      <c r="CJ9" s="270">
        <v>80169</v>
      </c>
      <c r="CK9" s="273">
        <v>239598</v>
      </c>
      <c r="CL9" s="274">
        <v>239598</v>
      </c>
      <c r="CM9" s="269">
        <v>0</v>
      </c>
      <c r="CN9" s="270">
        <v>0</v>
      </c>
      <c r="CO9" s="271">
        <v>0</v>
      </c>
      <c r="CP9" s="272">
        <v>0</v>
      </c>
      <c r="CQ9" s="270">
        <v>0</v>
      </c>
      <c r="CR9" s="270">
        <v>0</v>
      </c>
      <c r="CS9" s="270">
        <v>0</v>
      </c>
      <c r="CT9" s="270">
        <v>0</v>
      </c>
      <c r="CU9" s="270">
        <v>0</v>
      </c>
      <c r="CV9" s="273">
        <v>0</v>
      </c>
      <c r="CW9" s="274">
        <v>0</v>
      </c>
      <c r="CX9" s="269">
        <v>0</v>
      </c>
      <c r="CY9" s="270">
        <v>0</v>
      </c>
      <c r="CZ9" s="271">
        <v>0</v>
      </c>
      <c r="DA9" s="470">
        <v>0</v>
      </c>
      <c r="DB9" s="270">
        <v>0</v>
      </c>
      <c r="DC9" s="270">
        <v>0</v>
      </c>
      <c r="DD9" s="270">
        <v>0</v>
      </c>
      <c r="DE9" s="270">
        <v>0</v>
      </c>
      <c r="DF9" s="270">
        <v>0</v>
      </c>
      <c r="DG9" s="273">
        <v>0</v>
      </c>
      <c r="DH9" s="274">
        <v>0</v>
      </c>
      <c r="DI9" s="269">
        <v>3558</v>
      </c>
      <c r="DJ9" s="270">
        <v>9613</v>
      </c>
      <c r="DK9" s="271">
        <v>13171</v>
      </c>
      <c r="DL9" s="272">
        <v>0</v>
      </c>
      <c r="DM9" s="270">
        <v>1714474</v>
      </c>
      <c r="DN9" s="270">
        <v>3184166</v>
      </c>
      <c r="DO9" s="270">
        <v>14562424</v>
      </c>
      <c r="DP9" s="270">
        <v>20138318</v>
      </c>
      <c r="DQ9" s="270">
        <v>13159085</v>
      </c>
      <c r="DR9" s="273">
        <v>52758467</v>
      </c>
      <c r="DS9" s="275">
        <v>52771638</v>
      </c>
      <c r="DT9" s="269">
        <v>0</v>
      </c>
      <c r="DU9" s="270">
        <v>0</v>
      </c>
      <c r="DV9" s="271">
        <v>0</v>
      </c>
      <c r="DW9" s="470">
        <v>0</v>
      </c>
      <c r="DX9" s="270">
        <v>1028243</v>
      </c>
      <c r="DY9" s="270">
        <v>1943352</v>
      </c>
      <c r="DZ9" s="270">
        <v>11741959</v>
      </c>
      <c r="EA9" s="270">
        <v>16990616</v>
      </c>
      <c r="EB9" s="270">
        <v>11319992</v>
      </c>
      <c r="EC9" s="273">
        <v>43024162</v>
      </c>
      <c r="ED9" s="274">
        <v>43024162</v>
      </c>
      <c r="EE9" s="269">
        <v>0</v>
      </c>
      <c r="EF9" s="270">
        <v>0</v>
      </c>
      <c r="EG9" s="271">
        <v>0</v>
      </c>
      <c r="EH9" s="470">
        <v>0</v>
      </c>
      <c r="EI9" s="270">
        <v>239150</v>
      </c>
      <c r="EJ9" s="270">
        <v>427311</v>
      </c>
      <c r="EK9" s="270">
        <v>767170</v>
      </c>
      <c r="EL9" s="270">
        <v>1006244</v>
      </c>
      <c r="EM9" s="270">
        <v>386055</v>
      </c>
      <c r="EN9" s="273">
        <v>2825930</v>
      </c>
      <c r="EO9" s="274">
        <v>2825930</v>
      </c>
      <c r="EP9" s="269">
        <v>0</v>
      </c>
      <c r="EQ9" s="270">
        <v>0</v>
      </c>
      <c r="ER9" s="271">
        <v>0</v>
      </c>
      <c r="ES9" s="470">
        <v>0</v>
      </c>
      <c r="ET9" s="270">
        <v>0</v>
      </c>
      <c r="EU9" s="270">
        <v>0</v>
      </c>
      <c r="EV9" s="270">
        <v>0</v>
      </c>
      <c r="EW9" s="270">
        <v>24242</v>
      </c>
      <c r="EX9" s="270">
        <v>12429</v>
      </c>
      <c r="EY9" s="273">
        <v>36671</v>
      </c>
      <c r="EZ9" s="274">
        <v>36671</v>
      </c>
      <c r="FA9" s="269">
        <v>0</v>
      </c>
      <c r="FB9" s="270">
        <v>0</v>
      </c>
      <c r="FC9" s="271">
        <v>0</v>
      </c>
      <c r="FD9" s="470">
        <v>0</v>
      </c>
      <c r="FE9" s="270">
        <v>0</v>
      </c>
      <c r="FF9" s="270">
        <v>0</v>
      </c>
      <c r="FG9" s="270">
        <v>861</v>
      </c>
      <c r="FH9" s="270">
        <v>25915</v>
      </c>
      <c r="FI9" s="270">
        <v>15348</v>
      </c>
      <c r="FJ9" s="273">
        <v>42124</v>
      </c>
      <c r="FK9" s="274">
        <v>42124</v>
      </c>
      <c r="FL9" s="269">
        <v>0</v>
      </c>
      <c r="FM9" s="270">
        <v>0</v>
      </c>
      <c r="FN9" s="271">
        <v>0</v>
      </c>
      <c r="FO9" s="470">
        <v>0</v>
      </c>
      <c r="FP9" s="270">
        <v>21576</v>
      </c>
      <c r="FQ9" s="270">
        <v>105031</v>
      </c>
      <c r="FR9" s="270">
        <v>775682</v>
      </c>
      <c r="FS9" s="270">
        <v>768078</v>
      </c>
      <c r="FT9" s="270">
        <v>649143</v>
      </c>
      <c r="FU9" s="273">
        <v>2319510</v>
      </c>
      <c r="FV9" s="274">
        <v>2319510</v>
      </c>
      <c r="FW9" s="269">
        <v>3558</v>
      </c>
      <c r="FX9" s="270">
        <v>9613</v>
      </c>
      <c r="FY9" s="271">
        <v>13171</v>
      </c>
      <c r="FZ9" s="272">
        <v>0</v>
      </c>
      <c r="GA9" s="270">
        <v>413578</v>
      </c>
      <c r="GB9" s="270">
        <v>667671</v>
      </c>
      <c r="GC9" s="270">
        <v>1232702</v>
      </c>
      <c r="GD9" s="270">
        <v>1269186</v>
      </c>
      <c r="GE9" s="270">
        <v>687763</v>
      </c>
      <c r="GF9" s="273">
        <v>4270900</v>
      </c>
      <c r="GG9" s="274">
        <v>4284071</v>
      </c>
      <c r="GH9" s="269">
        <v>0</v>
      </c>
      <c r="GI9" s="270">
        <v>0</v>
      </c>
      <c r="GJ9" s="271">
        <v>0</v>
      </c>
      <c r="GK9" s="272">
        <v>0</v>
      </c>
      <c r="GL9" s="270">
        <v>11927</v>
      </c>
      <c r="GM9" s="270">
        <v>40801</v>
      </c>
      <c r="GN9" s="270">
        <v>44050</v>
      </c>
      <c r="GO9" s="270">
        <v>54037</v>
      </c>
      <c r="GP9" s="270">
        <v>88355</v>
      </c>
      <c r="GQ9" s="273">
        <v>239170</v>
      </c>
      <c r="GR9" s="274">
        <v>239170</v>
      </c>
      <c r="GS9" s="269">
        <v>0</v>
      </c>
      <c r="GT9" s="270">
        <v>0</v>
      </c>
      <c r="GU9" s="271">
        <v>0</v>
      </c>
      <c r="GV9" s="272">
        <v>0</v>
      </c>
      <c r="GW9" s="270">
        <v>0</v>
      </c>
      <c r="GX9" s="270">
        <v>0</v>
      </c>
      <c r="GY9" s="270">
        <v>0</v>
      </c>
      <c r="GZ9" s="270">
        <v>0</v>
      </c>
      <c r="HA9" s="270">
        <v>0</v>
      </c>
      <c r="HB9" s="273">
        <v>0</v>
      </c>
      <c r="HC9" s="274">
        <v>0</v>
      </c>
      <c r="HD9" s="269">
        <v>0</v>
      </c>
      <c r="HE9" s="270">
        <v>0</v>
      </c>
      <c r="HF9" s="271">
        <v>0</v>
      </c>
      <c r="HG9" s="470">
        <v>0</v>
      </c>
      <c r="HH9" s="270">
        <v>0</v>
      </c>
      <c r="HI9" s="270">
        <v>0</v>
      </c>
      <c r="HJ9" s="270">
        <v>0</v>
      </c>
      <c r="HK9" s="270">
        <v>0</v>
      </c>
      <c r="HL9" s="270">
        <v>0</v>
      </c>
      <c r="HM9" s="273">
        <v>0</v>
      </c>
      <c r="HN9" s="274">
        <v>0</v>
      </c>
      <c r="HO9" s="269">
        <v>6993</v>
      </c>
      <c r="HP9" s="270">
        <v>16561</v>
      </c>
      <c r="HQ9" s="271">
        <v>23554</v>
      </c>
      <c r="HR9" s="272">
        <v>0</v>
      </c>
      <c r="HS9" s="270">
        <v>4553680</v>
      </c>
      <c r="HT9" s="270">
        <v>7933935</v>
      </c>
      <c r="HU9" s="270">
        <v>30288926</v>
      </c>
      <c r="HV9" s="270">
        <v>42180818</v>
      </c>
      <c r="HW9" s="270">
        <v>26731987</v>
      </c>
      <c r="HX9" s="273">
        <v>111689346</v>
      </c>
      <c r="HY9" s="274">
        <v>111712900</v>
      </c>
    </row>
    <row r="10" spans="2:233" ht="21" customHeight="1" x14ac:dyDescent="0.2">
      <c r="B10" s="437" t="s">
        <v>14</v>
      </c>
      <c r="C10" s="269">
        <v>0</v>
      </c>
      <c r="D10" s="270">
        <v>4866</v>
      </c>
      <c r="E10" s="271">
        <v>4866</v>
      </c>
      <c r="F10" s="272">
        <v>0</v>
      </c>
      <c r="G10" s="270">
        <v>726495</v>
      </c>
      <c r="H10" s="270">
        <v>1984914</v>
      </c>
      <c r="I10" s="270">
        <v>8206075</v>
      </c>
      <c r="J10" s="270">
        <v>12815282</v>
      </c>
      <c r="K10" s="270">
        <v>8435070</v>
      </c>
      <c r="L10" s="273">
        <v>32167836</v>
      </c>
      <c r="M10" s="274">
        <v>32172702</v>
      </c>
      <c r="N10" s="269">
        <v>0</v>
      </c>
      <c r="O10" s="270">
        <v>0</v>
      </c>
      <c r="P10" s="271">
        <v>0</v>
      </c>
      <c r="Q10" s="470">
        <v>0</v>
      </c>
      <c r="R10" s="270">
        <v>101215</v>
      </c>
      <c r="S10" s="270">
        <v>240620</v>
      </c>
      <c r="T10" s="270">
        <v>5714102</v>
      </c>
      <c r="U10" s="270">
        <v>9148099</v>
      </c>
      <c r="V10" s="270">
        <v>6507590</v>
      </c>
      <c r="W10" s="273">
        <v>21711626</v>
      </c>
      <c r="X10" s="274">
        <v>21711626</v>
      </c>
      <c r="Y10" s="269">
        <v>0</v>
      </c>
      <c r="Z10" s="270">
        <v>0</v>
      </c>
      <c r="AA10" s="271">
        <v>0</v>
      </c>
      <c r="AB10" s="470">
        <v>0</v>
      </c>
      <c r="AC10" s="270">
        <v>456920</v>
      </c>
      <c r="AD10" s="270">
        <v>1426196</v>
      </c>
      <c r="AE10" s="270">
        <v>1823235</v>
      </c>
      <c r="AF10" s="270">
        <v>2117107</v>
      </c>
      <c r="AG10" s="270">
        <v>1018908</v>
      </c>
      <c r="AH10" s="273">
        <v>6842366</v>
      </c>
      <c r="AI10" s="274">
        <v>6842366</v>
      </c>
      <c r="AJ10" s="269">
        <v>0</v>
      </c>
      <c r="AK10" s="270">
        <v>0</v>
      </c>
      <c r="AL10" s="271">
        <v>0</v>
      </c>
      <c r="AM10" s="470">
        <v>0</v>
      </c>
      <c r="AN10" s="270">
        <v>0</v>
      </c>
      <c r="AO10" s="270">
        <v>0</v>
      </c>
      <c r="AP10" s="270">
        <v>0</v>
      </c>
      <c r="AQ10" s="270">
        <v>188210</v>
      </c>
      <c r="AR10" s="270">
        <v>173085</v>
      </c>
      <c r="AS10" s="273">
        <v>361295</v>
      </c>
      <c r="AT10" s="274">
        <v>361295</v>
      </c>
      <c r="AU10" s="269">
        <v>0</v>
      </c>
      <c r="AV10" s="270">
        <v>0</v>
      </c>
      <c r="AW10" s="271">
        <v>0</v>
      </c>
      <c r="AX10" s="470">
        <v>0</v>
      </c>
      <c r="AY10" s="270">
        <v>0</v>
      </c>
      <c r="AZ10" s="270">
        <v>0</v>
      </c>
      <c r="BA10" s="270">
        <v>2635</v>
      </c>
      <c r="BB10" s="270">
        <v>698650</v>
      </c>
      <c r="BC10" s="270">
        <v>393270</v>
      </c>
      <c r="BD10" s="273">
        <v>1094555</v>
      </c>
      <c r="BE10" s="274">
        <v>1094555</v>
      </c>
      <c r="BF10" s="269">
        <v>0</v>
      </c>
      <c r="BG10" s="270">
        <v>0</v>
      </c>
      <c r="BH10" s="271">
        <v>0</v>
      </c>
      <c r="BI10" s="470">
        <v>0</v>
      </c>
      <c r="BJ10" s="270">
        <v>0</v>
      </c>
      <c r="BK10" s="270">
        <v>0</v>
      </c>
      <c r="BL10" s="270">
        <v>32550</v>
      </c>
      <c r="BM10" s="270">
        <v>41815</v>
      </c>
      <c r="BN10" s="270">
        <v>62620</v>
      </c>
      <c r="BO10" s="273">
        <v>136985</v>
      </c>
      <c r="BP10" s="274">
        <v>136985</v>
      </c>
      <c r="BQ10" s="269">
        <v>0</v>
      </c>
      <c r="BR10" s="270">
        <v>4866</v>
      </c>
      <c r="BS10" s="271">
        <v>4866</v>
      </c>
      <c r="BT10" s="272">
        <v>0</v>
      </c>
      <c r="BU10" s="270">
        <v>168360</v>
      </c>
      <c r="BV10" s="270">
        <v>308075</v>
      </c>
      <c r="BW10" s="270">
        <v>630913</v>
      </c>
      <c r="BX10" s="270">
        <v>621401</v>
      </c>
      <c r="BY10" s="270">
        <v>279597</v>
      </c>
      <c r="BZ10" s="273">
        <v>2008346</v>
      </c>
      <c r="CA10" s="274">
        <v>2013212</v>
      </c>
      <c r="CB10" s="269">
        <v>0</v>
      </c>
      <c r="CC10" s="270">
        <v>0</v>
      </c>
      <c r="CD10" s="271">
        <v>0</v>
      </c>
      <c r="CE10" s="272">
        <v>0</v>
      </c>
      <c r="CF10" s="270">
        <v>0</v>
      </c>
      <c r="CG10" s="270">
        <v>10023</v>
      </c>
      <c r="CH10" s="270">
        <v>2640</v>
      </c>
      <c r="CI10" s="270">
        <v>0</v>
      </c>
      <c r="CJ10" s="270">
        <v>0</v>
      </c>
      <c r="CK10" s="273">
        <v>12663</v>
      </c>
      <c r="CL10" s="274">
        <v>12663</v>
      </c>
      <c r="CM10" s="269">
        <v>0</v>
      </c>
      <c r="CN10" s="270">
        <v>0</v>
      </c>
      <c r="CO10" s="271">
        <v>0</v>
      </c>
      <c r="CP10" s="272">
        <v>0</v>
      </c>
      <c r="CQ10" s="270">
        <v>0</v>
      </c>
      <c r="CR10" s="270">
        <v>0</v>
      </c>
      <c r="CS10" s="270">
        <v>0</v>
      </c>
      <c r="CT10" s="270">
        <v>0</v>
      </c>
      <c r="CU10" s="270">
        <v>0</v>
      </c>
      <c r="CV10" s="273">
        <v>0</v>
      </c>
      <c r="CW10" s="274">
        <v>0</v>
      </c>
      <c r="CX10" s="269">
        <v>0</v>
      </c>
      <c r="CY10" s="270">
        <v>0</v>
      </c>
      <c r="CZ10" s="271">
        <v>0</v>
      </c>
      <c r="DA10" s="470">
        <v>0</v>
      </c>
      <c r="DB10" s="270">
        <v>0</v>
      </c>
      <c r="DC10" s="270">
        <v>0</v>
      </c>
      <c r="DD10" s="270">
        <v>0</v>
      </c>
      <c r="DE10" s="270">
        <v>0</v>
      </c>
      <c r="DF10" s="270">
        <v>0</v>
      </c>
      <c r="DG10" s="273">
        <v>0</v>
      </c>
      <c r="DH10" s="274">
        <v>0</v>
      </c>
      <c r="DI10" s="269">
        <v>0</v>
      </c>
      <c r="DJ10" s="270">
        <v>8036</v>
      </c>
      <c r="DK10" s="271">
        <v>8036</v>
      </c>
      <c r="DL10" s="272">
        <v>0</v>
      </c>
      <c r="DM10" s="270">
        <v>442374</v>
      </c>
      <c r="DN10" s="270">
        <v>1224549</v>
      </c>
      <c r="DO10" s="270">
        <v>10071857</v>
      </c>
      <c r="DP10" s="270">
        <v>13809472</v>
      </c>
      <c r="DQ10" s="270">
        <v>8434062</v>
      </c>
      <c r="DR10" s="273">
        <v>33982314</v>
      </c>
      <c r="DS10" s="275">
        <v>33990350</v>
      </c>
      <c r="DT10" s="269">
        <v>0</v>
      </c>
      <c r="DU10" s="270">
        <v>0</v>
      </c>
      <c r="DV10" s="271">
        <v>0</v>
      </c>
      <c r="DW10" s="470">
        <v>0</v>
      </c>
      <c r="DX10" s="270">
        <v>94798</v>
      </c>
      <c r="DY10" s="270">
        <v>477753</v>
      </c>
      <c r="DZ10" s="270">
        <v>8705107</v>
      </c>
      <c r="EA10" s="270">
        <v>12194674</v>
      </c>
      <c r="EB10" s="270">
        <v>7572897</v>
      </c>
      <c r="EC10" s="273">
        <v>29045229</v>
      </c>
      <c r="ED10" s="274">
        <v>29045229</v>
      </c>
      <c r="EE10" s="269">
        <v>0</v>
      </c>
      <c r="EF10" s="270">
        <v>0</v>
      </c>
      <c r="EG10" s="271">
        <v>0</v>
      </c>
      <c r="EH10" s="470">
        <v>0</v>
      </c>
      <c r="EI10" s="270">
        <v>78514</v>
      </c>
      <c r="EJ10" s="270">
        <v>237383</v>
      </c>
      <c r="EK10" s="270">
        <v>271792</v>
      </c>
      <c r="EL10" s="270">
        <v>406239</v>
      </c>
      <c r="EM10" s="270">
        <v>138513</v>
      </c>
      <c r="EN10" s="273">
        <v>1132441</v>
      </c>
      <c r="EO10" s="274">
        <v>1132441</v>
      </c>
      <c r="EP10" s="269">
        <v>0</v>
      </c>
      <c r="EQ10" s="270">
        <v>0</v>
      </c>
      <c r="ER10" s="271">
        <v>0</v>
      </c>
      <c r="ES10" s="470">
        <v>0</v>
      </c>
      <c r="ET10" s="270">
        <v>0</v>
      </c>
      <c r="EU10" s="270">
        <v>0</v>
      </c>
      <c r="EV10" s="270">
        <v>0</v>
      </c>
      <c r="EW10" s="270">
        <v>34991</v>
      </c>
      <c r="EX10" s="270">
        <v>43660</v>
      </c>
      <c r="EY10" s="273">
        <v>78651</v>
      </c>
      <c r="EZ10" s="274">
        <v>78651</v>
      </c>
      <c r="FA10" s="269">
        <v>0</v>
      </c>
      <c r="FB10" s="270">
        <v>0</v>
      </c>
      <c r="FC10" s="271">
        <v>0</v>
      </c>
      <c r="FD10" s="470">
        <v>0</v>
      </c>
      <c r="FE10" s="270">
        <v>0</v>
      </c>
      <c r="FF10" s="270">
        <v>0</v>
      </c>
      <c r="FG10" s="270">
        <v>217</v>
      </c>
      <c r="FH10" s="270">
        <v>87017</v>
      </c>
      <c r="FI10" s="270">
        <v>81525</v>
      </c>
      <c r="FJ10" s="273">
        <v>168759</v>
      </c>
      <c r="FK10" s="274">
        <v>168759</v>
      </c>
      <c r="FL10" s="269">
        <v>0</v>
      </c>
      <c r="FM10" s="270">
        <v>0</v>
      </c>
      <c r="FN10" s="271">
        <v>0</v>
      </c>
      <c r="FO10" s="470">
        <v>0</v>
      </c>
      <c r="FP10" s="270">
        <v>0</v>
      </c>
      <c r="FQ10" s="270">
        <v>0</v>
      </c>
      <c r="FR10" s="270">
        <v>86304</v>
      </c>
      <c r="FS10" s="270">
        <v>168432</v>
      </c>
      <c r="FT10" s="270">
        <v>101494</v>
      </c>
      <c r="FU10" s="273">
        <v>356230</v>
      </c>
      <c r="FV10" s="274">
        <v>356230</v>
      </c>
      <c r="FW10" s="269">
        <v>0</v>
      </c>
      <c r="FX10" s="270">
        <v>8036</v>
      </c>
      <c r="FY10" s="271">
        <v>8036</v>
      </c>
      <c r="FZ10" s="272">
        <v>0</v>
      </c>
      <c r="GA10" s="270">
        <v>269062</v>
      </c>
      <c r="GB10" s="270">
        <v>509329</v>
      </c>
      <c r="GC10" s="270">
        <v>1003025</v>
      </c>
      <c r="GD10" s="270">
        <v>918119</v>
      </c>
      <c r="GE10" s="270">
        <v>495973</v>
      </c>
      <c r="GF10" s="273">
        <v>3195508</v>
      </c>
      <c r="GG10" s="274">
        <v>3203544</v>
      </c>
      <c r="GH10" s="269">
        <v>0</v>
      </c>
      <c r="GI10" s="270">
        <v>0</v>
      </c>
      <c r="GJ10" s="271">
        <v>0</v>
      </c>
      <c r="GK10" s="272">
        <v>0</v>
      </c>
      <c r="GL10" s="270">
        <v>0</v>
      </c>
      <c r="GM10" s="270">
        <v>84</v>
      </c>
      <c r="GN10" s="270">
        <v>5412</v>
      </c>
      <c r="GO10" s="270">
        <v>0</v>
      </c>
      <c r="GP10" s="270">
        <v>0</v>
      </c>
      <c r="GQ10" s="273">
        <v>5496</v>
      </c>
      <c r="GR10" s="274">
        <v>5496</v>
      </c>
      <c r="GS10" s="269">
        <v>0</v>
      </c>
      <c r="GT10" s="270">
        <v>0</v>
      </c>
      <c r="GU10" s="271">
        <v>0</v>
      </c>
      <c r="GV10" s="272">
        <v>0</v>
      </c>
      <c r="GW10" s="270">
        <v>0</v>
      </c>
      <c r="GX10" s="270">
        <v>0</v>
      </c>
      <c r="GY10" s="270">
        <v>0</v>
      </c>
      <c r="GZ10" s="270">
        <v>0</v>
      </c>
      <c r="HA10" s="270">
        <v>0</v>
      </c>
      <c r="HB10" s="273">
        <v>0</v>
      </c>
      <c r="HC10" s="274">
        <v>0</v>
      </c>
      <c r="HD10" s="269">
        <v>0</v>
      </c>
      <c r="HE10" s="270">
        <v>0</v>
      </c>
      <c r="HF10" s="271">
        <v>0</v>
      </c>
      <c r="HG10" s="470">
        <v>0</v>
      </c>
      <c r="HH10" s="270">
        <v>0</v>
      </c>
      <c r="HI10" s="270">
        <v>0</v>
      </c>
      <c r="HJ10" s="270">
        <v>0</v>
      </c>
      <c r="HK10" s="270">
        <v>0</v>
      </c>
      <c r="HL10" s="270">
        <v>0</v>
      </c>
      <c r="HM10" s="273">
        <v>0</v>
      </c>
      <c r="HN10" s="274">
        <v>0</v>
      </c>
      <c r="HO10" s="269">
        <v>0</v>
      </c>
      <c r="HP10" s="270">
        <v>12902</v>
      </c>
      <c r="HQ10" s="271">
        <v>12902</v>
      </c>
      <c r="HR10" s="272">
        <v>0</v>
      </c>
      <c r="HS10" s="270">
        <v>1168869</v>
      </c>
      <c r="HT10" s="270">
        <v>3209463</v>
      </c>
      <c r="HU10" s="270">
        <v>18277932</v>
      </c>
      <c r="HV10" s="270">
        <v>26624754</v>
      </c>
      <c r="HW10" s="270">
        <v>16869132</v>
      </c>
      <c r="HX10" s="273">
        <v>66150150</v>
      </c>
      <c r="HY10" s="274">
        <v>66163052</v>
      </c>
    </row>
    <row r="11" spans="2:233" ht="21" customHeight="1" x14ac:dyDescent="0.2">
      <c r="B11" s="437" t="s">
        <v>7</v>
      </c>
      <c r="C11" s="269">
        <v>0</v>
      </c>
      <c r="D11" s="270">
        <v>145</v>
      </c>
      <c r="E11" s="271">
        <v>145</v>
      </c>
      <c r="F11" s="272">
        <v>0</v>
      </c>
      <c r="G11" s="270">
        <v>1918078</v>
      </c>
      <c r="H11" s="270">
        <v>2405041</v>
      </c>
      <c r="I11" s="270">
        <v>6896677</v>
      </c>
      <c r="J11" s="270">
        <v>8706270</v>
      </c>
      <c r="K11" s="270">
        <v>4396132</v>
      </c>
      <c r="L11" s="273">
        <v>24322198</v>
      </c>
      <c r="M11" s="274">
        <v>24322343</v>
      </c>
      <c r="N11" s="269">
        <v>0</v>
      </c>
      <c r="O11" s="270">
        <v>0</v>
      </c>
      <c r="P11" s="271">
        <v>0</v>
      </c>
      <c r="Q11" s="470">
        <v>0</v>
      </c>
      <c r="R11" s="270">
        <v>261950</v>
      </c>
      <c r="S11" s="270">
        <v>441430</v>
      </c>
      <c r="T11" s="270">
        <v>5105345</v>
      </c>
      <c r="U11" s="270">
        <v>6684387</v>
      </c>
      <c r="V11" s="270">
        <v>3883690</v>
      </c>
      <c r="W11" s="273">
        <v>16376802</v>
      </c>
      <c r="X11" s="274">
        <v>16376802</v>
      </c>
      <c r="Y11" s="269">
        <v>0</v>
      </c>
      <c r="Z11" s="270">
        <v>0</v>
      </c>
      <c r="AA11" s="271">
        <v>0</v>
      </c>
      <c r="AB11" s="470">
        <v>0</v>
      </c>
      <c r="AC11" s="270">
        <v>1403170</v>
      </c>
      <c r="AD11" s="270">
        <v>1600127</v>
      </c>
      <c r="AE11" s="270">
        <v>1439242</v>
      </c>
      <c r="AF11" s="270">
        <v>1555702</v>
      </c>
      <c r="AG11" s="270">
        <v>437962</v>
      </c>
      <c r="AH11" s="273">
        <v>6436203</v>
      </c>
      <c r="AI11" s="274">
        <v>6436203</v>
      </c>
      <c r="AJ11" s="269">
        <v>0</v>
      </c>
      <c r="AK11" s="270">
        <v>0</v>
      </c>
      <c r="AL11" s="271">
        <v>0</v>
      </c>
      <c r="AM11" s="470">
        <v>0</v>
      </c>
      <c r="AN11" s="270">
        <v>0</v>
      </c>
      <c r="AO11" s="270">
        <v>0</v>
      </c>
      <c r="AP11" s="270">
        <v>0</v>
      </c>
      <c r="AQ11" s="270">
        <v>0</v>
      </c>
      <c r="AR11" s="270">
        <v>2635</v>
      </c>
      <c r="AS11" s="273">
        <v>2635</v>
      </c>
      <c r="AT11" s="274">
        <v>2635</v>
      </c>
      <c r="AU11" s="269">
        <v>0</v>
      </c>
      <c r="AV11" s="270">
        <v>0</v>
      </c>
      <c r="AW11" s="271">
        <v>0</v>
      </c>
      <c r="AX11" s="470">
        <v>0</v>
      </c>
      <c r="AY11" s="270">
        <v>0</v>
      </c>
      <c r="AZ11" s="270">
        <v>0</v>
      </c>
      <c r="BA11" s="270">
        <v>0</v>
      </c>
      <c r="BB11" s="270">
        <v>35340</v>
      </c>
      <c r="BC11" s="270">
        <v>0</v>
      </c>
      <c r="BD11" s="273">
        <v>35340</v>
      </c>
      <c r="BE11" s="274">
        <v>35340</v>
      </c>
      <c r="BF11" s="269">
        <v>0</v>
      </c>
      <c r="BG11" s="270">
        <v>0</v>
      </c>
      <c r="BH11" s="271">
        <v>0</v>
      </c>
      <c r="BI11" s="470">
        <v>0</v>
      </c>
      <c r="BJ11" s="270">
        <v>0</v>
      </c>
      <c r="BK11" s="270">
        <v>0</v>
      </c>
      <c r="BL11" s="270">
        <v>0</v>
      </c>
      <c r="BM11" s="270">
        <v>0</v>
      </c>
      <c r="BN11" s="270">
        <v>0</v>
      </c>
      <c r="BO11" s="273">
        <v>0</v>
      </c>
      <c r="BP11" s="274">
        <v>0</v>
      </c>
      <c r="BQ11" s="269">
        <v>0</v>
      </c>
      <c r="BR11" s="270">
        <v>145</v>
      </c>
      <c r="BS11" s="271">
        <v>145</v>
      </c>
      <c r="BT11" s="272">
        <v>0</v>
      </c>
      <c r="BU11" s="270">
        <v>239183</v>
      </c>
      <c r="BV11" s="270">
        <v>344037</v>
      </c>
      <c r="BW11" s="270">
        <v>331705</v>
      </c>
      <c r="BX11" s="270">
        <v>421877</v>
      </c>
      <c r="BY11" s="270">
        <v>71040</v>
      </c>
      <c r="BZ11" s="273">
        <v>1407842</v>
      </c>
      <c r="CA11" s="274">
        <v>1407987</v>
      </c>
      <c r="CB11" s="269">
        <v>0</v>
      </c>
      <c r="CC11" s="270">
        <v>0</v>
      </c>
      <c r="CD11" s="271">
        <v>0</v>
      </c>
      <c r="CE11" s="272">
        <v>0</v>
      </c>
      <c r="CF11" s="270">
        <v>13775</v>
      </c>
      <c r="CG11" s="270">
        <v>19447</v>
      </c>
      <c r="CH11" s="270">
        <v>20385</v>
      </c>
      <c r="CI11" s="270">
        <v>8964</v>
      </c>
      <c r="CJ11" s="270">
        <v>805</v>
      </c>
      <c r="CK11" s="273">
        <v>63376</v>
      </c>
      <c r="CL11" s="274">
        <v>63376</v>
      </c>
      <c r="CM11" s="269">
        <v>0</v>
      </c>
      <c r="CN11" s="270">
        <v>0</v>
      </c>
      <c r="CO11" s="271">
        <v>0</v>
      </c>
      <c r="CP11" s="272">
        <v>0</v>
      </c>
      <c r="CQ11" s="270">
        <v>0</v>
      </c>
      <c r="CR11" s="270">
        <v>0</v>
      </c>
      <c r="CS11" s="270">
        <v>0</v>
      </c>
      <c r="CT11" s="270">
        <v>0</v>
      </c>
      <c r="CU11" s="270">
        <v>0</v>
      </c>
      <c r="CV11" s="273">
        <v>0</v>
      </c>
      <c r="CW11" s="274">
        <v>0</v>
      </c>
      <c r="CX11" s="269">
        <v>0</v>
      </c>
      <c r="CY11" s="270">
        <v>0</v>
      </c>
      <c r="CZ11" s="271">
        <v>0</v>
      </c>
      <c r="DA11" s="470">
        <v>0</v>
      </c>
      <c r="DB11" s="270">
        <v>0</v>
      </c>
      <c r="DC11" s="270">
        <v>0</v>
      </c>
      <c r="DD11" s="270">
        <v>0</v>
      </c>
      <c r="DE11" s="270">
        <v>0</v>
      </c>
      <c r="DF11" s="270">
        <v>0</v>
      </c>
      <c r="DG11" s="273">
        <v>0</v>
      </c>
      <c r="DH11" s="274">
        <v>0</v>
      </c>
      <c r="DI11" s="269">
        <v>0</v>
      </c>
      <c r="DJ11" s="270">
        <v>1053</v>
      </c>
      <c r="DK11" s="271">
        <v>1053</v>
      </c>
      <c r="DL11" s="272">
        <v>0</v>
      </c>
      <c r="DM11" s="270">
        <v>797416</v>
      </c>
      <c r="DN11" s="270">
        <v>1203403</v>
      </c>
      <c r="DO11" s="270">
        <v>7016974</v>
      </c>
      <c r="DP11" s="270">
        <v>8889908</v>
      </c>
      <c r="DQ11" s="270">
        <v>4618998</v>
      </c>
      <c r="DR11" s="273">
        <v>22526699</v>
      </c>
      <c r="DS11" s="275">
        <v>22527752</v>
      </c>
      <c r="DT11" s="269">
        <v>0</v>
      </c>
      <c r="DU11" s="270">
        <v>0</v>
      </c>
      <c r="DV11" s="271">
        <v>0</v>
      </c>
      <c r="DW11" s="470">
        <v>0</v>
      </c>
      <c r="DX11" s="270">
        <v>264833</v>
      </c>
      <c r="DY11" s="270">
        <v>561272</v>
      </c>
      <c r="DZ11" s="270">
        <v>6244072</v>
      </c>
      <c r="EA11" s="270">
        <v>7986980</v>
      </c>
      <c r="EB11" s="270">
        <v>4464005</v>
      </c>
      <c r="EC11" s="273">
        <v>19521162</v>
      </c>
      <c r="ED11" s="274">
        <v>19521162</v>
      </c>
      <c r="EE11" s="269">
        <v>0</v>
      </c>
      <c r="EF11" s="270">
        <v>0</v>
      </c>
      <c r="EG11" s="271">
        <v>0</v>
      </c>
      <c r="EH11" s="470">
        <v>0</v>
      </c>
      <c r="EI11" s="270">
        <v>171679</v>
      </c>
      <c r="EJ11" s="270">
        <v>217746</v>
      </c>
      <c r="EK11" s="270">
        <v>235405</v>
      </c>
      <c r="EL11" s="270">
        <v>295198</v>
      </c>
      <c r="EM11" s="270">
        <v>46651</v>
      </c>
      <c r="EN11" s="273">
        <v>966679</v>
      </c>
      <c r="EO11" s="274">
        <v>966679</v>
      </c>
      <c r="EP11" s="269">
        <v>0</v>
      </c>
      <c r="EQ11" s="270">
        <v>0</v>
      </c>
      <c r="ER11" s="271">
        <v>0</v>
      </c>
      <c r="ES11" s="470">
        <v>0</v>
      </c>
      <c r="ET11" s="270">
        <v>0</v>
      </c>
      <c r="EU11" s="270">
        <v>0</v>
      </c>
      <c r="EV11" s="270">
        <v>0</v>
      </c>
      <c r="EW11" s="270">
        <v>0</v>
      </c>
      <c r="EX11" s="270">
        <v>217</v>
      </c>
      <c r="EY11" s="273">
        <v>217</v>
      </c>
      <c r="EZ11" s="274">
        <v>217</v>
      </c>
      <c r="FA11" s="269">
        <v>0</v>
      </c>
      <c r="FB11" s="270">
        <v>0</v>
      </c>
      <c r="FC11" s="271">
        <v>0</v>
      </c>
      <c r="FD11" s="470">
        <v>0</v>
      </c>
      <c r="FE11" s="270">
        <v>0</v>
      </c>
      <c r="FF11" s="270">
        <v>0</v>
      </c>
      <c r="FG11" s="270">
        <v>0</v>
      </c>
      <c r="FH11" s="270">
        <v>434</v>
      </c>
      <c r="FI11" s="270">
        <v>0</v>
      </c>
      <c r="FJ11" s="273">
        <v>434</v>
      </c>
      <c r="FK11" s="274">
        <v>434</v>
      </c>
      <c r="FL11" s="269">
        <v>0</v>
      </c>
      <c r="FM11" s="270">
        <v>0</v>
      </c>
      <c r="FN11" s="271">
        <v>0</v>
      </c>
      <c r="FO11" s="470">
        <v>0</v>
      </c>
      <c r="FP11" s="270">
        <v>0</v>
      </c>
      <c r="FQ11" s="270">
        <v>0</v>
      </c>
      <c r="FR11" s="270">
        <v>0</v>
      </c>
      <c r="FS11" s="270">
        <v>0</v>
      </c>
      <c r="FT11" s="270">
        <v>0</v>
      </c>
      <c r="FU11" s="273">
        <v>0</v>
      </c>
      <c r="FV11" s="274">
        <v>0</v>
      </c>
      <c r="FW11" s="269">
        <v>0</v>
      </c>
      <c r="FX11" s="270">
        <v>1053</v>
      </c>
      <c r="FY11" s="271">
        <v>1053</v>
      </c>
      <c r="FZ11" s="272">
        <v>0</v>
      </c>
      <c r="GA11" s="270">
        <v>360378</v>
      </c>
      <c r="GB11" s="270">
        <v>417841</v>
      </c>
      <c r="GC11" s="270">
        <v>537252</v>
      </c>
      <c r="GD11" s="270">
        <v>604295</v>
      </c>
      <c r="GE11" s="270">
        <v>107023</v>
      </c>
      <c r="GF11" s="273">
        <v>2026789</v>
      </c>
      <c r="GG11" s="274">
        <v>2027842</v>
      </c>
      <c r="GH11" s="269">
        <v>0</v>
      </c>
      <c r="GI11" s="270">
        <v>0</v>
      </c>
      <c r="GJ11" s="271">
        <v>0</v>
      </c>
      <c r="GK11" s="272">
        <v>0</v>
      </c>
      <c r="GL11" s="270">
        <v>526</v>
      </c>
      <c r="GM11" s="270">
        <v>6544</v>
      </c>
      <c r="GN11" s="270">
        <v>245</v>
      </c>
      <c r="GO11" s="270">
        <v>3001</v>
      </c>
      <c r="GP11" s="270">
        <v>1102</v>
      </c>
      <c r="GQ11" s="273">
        <v>11418</v>
      </c>
      <c r="GR11" s="274">
        <v>11418</v>
      </c>
      <c r="GS11" s="269">
        <v>0</v>
      </c>
      <c r="GT11" s="270">
        <v>0</v>
      </c>
      <c r="GU11" s="271">
        <v>0</v>
      </c>
      <c r="GV11" s="272">
        <v>0</v>
      </c>
      <c r="GW11" s="270">
        <v>0</v>
      </c>
      <c r="GX11" s="270">
        <v>0</v>
      </c>
      <c r="GY11" s="270">
        <v>0</v>
      </c>
      <c r="GZ11" s="270">
        <v>0</v>
      </c>
      <c r="HA11" s="270">
        <v>0</v>
      </c>
      <c r="HB11" s="273">
        <v>0</v>
      </c>
      <c r="HC11" s="274">
        <v>0</v>
      </c>
      <c r="HD11" s="269">
        <v>0</v>
      </c>
      <c r="HE11" s="270">
        <v>0</v>
      </c>
      <c r="HF11" s="271">
        <v>0</v>
      </c>
      <c r="HG11" s="470">
        <v>0</v>
      </c>
      <c r="HH11" s="270">
        <v>0</v>
      </c>
      <c r="HI11" s="270">
        <v>0</v>
      </c>
      <c r="HJ11" s="270">
        <v>0</v>
      </c>
      <c r="HK11" s="270">
        <v>0</v>
      </c>
      <c r="HL11" s="270">
        <v>0</v>
      </c>
      <c r="HM11" s="273">
        <v>0</v>
      </c>
      <c r="HN11" s="274">
        <v>0</v>
      </c>
      <c r="HO11" s="269">
        <v>0</v>
      </c>
      <c r="HP11" s="270">
        <v>1198</v>
      </c>
      <c r="HQ11" s="271">
        <v>1198</v>
      </c>
      <c r="HR11" s="272">
        <v>0</v>
      </c>
      <c r="HS11" s="270">
        <v>2715494</v>
      </c>
      <c r="HT11" s="270">
        <v>3608444</v>
      </c>
      <c r="HU11" s="270">
        <v>13913651</v>
      </c>
      <c r="HV11" s="270">
        <v>17596178</v>
      </c>
      <c r="HW11" s="270">
        <v>9015130</v>
      </c>
      <c r="HX11" s="273">
        <v>46848897</v>
      </c>
      <c r="HY11" s="274">
        <v>46850095</v>
      </c>
    </row>
    <row r="12" spans="2:233" ht="21" customHeight="1" x14ac:dyDescent="0.2">
      <c r="B12" s="437" t="s">
        <v>8</v>
      </c>
      <c r="C12" s="269">
        <v>0</v>
      </c>
      <c r="D12" s="270">
        <v>2900</v>
      </c>
      <c r="E12" s="271">
        <v>2900</v>
      </c>
      <c r="F12" s="272">
        <v>0</v>
      </c>
      <c r="G12" s="270">
        <v>566748</v>
      </c>
      <c r="H12" s="270">
        <v>1284726</v>
      </c>
      <c r="I12" s="270">
        <v>4826289</v>
      </c>
      <c r="J12" s="270">
        <v>4930370</v>
      </c>
      <c r="K12" s="270">
        <v>2538643</v>
      </c>
      <c r="L12" s="273">
        <v>14146776</v>
      </c>
      <c r="M12" s="274">
        <v>14149676</v>
      </c>
      <c r="N12" s="269">
        <v>0</v>
      </c>
      <c r="O12" s="270">
        <v>0</v>
      </c>
      <c r="P12" s="271">
        <v>0</v>
      </c>
      <c r="Q12" s="470">
        <v>0</v>
      </c>
      <c r="R12" s="270">
        <v>213260</v>
      </c>
      <c r="S12" s="270">
        <v>392305</v>
      </c>
      <c r="T12" s="270">
        <v>3277830</v>
      </c>
      <c r="U12" s="270">
        <v>3535935</v>
      </c>
      <c r="V12" s="270">
        <v>2012293</v>
      </c>
      <c r="W12" s="273">
        <v>9431623</v>
      </c>
      <c r="X12" s="274">
        <v>9431623</v>
      </c>
      <c r="Y12" s="269">
        <v>0</v>
      </c>
      <c r="Z12" s="270">
        <v>0</v>
      </c>
      <c r="AA12" s="271">
        <v>0</v>
      </c>
      <c r="AB12" s="470">
        <v>0</v>
      </c>
      <c r="AC12" s="270">
        <v>219165</v>
      </c>
      <c r="AD12" s="270">
        <v>708850</v>
      </c>
      <c r="AE12" s="270">
        <v>1007677</v>
      </c>
      <c r="AF12" s="270">
        <v>865480</v>
      </c>
      <c r="AG12" s="270">
        <v>345410</v>
      </c>
      <c r="AH12" s="273">
        <v>3146582</v>
      </c>
      <c r="AI12" s="274">
        <v>3146582</v>
      </c>
      <c r="AJ12" s="269">
        <v>0</v>
      </c>
      <c r="AK12" s="270">
        <v>0</v>
      </c>
      <c r="AL12" s="271">
        <v>0</v>
      </c>
      <c r="AM12" s="470">
        <v>0</v>
      </c>
      <c r="AN12" s="270">
        <v>0</v>
      </c>
      <c r="AO12" s="270">
        <v>0</v>
      </c>
      <c r="AP12" s="270">
        <v>0</v>
      </c>
      <c r="AQ12" s="270">
        <v>0</v>
      </c>
      <c r="AR12" s="270">
        <v>0</v>
      </c>
      <c r="AS12" s="273">
        <v>0</v>
      </c>
      <c r="AT12" s="274">
        <v>0</v>
      </c>
      <c r="AU12" s="269">
        <v>0</v>
      </c>
      <c r="AV12" s="270">
        <v>0</v>
      </c>
      <c r="AW12" s="271">
        <v>0</v>
      </c>
      <c r="AX12" s="470">
        <v>0</v>
      </c>
      <c r="AY12" s="270">
        <v>1145</v>
      </c>
      <c r="AZ12" s="270">
        <v>0</v>
      </c>
      <c r="BA12" s="270">
        <v>32705</v>
      </c>
      <c r="BB12" s="270">
        <v>2635</v>
      </c>
      <c r="BC12" s="270">
        <v>38130</v>
      </c>
      <c r="BD12" s="273">
        <v>74615</v>
      </c>
      <c r="BE12" s="274">
        <v>74615</v>
      </c>
      <c r="BF12" s="269">
        <v>0</v>
      </c>
      <c r="BG12" s="270">
        <v>0</v>
      </c>
      <c r="BH12" s="271">
        <v>0</v>
      </c>
      <c r="BI12" s="470">
        <v>0</v>
      </c>
      <c r="BJ12" s="270">
        <v>0</v>
      </c>
      <c r="BK12" s="270">
        <v>2635</v>
      </c>
      <c r="BL12" s="270">
        <v>43245</v>
      </c>
      <c r="BM12" s="270">
        <v>275425</v>
      </c>
      <c r="BN12" s="270">
        <v>44025</v>
      </c>
      <c r="BO12" s="273">
        <v>365330</v>
      </c>
      <c r="BP12" s="274">
        <v>365330</v>
      </c>
      <c r="BQ12" s="269">
        <v>0</v>
      </c>
      <c r="BR12" s="270">
        <v>2900</v>
      </c>
      <c r="BS12" s="271">
        <v>2900</v>
      </c>
      <c r="BT12" s="272">
        <v>0</v>
      </c>
      <c r="BU12" s="270">
        <v>133178</v>
      </c>
      <c r="BV12" s="270">
        <v>171956</v>
      </c>
      <c r="BW12" s="270">
        <v>464252</v>
      </c>
      <c r="BX12" s="270">
        <v>250895</v>
      </c>
      <c r="BY12" s="270">
        <v>97804</v>
      </c>
      <c r="BZ12" s="273">
        <v>1118085</v>
      </c>
      <c r="CA12" s="274">
        <v>1120985</v>
      </c>
      <c r="CB12" s="269">
        <v>0</v>
      </c>
      <c r="CC12" s="270">
        <v>0</v>
      </c>
      <c r="CD12" s="271">
        <v>0</v>
      </c>
      <c r="CE12" s="272">
        <v>0</v>
      </c>
      <c r="CF12" s="270">
        <v>0</v>
      </c>
      <c r="CG12" s="270">
        <v>8980</v>
      </c>
      <c r="CH12" s="270">
        <v>580</v>
      </c>
      <c r="CI12" s="270">
        <v>0</v>
      </c>
      <c r="CJ12" s="270">
        <v>981</v>
      </c>
      <c r="CK12" s="273">
        <v>10541</v>
      </c>
      <c r="CL12" s="274">
        <v>10541</v>
      </c>
      <c r="CM12" s="269">
        <v>0</v>
      </c>
      <c r="CN12" s="270">
        <v>0</v>
      </c>
      <c r="CO12" s="271">
        <v>0</v>
      </c>
      <c r="CP12" s="272">
        <v>0</v>
      </c>
      <c r="CQ12" s="270">
        <v>0</v>
      </c>
      <c r="CR12" s="270">
        <v>0</v>
      </c>
      <c r="CS12" s="270">
        <v>0</v>
      </c>
      <c r="CT12" s="270">
        <v>0</v>
      </c>
      <c r="CU12" s="270">
        <v>0</v>
      </c>
      <c r="CV12" s="273">
        <v>0</v>
      </c>
      <c r="CW12" s="274">
        <v>0</v>
      </c>
      <c r="CX12" s="269">
        <v>0</v>
      </c>
      <c r="CY12" s="270">
        <v>0</v>
      </c>
      <c r="CZ12" s="271">
        <v>0</v>
      </c>
      <c r="DA12" s="470">
        <v>0</v>
      </c>
      <c r="DB12" s="270">
        <v>0</v>
      </c>
      <c r="DC12" s="270">
        <v>0</v>
      </c>
      <c r="DD12" s="270">
        <v>0</v>
      </c>
      <c r="DE12" s="270">
        <v>0</v>
      </c>
      <c r="DF12" s="270">
        <v>0</v>
      </c>
      <c r="DG12" s="273">
        <v>0</v>
      </c>
      <c r="DH12" s="274">
        <v>0</v>
      </c>
      <c r="DI12" s="269">
        <v>0</v>
      </c>
      <c r="DJ12" s="270">
        <v>7708</v>
      </c>
      <c r="DK12" s="271">
        <v>7708</v>
      </c>
      <c r="DL12" s="272">
        <v>0</v>
      </c>
      <c r="DM12" s="270">
        <v>529467</v>
      </c>
      <c r="DN12" s="270">
        <v>1209711</v>
      </c>
      <c r="DO12" s="270">
        <v>5946918</v>
      </c>
      <c r="DP12" s="270">
        <v>5798050</v>
      </c>
      <c r="DQ12" s="270">
        <v>3058457</v>
      </c>
      <c r="DR12" s="273">
        <v>16542603</v>
      </c>
      <c r="DS12" s="275">
        <v>16550311</v>
      </c>
      <c r="DT12" s="269">
        <v>0</v>
      </c>
      <c r="DU12" s="270">
        <v>0</v>
      </c>
      <c r="DV12" s="271">
        <v>0</v>
      </c>
      <c r="DW12" s="470">
        <v>0</v>
      </c>
      <c r="DX12" s="270">
        <v>295168</v>
      </c>
      <c r="DY12" s="270">
        <v>793507</v>
      </c>
      <c r="DZ12" s="270">
        <v>4881778</v>
      </c>
      <c r="EA12" s="270">
        <v>4813855</v>
      </c>
      <c r="EB12" s="270">
        <v>2757958</v>
      </c>
      <c r="EC12" s="273">
        <v>13542266</v>
      </c>
      <c r="ED12" s="274">
        <v>13542266</v>
      </c>
      <c r="EE12" s="269">
        <v>0</v>
      </c>
      <c r="EF12" s="270">
        <v>0</v>
      </c>
      <c r="EG12" s="271">
        <v>0</v>
      </c>
      <c r="EH12" s="470">
        <v>0</v>
      </c>
      <c r="EI12" s="270">
        <v>46523</v>
      </c>
      <c r="EJ12" s="270">
        <v>76819</v>
      </c>
      <c r="EK12" s="270">
        <v>172033</v>
      </c>
      <c r="EL12" s="270">
        <v>57261</v>
      </c>
      <c r="EM12" s="270">
        <v>38812</v>
      </c>
      <c r="EN12" s="273">
        <v>391448</v>
      </c>
      <c r="EO12" s="274">
        <v>391448</v>
      </c>
      <c r="EP12" s="269">
        <v>0</v>
      </c>
      <c r="EQ12" s="270">
        <v>0</v>
      </c>
      <c r="ER12" s="271">
        <v>0</v>
      </c>
      <c r="ES12" s="470">
        <v>0</v>
      </c>
      <c r="ET12" s="270">
        <v>0</v>
      </c>
      <c r="EU12" s="270">
        <v>0</v>
      </c>
      <c r="EV12" s="270">
        <v>0</v>
      </c>
      <c r="EW12" s="270">
        <v>0</v>
      </c>
      <c r="EX12" s="270">
        <v>0</v>
      </c>
      <c r="EY12" s="273">
        <v>0</v>
      </c>
      <c r="EZ12" s="274">
        <v>0</v>
      </c>
      <c r="FA12" s="269">
        <v>0</v>
      </c>
      <c r="FB12" s="270">
        <v>0</v>
      </c>
      <c r="FC12" s="271">
        <v>0</v>
      </c>
      <c r="FD12" s="470">
        <v>0</v>
      </c>
      <c r="FE12" s="270">
        <v>3016</v>
      </c>
      <c r="FF12" s="270">
        <v>0</v>
      </c>
      <c r="FG12" s="270">
        <v>217</v>
      </c>
      <c r="FH12" s="270">
        <v>217</v>
      </c>
      <c r="FI12" s="270">
        <v>11904</v>
      </c>
      <c r="FJ12" s="273">
        <v>15354</v>
      </c>
      <c r="FK12" s="274">
        <v>15354</v>
      </c>
      <c r="FL12" s="269">
        <v>0</v>
      </c>
      <c r="FM12" s="270">
        <v>0</v>
      </c>
      <c r="FN12" s="271">
        <v>0</v>
      </c>
      <c r="FO12" s="470">
        <v>0</v>
      </c>
      <c r="FP12" s="270">
        <v>0</v>
      </c>
      <c r="FQ12" s="270">
        <v>21576</v>
      </c>
      <c r="FR12" s="270">
        <v>123070</v>
      </c>
      <c r="FS12" s="270">
        <v>410036</v>
      </c>
      <c r="FT12" s="270">
        <v>85486</v>
      </c>
      <c r="FU12" s="273">
        <v>640168</v>
      </c>
      <c r="FV12" s="274">
        <v>640168</v>
      </c>
      <c r="FW12" s="269">
        <v>0</v>
      </c>
      <c r="FX12" s="270">
        <v>7708</v>
      </c>
      <c r="FY12" s="271">
        <v>7708</v>
      </c>
      <c r="FZ12" s="272">
        <v>0</v>
      </c>
      <c r="GA12" s="270">
        <v>184760</v>
      </c>
      <c r="GB12" s="270">
        <v>315805</v>
      </c>
      <c r="GC12" s="270">
        <v>768388</v>
      </c>
      <c r="GD12" s="270">
        <v>516681</v>
      </c>
      <c r="GE12" s="270">
        <v>164282</v>
      </c>
      <c r="GF12" s="273">
        <v>1949916</v>
      </c>
      <c r="GG12" s="274">
        <v>1957624</v>
      </c>
      <c r="GH12" s="269">
        <v>0</v>
      </c>
      <c r="GI12" s="270">
        <v>0</v>
      </c>
      <c r="GJ12" s="271">
        <v>0</v>
      </c>
      <c r="GK12" s="272">
        <v>0</v>
      </c>
      <c r="GL12" s="270">
        <v>0</v>
      </c>
      <c r="GM12" s="270">
        <v>2004</v>
      </c>
      <c r="GN12" s="270">
        <v>1432</v>
      </c>
      <c r="GO12" s="270">
        <v>0</v>
      </c>
      <c r="GP12" s="270">
        <v>15</v>
      </c>
      <c r="GQ12" s="273">
        <v>3451</v>
      </c>
      <c r="GR12" s="274">
        <v>3451</v>
      </c>
      <c r="GS12" s="269">
        <v>0</v>
      </c>
      <c r="GT12" s="270">
        <v>0</v>
      </c>
      <c r="GU12" s="271">
        <v>0</v>
      </c>
      <c r="GV12" s="272">
        <v>0</v>
      </c>
      <c r="GW12" s="270">
        <v>0</v>
      </c>
      <c r="GX12" s="270">
        <v>0</v>
      </c>
      <c r="GY12" s="270">
        <v>0</v>
      </c>
      <c r="GZ12" s="270">
        <v>0</v>
      </c>
      <c r="HA12" s="270">
        <v>0</v>
      </c>
      <c r="HB12" s="273">
        <v>0</v>
      </c>
      <c r="HC12" s="274">
        <v>0</v>
      </c>
      <c r="HD12" s="269">
        <v>0</v>
      </c>
      <c r="HE12" s="270">
        <v>0</v>
      </c>
      <c r="HF12" s="271">
        <v>0</v>
      </c>
      <c r="HG12" s="470">
        <v>0</v>
      </c>
      <c r="HH12" s="270">
        <v>0</v>
      </c>
      <c r="HI12" s="270">
        <v>0</v>
      </c>
      <c r="HJ12" s="270">
        <v>0</v>
      </c>
      <c r="HK12" s="270">
        <v>0</v>
      </c>
      <c r="HL12" s="270">
        <v>0</v>
      </c>
      <c r="HM12" s="273">
        <v>0</v>
      </c>
      <c r="HN12" s="274">
        <v>0</v>
      </c>
      <c r="HO12" s="269">
        <v>0</v>
      </c>
      <c r="HP12" s="270">
        <v>10608</v>
      </c>
      <c r="HQ12" s="271">
        <v>10608</v>
      </c>
      <c r="HR12" s="272">
        <v>0</v>
      </c>
      <c r="HS12" s="270">
        <v>1096215</v>
      </c>
      <c r="HT12" s="270">
        <v>2494437</v>
      </c>
      <c r="HU12" s="270">
        <v>10773207</v>
      </c>
      <c r="HV12" s="270">
        <v>10728420</v>
      </c>
      <c r="HW12" s="270">
        <v>5597100</v>
      </c>
      <c r="HX12" s="273">
        <v>30689379</v>
      </c>
      <c r="HY12" s="274">
        <v>30699987</v>
      </c>
    </row>
    <row r="13" spans="2:233" ht="21" customHeight="1" x14ac:dyDescent="0.2">
      <c r="B13" s="437" t="s">
        <v>9</v>
      </c>
      <c r="C13" s="269">
        <v>0</v>
      </c>
      <c r="D13" s="270">
        <v>30</v>
      </c>
      <c r="E13" s="271">
        <v>30</v>
      </c>
      <c r="F13" s="272">
        <v>0</v>
      </c>
      <c r="G13" s="270">
        <v>170154</v>
      </c>
      <c r="H13" s="270">
        <v>182606</v>
      </c>
      <c r="I13" s="270">
        <v>2105488</v>
      </c>
      <c r="J13" s="270">
        <v>2101358</v>
      </c>
      <c r="K13" s="270">
        <v>1749302</v>
      </c>
      <c r="L13" s="273">
        <v>6308908</v>
      </c>
      <c r="M13" s="274">
        <v>6308938</v>
      </c>
      <c r="N13" s="269">
        <v>0</v>
      </c>
      <c r="O13" s="270">
        <v>0</v>
      </c>
      <c r="P13" s="271">
        <v>0</v>
      </c>
      <c r="Q13" s="470">
        <v>0</v>
      </c>
      <c r="R13" s="270">
        <v>59985</v>
      </c>
      <c r="S13" s="270">
        <v>37975</v>
      </c>
      <c r="T13" s="270">
        <v>1491292</v>
      </c>
      <c r="U13" s="270">
        <v>1694382</v>
      </c>
      <c r="V13" s="270">
        <v>1303607</v>
      </c>
      <c r="W13" s="273">
        <v>4587241</v>
      </c>
      <c r="X13" s="274">
        <v>4587241</v>
      </c>
      <c r="Y13" s="269">
        <v>0</v>
      </c>
      <c r="Z13" s="270">
        <v>0</v>
      </c>
      <c r="AA13" s="271">
        <v>0</v>
      </c>
      <c r="AB13" s="470">
        <v>0</v>
      </c>
      <c r="AC13" s="270">
        <v>91884</v>
      </c>
      <c r="AD13" s="270">
        <v>83545</v>
      </c>
      <c r="AE13" s="270">
        <v>468905</v>
      </c>
      <c r="AF13" s="270">
        <v>315220</v>
      </c>
      <c r="AG13" s="270">
        <v>363555</v>
      </c>
      <c r="AH13" s="273">
        <v>1323109</v>
      </c>
      <c r="AI13" s="274">
        <v>1323109</v>
      </c>
      <c r="AJ13" s="269">
        <v>0</v>
      </c>
      <c r="AK13" s="270">
        <v>0</v>
      </c>
      <c r="AL13" s="271">
        <v>0</v>
      </c>
      <c r="AM13" s="470">
        <v>0</v>
      </c>
      <c r="AN13" s="270">
        <v>0</v>
      </c>
      <c r="AO13" s="270">
        <v>0</v>
      </c>
      <c r="AP13" s="270">
        <v>0</v>
      </c>
      <c r="AQ13" s="270">
        <v>0</v>
      </c>
      <c r="AR13" s="270">
        <v>0</v>
      </c>
      <c r="AS13" s="273">
        <v>0</v>
      </c>
      <c r="AT13" s="274">
        <v>0</v>
      </c>
      <c r="AU13" s="269">
        <v>0</v>
      </c>
      <c r="AV13" s="270">
        <v>0</v>
      </c>
      <c r="AW13" s="271">
        <v>0</v>
      </c>
      <c r="AX13" s="470">
        <v>0</v>
      </c>
      <c r="AY13" s="270">
        <v>0</v>
      </c>
      <c r="AZ13" s="270">
        <v>0</v>
      </c>
      <c r="BA13" s="270">
        <v>0</v>
      </c>
      <c r="BB13" s="270">
        <v>0</v>
      </c>
      <c r="BC13" s="270">
        <v>7905</v>
      </c>
      <c r="BD13" s="273">
        <v>7905</v>
      </c>
      <c r="BE13" s="274">
        <v>7905</v>
      </c>
      <c r="BF13" s="269">
        <v>0</v>
      </c>
      <c r="BG13" s="270">
        <v>0</v>
      </c>
      <c r="BH13" s="271">
        <v>0</v>
      </c>
      <c r="BI13" s="470">
        <v>0</v>
      </c>
      <c r="BJ13" s="270">
        <v>0</v>
      </c>
      <c r="BK13" s="270">
        <v>0</v>
      </c>
      <c r="BL13" s="270">
        <v>0</v>
      </c>
      <c r="BM13" s="270">
        <v>24645</v>
      </c>
      <c r="BN13" s="270">
        <v>0</v>
      </c>
      <c r="BO13" s="273">
        <v>24645</v>
      </c>
      <c r="BP13" s="274">
        <v>24645</v>
      </c>
      <c r="BQ13" s="269">
        <v>0</v>
      </c>
      <c r="BR13" s="270">
        <v>30</v>
      </c>
      <c r="BS13" s="271">
        <v>30</v>
      </c>
      <c r="BT13" s="272">
        <v>0</v>
      </c>
      <c r="BU13" s="270">
        <v>12620</v>
      </c>
      <c r="BV13" s="270">
        <v>60746</v>
      </c>
      <c r="BW13" s="270">
        <v>140935</v>
      </c>
      <c r="BX13" s="270">
        <v>60067</v>
      </c>
      <c r="BY13" s="270">
        <v>73920</v>
      </c>
      <c r="BZ13" s="273">
        <v>348288</v>
      </c>
      <c r="CA13" s="274">
        <v>348318</v>
      </c>
      <c r="CB13" s="269">
        <v>0</v>
      </c>
      <c r="CC13" s="270">
        <v>0</v>
      </c>
      <c r="CD13" s="271">
        <v>0</v>
      </c>
      <c r="CE13" s="272">
        <v>0</v>
      </c>
      <c r="CF13" s="270">
        <v>5665</v>
      </c>
      <c r="CG13" s="270">
        <v>340</v>
      </c>
      <c r="CH13" s="270">
        <v>4356</v>
      </c>
      <c r="CI13" s="270">
        <v>7044</v>
      </c>
      <c r="CJ13" s="270">
        <v>315</v>
      </c>
      <c r="CK13" s="273">
        <v>17720</v>
      </c>
      <c r="CL13" s="274">
        <v>17720</v>
      </c>
      <c r="CM13" s="269">
        <v>0</v>
      </c>
      <c r="CN13" s="270">
        <v>0</v>
      </c>
      <c r="CO13" s="271">
        <v>0</v>
      </c>
      <c r="CP13" s="272">
        <v>0</v>
      </c>
      <c r="CQ13" s="270">
        <v>0</v>
      </c>
      <c r="CR13" s="270">
        <v>0</v>
      </c>
      <c r="CS13" s="270">
        <v>0</v>
      </c>
      <c r="CT13" s="270">
        <v>0</v>
      </c>
      <c r="CU13" s="270">
        <v>0</v>
      </c>
      <c r="CV13" s="273">
        <v>0</v>
      </c>
      <c r="CW13" s="274">
        <v>0</v>
      </c>
      <c r="CX13" s="269">
        <v>0</v>
      </c>
      <c r="CY13" s="270">
        <v>0</v>
      </c>
      <c r="CZ13" s="271">
        <v>0</v>
      </c>
      <c r="DA13" s="470">
        <v>0</v>
      </c>
      <c r="DB13" s="270">
        <v>0</v>
      </c>
      <c r="DC13" s="270">
        <v>0</v>
      </c>
      <c r="DD13" s="270">
        <v>0</v>
      </c>
      <c r="DE13" s="270">
        <v>0</v>
      </c>
      <c r="DF13" s="270">
        <v>0</v>
      </c>
      <c r="DG13" s="273">
        <v>0</v>
      </c>
      <c r="DH13" s="274">
        <v>0</v>
      </c>
      <c r="DI13" s="269">
        <v>0</v>
      </c>
      <c r="DJ13" s="270">
        <v>1392</v>
      </c>
      <c r="DK13" s="271">
        <v>1392</v>
      </c>
      <c r="DL13" s="272">
        <v>0</v>
      </c>
      <c r="DM13" s="270">
        <v>124308</v>
      </c>
      <c r="DN13" s="270">
        <v>188512</v>
      </c>
      <c r="DO13" s="270">
        <v>2374105</v>
      </c>
      <c r="DP13" s="270">
        <v>2446171</v>
      </c>
      <c r="DQ13" s="270">
        <v>2124253</v>
      </c>
      <c r="DR13" s="273">
        <v>7257349</v>
      </c>
      <c r="DS13" s="275">
        <v>7258741</v>
      </c>
      <c r="DT13" s="269">
        <v>0</v>
      </c>
      <c r="DU13" s="270">
        <v>0</v>
      </c>
      <c r="DV13" s="271">
        <v>0</v>
      </c>
      <c r="DW13" s="470">
        <v>0</v>
      </c>
      <c r="DX13" s="270">
        <v>79918</v>
      </c>
      <c r="DY13" s="270">
        <v>73377</v>
      </c>
      <c r="DZ13" s="270">
        <v>2082720</v>
      </c>
      <c r="EA13" s="270">
        <v>2259014</v>
      </c>
      <c r="EB13" s="270">
        <v>1914485</v>
      </c>
      <c r="EC13" s="273">
        <v>6409514</v>
      </c>
      <c r="ED13" s="274">
        <v>6409514</v>
      </c>
      <c r="EE13" s="269">
        <v>0</v>
      </c>
      <c r="EF13" s="270">
        <v>0</v>
      </c>
      <c r="EG13" s="271">
        <v>0</v>
      </c>
      <c r="EH13" s="470">
        <v>0</v>
      </c>
      <c r="EI13" s="270">
        <v>12617</v>
      </c>
      <c r="EJ13" s="270">
        <v>28475</v>
      </c>
      <c r="EK13" s="270">
        <v>51593</v>
      </c>
      <c r="EL13" s="270">
        <v>15438</v>
      </c>
      <c r="EM13" s="270">
        <v>97258</v>
      </c>
      <c r="EN13" s="273">
        <v>205381</v>
      </c>
      <c r="EO13" s="274">
        <v>205381</v>
      </c>
      <c r="EP13" s="269">
        <v>0</v>
      </c>
      <c r="EQ13" s="270">
        <v>0</v>
      </c>
      <c r="ER13" s="271">
        <v>0</v>
      </c>
      <c r="ES13" s="470">
        <v>0</v>
      </c>
      <c r="ET13" s="270">
        <v>0</v>
      </c>
      <c r="EU13" s="270">
        <v>0</v>
      </c>
      <c r="EV13" s="270">
        <v>0</v>
      </c>
      <c r="EW13" s="270">
        <v>0</v>
      </c>
      <c r="EX13" s="270">
        <v>0</v>
      </c>
      <c r="EY13" s="273">
        <v>0</v>
      </c>
      <c r="EZ13" s="274">
        <v>0</v>
      </c>
      <c r="FA13" s="269">
        <v>0</v>
      </c>
      <c r="FB13" s="270">
        <v>0</v>
      </c>
      <c r="FC13" s="271">
        <v>0</v>
      </c>
      <c r="FD13" s="470">
        <v>0</v>
      </c>
      <c r="FE13" s="270">
        <v>0</v>
      </c>
      <c r="FF13" s="270">
        <v>0</v>
      </c>
      <c r="FG13" s="270">
        <v>0</v>
      </c>
      <c r="FH13" s="270">
        <v>0</v>
      </c>
      <c r="FI13" s="270">
        <v>651</v>
      </c>
      <c r="FJ13" s="273">
        <v>651</v>
      </c>
      <c r="FK13" s="274">
        <v>651</v>
      </c>
      <c r="FL13" s="269">
        <v>0</v>
      </c>
      <c r="FM13" s="270">
        <v>0</v>
      </c>
      <c r="FN13" s="271">
        <v>0</v>
      </c>
      <c r="FO13" s="470">
        <v>0</v>
      </c>
      <c r="FP13" s="270">
        <v>0</v>
      </c>
      <c r="FQ13" s="270">
        <v>0</v>
      </c>
      <c r="FR13" s="270">
        <v>0</v>
      </c>
      <c r="FS13" s="270">
        <v>21576</v>
      </c>
      <c r="FT13" s="270">
        <v>0</v>
      </c>
      <c r="FU13" s="273">
        <v>21576</v>
      </c>
      <c r="FV13" s="274">
        <v>21576</v>
      </c>
      <c r="FW13" s="269">
        <v>0</v>
      </c>
      <c r="FX13" s="270">
        <v>1392</v>
      </c>
      <c r="FY13" s="271">
        <v>1392</v>
      </c>
      <c r="FZ13" s="272">
        <v>0</v>
      </c>
      <c r="GA13" s="270">
        <v>31675</v>
      </c>
      <c r="GB13" s="270">
        <v>86632</v>
      </c>
      <c r="GC13" s="270">
        <v>230077</v>
      </c>
      <c r="GD13" s="270">
        <v>149968</v>
      </c>
      <c r="GE13" s="270">
        <v>111831</v>
      </c>
      <c r="GF13" s="273">
        <v>610183</v>
      </c>
      <c r="GG13" s="274">
        <v>611575</v>
      </c>
      <c r="GH13" s="269">
        <v>0</v>
      </c>
      <c r="GI13" s="270">
        <v>0</v>
      </c>
      <c r="GJ13" s="271">
        <v>0</v>
      </c>
      <c r="GK13" s="272">
        <v>0</v>
      </c>
      <c r="GL13" s="270">
        <v>98</v>
      </c>
      <c r="GM13" s="270">
        <v>28</v>
      </c>
      <c r="GN13" s="270">
        <v>9715</v>
      </c>
      <c r="GO13" s="270">
        <v>175</v>
      </c>
      <c r="GP13" s="270">
        <v>28</v>
      </c>
      <c r="GQ13" s="273">
        <v>10044</v>
      </c>
      <c r="GR13" s="274">
        <v>10044</v>
      </c>
      <c r="GS13" s="269">
        <v>0</v>
      </c>
      <c r="GT13" s="270">
        <v>0</v>
      </c>
      <c r="GU13" s="271">
        <v>0</v>
      </c>
      <c r="GV13" s="272">
        <v>0</v>
      </c>
      <c r="GW13" s="270">
        <v>0</v>
      </c>
      <c r="GX13" s="270">
        <v>0</v>
      </c>
      <c r="GY13" s="270">
        <v>0</v>
      </c>
      <c r="GZ13" s="270">
        <v>0</v>
      </c>
      <c r="HA13" s="270">
        <v>0</v>
      </c>
      <c r="HB13" s="273">
        <v>0</v>
      </c>
      <c r="HC13" s="274">
        <v>0</v>
      </c>
      <c r="HD13" s="269">
        <v>0</v>
      </c>
      <c r="HE13" s="270">
        <v>0</v>
      </c>
      <c r="HF13" s="271">
        <v>0</v>
      </c>
      <c r="HG13" s="470">
        <v>0</v>
      </c>
      <c r="HH13" s="270">
        <v>0</v>
      </c>
      <c r="HI13" s="270">
        <v>0</v>
      </c>
      <c r="HJ13" s="270">
        <v>0</v>
      </c>
      <c r="HK13" s="270">
        <v>0</v>
      </c>
      <c r="HL13" s="270">
        <v>0</v>
      </c>
      <c r="HM13" s="273">
        <v>0</v>
      </c>
      <c r="HN13" s="274">
        <v>0</v>
      </c>
      <c r="HO13" s="269">
        <v>0</v>
      </c>
      <c r="HP13" s="270">
        <v>1422</v>
      </c>
      <c r="HQ13" s="271">
        <v>1422</v>
      </c>
      <c r="HR13" s="272">
        <v>0</v>
      </c>
      <c r="HS13" s="270">
        <v>294462</v>
      </c>
      <c r="HT13" s="270">
        <v>371118</v>
      </c>
      <c r="HU13" s="270">
        <v>4479593</v>
      </c>
      <c r="HV13" s="270">
        <v>4547529</v>
      </c>
      <c r="HW13" s="270">
        <v>3873555</v>
      </c>
      <c r="HX13" s="273">
        <v>13566257</v>
      </c>
      <c r="HY13" s="274">
        <v>13567679</v>
      </c>
    </row>
    <row r="14" spans="2:233" ht="21" customHeight="1" x14ac:dyDescent="0.2">
      <c r="B14" s="437" t="s">
        <v>10</v>
      </c>
      <c r="C14" s="269">
        <v>1200</v>
      </c>
      <c r="D14" s="270">
        <v>33390</v>
      </c>
      <c r="E14" s="271">
        <v>34590</v>
      </c>
      <c r="F14" s="272">
        <v>0</v>
      </c>
      <c r="G14" s="270">
        <v>689374</v>
      </c>
      <c r="H14" s="270">
        <v>1019584</v>
      </c>
      <c r="I14" s="270">
        <v>2697423</v>
      </c>
      <c r="J14" s="270">
        <v>4848244</v>
      </c>
      <c r="K14" s="270">
        <v>3974304</v>
      </c>
      <c r="L14" s="273">
        <v>13228929</v>
      </c>
      <c r="M14" s="274">
        <v>13263519</v>
      </c>
      <c r="N14" s="269">
        <v>0</v>
      </c>
      <c r="O14" s="270">
        <v>0</v>
      </c>
      <c r="P14" s="271">
        <v>0</v>
      </c>
      <c r="Q14" s="470">
        <v>0</v>
      </c>
      <c r="R14" s="270">
        <v>48670</v>
      </c>
      <c r="S14" s="270">
        <v>295915</v>
      </c>
      <c r="T14" s="270">
        <v>1691980</v>
      </c>
      <c r="U14" s="270">
        <v>3239932</v>
      </c>
      <c r="V14" s="270">
        <v>3039245</v>
      </c>
      <c r="W14" s="273">
        <v>8315742</v>
      </c>
      <c r="X14" s="274">
        <v>8315742</v>
      </c>
      <c r="Y14" s="269">
        <v>0</v>
      </c>
      <c r="Z14" s="270">
        <v>0</v>
      </c>
      <c r="AA14" s="271">
        <v>0</v>
      </c>
      <c r="AB14" s="470">
        <v>0</v>
      </c>
      <c r="AC14" s="270">
        <v>520693</v>
      </c>
      <c r="AD14" s="270">
        <v>477377</v>
      </c>
      <c r="AE14" s="270">
        <v>763045</v>
      </c>
      <c r="AF14" s="270">
        <v>1056561</v>
      </c>
      <c r="AG14" s="270">
        <v>538335</v>
      </c>
      <c r="AH14" s="273">
        <v>3356011</v>
      </c>
      <c r="AI14" s="274">
        <v>3356011</v>
      </c>
      <c r="AJ14" s="269">
        <v>0</v>
      </c>
      <c r="AK14" s="270">
        <v>0</v>
      </c>
      <c r="AL14" s="271">
        <v>0</v>
      </c>
      <c r="AM14" s="470">
        <v>0</v>
      </c>
      <c r="AN14" s="270">
        <v>0</v>
      </c>
      <c r="AO14" s="270">
        <v>0</v>
      </c>
      <c r="AP14" s="270">
        <v>0</v>
      </c>
      <c r="AQ14" s="270">
        <v>0</v>
      </c>
      <c r="AR14" s="270">
        <v>0</v>
      </c>
      <c r="AS14" s="273">
        <v>0</v>
      </c>
      <c r="AT14" s="274">
        <v>0</v>
      </c>
      <c r="AU14" s="269">
        <v>0</v>
      </c>
      <c r="AV14" s="270">
        <v>0</v>
      </c>
      <c r="AW14" s="271">
        <v>0</v>
      </c>
      <c r="AX14" s="470">
        <v>0</v>
      </c>
      <c r="AY14" s="270">
        <v>0</v>
      </c>
      <c r="AZ14" s="270">
        <v>0</v>
      </c>
      <c r="BA14" s="270">
        <v>0</v>
      </c>
      <c r="BB14" s="270">
        <v>57350</v>
      </c>
      <c r="BC14" s="270">
        <v>191945</v>
      </c>
      <c r="BD14" s="273">
        <v>249295</v>
      </c>
      <c r="BE14" s="274">
        <v>249295</v>
      </c>
      <c r="BF14" s="269">
        <v>0</v>
      </c>
      <c r="BG14" s="270">
        <v>0</v>
      </c>
      <c r="BH14" s="271">
        <v>0</v>
      </c>
      <c r="BI14" s="470">
        <v>0</v>
      </c>
      <c r="BJ14" s="270">
        <v>0</v>
      </c>
      <c r="BK14" s="270">
        <v>0</v>
      </c>
      <c r="BL14" s="270">
        <v>0</v>
      </c>
      <c r="BM14" s="270">
        <v>32705</v>
      </c>
      <c r="BN14" s="270">
        <v>75950</v>
      </c>
      <c r="BO14" s="273">
        <v>108655</v>
      </c>
      <c r="BP14" s="274">
        <v>108655</v>
      </c>
      <c r="BQ14" s="269">
        <v>1200</v>
      </c>
      <c r="BR14" s="270">
        <v>33390</v>
      </c>
      <c r="BS14" s="271">
        <v>34590</v>
      </c>
      <c r="BT14" s="272">
        <v>0</v>
      </c>
      <c r="BU14" s="270">
        <v>120011</v>
      </c>
      <c r="BV14" s="270">
        <v>231340</v>
      </c>
      <c r="BW14" s="270">
        <v>241718</v>
      </c>
      <c r="BX14" s="270">
        <v>439109</v>
      </c>
      <c r="BY14" s="270">
        <v>108934</v>
      </c>
      <c r="BZ14" s="273">
        <v>1141112</v>
      </c>
      <c r="CA14" s="274">
        <v>1175702</v>
      </c>
      <c r="CB14" s="269">
        <v>0</v>
      </c>
      <c r="CC14" s="270">
        <v>0</v>
      </c>
      <c r="CD14" s="271">
        <v>0</v>
      </c>
      <c r="CE14" s="272">
        <v>0</v>
      </c>
      <c r="CF14" s="270">
        <v>0</v>
      </c>
      <c r="CG14" s="270">
        <v>14952</v>
      </c>
      <c r="CH14" s="270">
        <v>680</v>
      </c>
      <c r="CI14" s="270">
        <v>22587</v>
      </c>
      <c r="CJ14" s="270">
        <v>19895</v>
      </c>
      <c r="CK14" s="273">
        <v>58114</v>
      </c>
      <c r="CL14" s="274">
        <v>58114</v>
      </c>
      <c r="CM14" s="269">
        <v>0</v>
      </c>
      <c r="CN14" s="270">
        <v>0</v>
      </c>
      <c r="CO14" s="271">
        <v>0</v>
      </c>
      <c r="CP14" s="272">
        <v>0</v>
      </c>
      <c r="CQ14" s="270">
        <v>0</v>
      </c>
      <c r="CR14" s="270">
        <v>0</v>
      </c>
      <c r="CS14" s="270">
        <v>0</v>
      </c>
      <c r="CT14" s="270">
        <v>0</v>
      </c>
      <c r="CU14" s="270">
        <v>0</v>
      </c>
      <c r="CV14" s="273">
        <v>0</v>
      </c>
      <c r="CW14" s="274">
        <v>0</v>
      </c>
      <c r="CX14" s="269">
        <v>0</v>
      </c>
      <c r="CY14" s="270">
        <v>0</v>
      </c>
      <c r="CZ14" s="271">
        <v>0</v>
      </c>
      <c r="DA14" s="470">
        <v>0</v>
      </c>
      <c r="DB14" s="270">
        <v>0</v>
      </c>
      <c r="DC14" s="270">
        <v>0</v>
      </c>
      <c r="DD14" s="270">
        <v>0</v>
      </c>
      <c r="DE14" s="270">
        <v>0</v>
      </c>
      <c r="DF14" s="270">
        <v>0</v>
      </c>
      <c r="DG14" s="273">
        <v>0</v>
      </c>
      <c r="DH14" s="274">
        <v>0</v>
      </c>
      <c r="DI14" s="269">
        <v>2372</v>
      </c>
      <c r="DJ14" s="270">
        <v>35379</v>
      </c>
      <c r="DK14" s="271">
        <v>37751</v>
      </c>
      <c r="DL14" s="272">
        <v>0</v>
      </c>
      <c r="DM14" s="270">
        <v>403522</v>
      </c>
      <c r="DN14" s="270">
        <v>958507</v>
      </c>
      <c r="DO14" s="270">
        <v>3005262</v>
      </c>
      <c r="DP14" s="270">
        <v>5600009</v>
      </c>
      <c r="DQ14" s="270">
        <v>4161768</v>
      </c>
      <c r="DR14" s="273">
        <v>14129068</v>
      </c>
      <c r="DS14" s="275">
        <v>14166819</v>
      </c>
      <c r="DT14" s="269">
        <v>0</v>
      </c>
      <c r="DU14" s="270">
        <v>0</v>
      </c>
      <c r="DV14" s="271">
        <v>0</v>
      </c>
      <c r="DW14" s="470">
        <v>0</v>
      </c>
      <c r="DX14" s="270">
        <v>143530</v>
      </c>
      <c r="DY14" s="270">
        <v>489459</v>
      </c>
      <c r="DZ14" s="270">
        <v>2492902</v>
      </c>
      <c r="EA14" s="270">
        <v>4745813</v>
      </c>
      <c r="EB14" s="270">
        <v>3776654</v>
      </c>
      <c r="EC14" s="273">
        <v>11648358</v>
      </c>
      <c r="ED14" s="274">
        <v>11648358</v>
      </c>
      <c r="EE14" s="269">
        <v>0</v>
      </c>
      <c r="EF14" s="270">
        <v>0</v>
      </c>
      <c r="EG14" s="271">
        <v>0</v>
      </c>
      <c r="EH14" s="470">
        <v>0</v>
      </c>
      <c r="EI14" s="270">
        <v>75592</v>
      </c>
      <c r="EJ14" s="270">
        <v>95594</v>
      </c>
      <c r="EK14" s="270">
        <v>126947</v>
      </c>
      <c r="EL14" s="270">
        <v>192127</v>
      </c>
      <c r="EM14" s="270">
        <v>75877</v>
      </c>
      <c r="EN14" s="273">
        <v>566137</v>
      </c>
      <c r="EO14" s="274">
        <v>566137</v>
      </c>
      <c r="EP14" s="269">
        <v>0</v>
      </c>
      <c r="EQ14" s="270">
        <v>0</v>
      </c>
      <c r="ER14" s="271">
        <v>0</v>
      </c>
      <c r="ES14" s="470">
        <v>0</v>
      </c>
      <c r="ET14" s="270">
        <v>0</v>
      </c>
      <c r="EU14" s="270">
        <v>0</v>
      </c>
      <c r="EV14" s="270">
        <v>0</v>
      </c>
      <c r="EW14" s="270">
        <v>0</v>
      </c>
      <c r="EX14" s="270">
        <v>0</v>
      </c>
      <c r="EY14" s="273">
        <v>0</v>
      </c>
      <c r="EZ14" s="274">
        <v>0</v>
      </c>
      <c r="FA14" s="269">
        <v>0</v>
      </c>
      <c r="FB14" s="270">
        <v>0</v>
      </c>
      <c r="FC14" s="271">
        <v>0</v>
      </c>
      <c r="FD14" s="470">
        <v>0</v>
      </c>
      <c r="FE14" s="270">
        <v>0</v>
      </c>
      <c r="FF14" s="270">
        <v>0</v>
      </c>
      <c r="FG14" s="270">
        <v>0</v>
      </c>
      <c r="FH14" s="270">
        <v>434</v>
      </c>
      <c r="FI14" s="270">
        <v>2569</v>
      </c>
      <c r="FJ14" s="273">
        <v>3003</v>
      </c>
      <c r="FK14" s="274">
        <v>3003</v>
      </c>
      <c r="FL14" s="269">
        <v>0</v>
      </c>
      <c r="FM14" s="270">
        <v>0</v>
      </c>
      <c r="FN14" s="271">
        <v>0</v>
      </c>
      <c r="FO14" s="470">
        <v>0</v>
      </c>
      <c r="FP14" s="270">
        <v>0</v>
      </c>
      <c r="FQ14" s="270">
        <v>0</v>
      </c>
      <c r="FR14" s="270">
        <v>0</v>
      </c>
      <c r="FS14" s="270">
        <v>36766</v>
      </c>
      <c r="FT14" s="270">
        <v>135656</v>
      </c>
      <c r="FU14" s="273">
        <v>172422</v>
      </c>
      <c r="FV14" s="274">
        <v>172422</v>
      </c>
      <c r="FW14" s="269">
        <v>2372</v>
      </c>
      <c r="FX14" s="270">
        <v>35379</v>
      </c>
      <c r="FY14" s="271">
        <v>37751</v>
      </c>
      <c r="FZ14" s="272">
        <v>0</v>
      </c>
      <c r="GA14" s="270">
        <v>184400</v>
      </c>
      <c r="GB14" s="270">
        <v>371531</v>
      </c>
      <c r="GC14" s="270">
        <v>383265</v>
      </c>
      <c r="GD14" s="270">
        <v>619472</v>
      </c>
      <c r="GE14" s="270">
        <v>164226</v>
      </c>
      <c r="GF14" s="273">
        <v>1722894</v>
      </c>
      <c r="GG14" s="274">
        <v>1760645</v>
      </c>
      <c r="GH14" s="269">
        <v>0</v>
      </c>
      <c r="GI14" s="270">
        <v>0</v>
      </c>
      <c r="GJ14" s="271">
        <v>0</v>
      </c>
      <c r="GK14" s="272">
        <v>0</v>
      </c>
      <c r="GL14" s="270">
        <v>0</v>
      </c>
      <c r="GM14" s="270">
        <v>1923</v>
      </c>
      <c r="GN14" s="270">
        <v>2148</v>
      </c>
      <c r="GO14" s="270">
        <v>5397</v>
      </c>
      <c r="GP14" s="270">
        <v>6786</v>
      </c>
      <c r="GQ14" s="273">
        <v>16254</v>
      </c>
      <c r="GR14" s="274">
        <v>16254</v>
      </c>
      <c r="GS14" s="269">
        <v>0</v>
      </c>
      <c r="GT14" s="270">
        <v>0</v>
      </c>
      <c r="GU14" s="271">
        <v>0</v>
      </c>
      <c r="GV14" s="272">
        <v>0</v>
      </c>
      <c r="GW14" s="270">
        <v>0</v>
      </c>
      <c r="GX14" s="270">
        <v>0</v>
      </c>
      <c r="GY14" s="270">
        <v>0</v>
      </c>
      <c r="GZ14" s="270">
        <v>0</v>
      </c>
      <c r="HA14" s="270">
        <v>0</v>
      </c>
      <c r="HB14" s="273">
        <v>0</v>
      </c>
      <c r="HC14" s="274">
        <v>0</v>
      </c>
      <c r="HD14" s="269">
        <v>0</v>
      </c>
      <c r="HE14" s="270">
        <v>0</v>
      </c>
      <c r="HF14" s="271">
        <v>0</v>
      </c>
      <c r="HG14" s="470">
        <v>0</v>
      </c>
      <c r="HH14" s="270">
        <v>0</v>
      </c>
      <c r="HI14" s="270">
        <v>0</v>
      </c>
      <c r="HJ14" s="270">
        <v>0</v>
      </c>
      <c r="HK14" s="270">
        <v>0</v>
      </c>
      <c r="HL14" s="270">
        <v>0</v>
      </c>
      <c r="HM14" s="273">
        <v>0</v>
      </c>
      <c r="HN14" s="274">
        <v>0</v>
      </c>
      <c r="HO14" s="269">
        <v>3572</v>
      </c>
      <c r="HP14" s="270">
        <v>68769</v>
      </c>
      <c r="HQ14" s="271">
        <v>72341</v>
      </c>
      <c r="HR14" s="272">
        <v>0</v>
      </c>
      <c r="HS14" s="270">
        <v>1092896</v>
      </c>
      <c r="HT14" s="270">
        <v>1978091</v>
      </c>
      <c r="HU14" s="270">
        <v>5702685</v>
      </c>
      <c r="HV14" s="270">
        <v>10448253</v>
      </c>
      <c r="HW14" s="270">
        <v>8136072</v>
      </c>
      <c r="HX14" s="273">
        <v>27357997</v>
      </c>
      <c r="HY14" s="274">
        <v>27430338</v>
      </c>
    </row>
    <row r="15" spans="2:233" ht="21" customHeight="1" x14ac:dyDescent="0.2">
      <c r="B15" s="437" t="s">
        <v>11</v>
      </c>
      <c r="C15" s="269">
        <v>1475</v>
      </c>
      <c r="D15" s="270">
        <v>0</v>
      </c>
      <c r="E15" s="271">
        <v>1475</v>
      </c>
      <c r="F15" s="272">
        <v>0</v>
      </c>
      <c r="G15" s="270">
        <v>751249</v>
      </c>
      <c r="H15" s="270">
        <v>924250</v>
      </c>
      <c r="I15" s="270">
        <v>2752252</v>
      </c>
      <c r="J15" s="270">
        <v>4157058</v>
      </c>
      <c r="K15" s="270">
        <v>2498885</v>
      </c>
      <c r="L15" s="273">
        <v>11083694</v>
      </c>
      <c r="M15" s="274">
        <v>11085169</v>
      </c>
      <c r="N15" s="269">
        <v>0</v>
      </c>
      <c r="O15" s="270">
        <v>0</v>
      </c>
      <c r="P15" s="271">
        <v>0</v>
      </c>
      <c r="Q15" s="470">
        <v>0</v>
      </c>
      <c r="R15" s="270">
        <v>0</v>
      </c>
      <c r="S15" s="270">
        <v>128495</v>
      </c>
      <c r="T15" s="270">
        <v>1742440</v>
      </c>
      <c r="U15" s="270">
        <v>2870935</v>
      </c>
      <c r="V15" s="270">
        <v>1618845</v>
      </c>
      <c r="W15" s="273">
        <v>6360715</v>
      </c>
      <c r="X15" s="274">
        <v>6360715</v>
      </c>
      <c r="Y15" s="269">
        <v>0</v>
      </c>
      <c r="Z15" s="270">
        <v>0</v>
      </c>
      <c r="AA15" s="271">
        <v>0</v>
      </c>
      <c r="AB15" s="470">
        <v>0</v>
      </c>
      <c r="AC15" s="270">
        <v>614854</v>
      </c>
      <c r="AD15" s="270">
        <v>574835</v>
      </c>
      <c r="AE15" s="270">
        <v>681122</v>
      </c>
      <c r="AF15" s="270">
        <v>1114343</v>
      </c>
      <c r="AG15" s="270">
        <v>427031</v>
      </c>
      <c r="AH15" s="273">
        <v>3412185</v>
      </c>
      <c r="AI15" s="274">
        <v>3412185</v>
      </c>
      <c r="AJ15" s="269">
        <v>0</v>
      </c>
      <c r="AK15" s="270">
        <v>0</v>
      </c>
      <c r="AL15" s="271">
        <v>0</v>
      </c>
      <c r="AM15" s="470">
        <v>0</v>
      </c>
      <c r="AN15" s="270">
        <v>0</v>
      </c>
      <c r="AO15" s="270">
        <v>0</v>
      </c>
      <c r="AP15" s="270">
        <v>0</v>
      </c>
      <c r="AQ15" s="270">
        <v>0</v>
      </c>
      <c r="AR15" s="270">
        <v>0</v>
      </c>
      <c r="AS15" s="273">
        <v>0</v>
      </c>
      <c r="AT15" s="274">
        <v>0</v>
      </c>
      <c r="AU15" s="269">
        <v>0</v>
      </c>
      <c r="AV15" s="270">
        <v>0</v>
      </c>
      <c r="AW15" s="271">
        <v>0</v>
      </c>
      <c r="AX15" s="470">
        <v>0</v>
      </c>
      <c r="AY15" s="270">
        <v>95480</v>
      </c>
      <c r="AZ15" s="270">
        <v>92845</v>
      </c>
      <c r="BA15" s="270">
        <v>95325</v>
      </c>
      <c r="BB15" s="270">
        <v>56150</v>
      </c>
      <c r="BC15" s="270">
        <v>371500</v>
      </c>
      <c r="BD15" s="273">
        <v>711300</v>
      </c>
      <c r="BE15" s="274">
        <v>711300</v>
      </c>
      <c r="BF15" s="269">
        <v>0</v>
      </c>
      <c r="BG15" s="270">
        <v>0</v>
      </c>
      <c r="BH15" s="271">
        <v>0</v>
      </c>
      <c r="BI15" s="470">
        <v>0</v>
      </c>
      <c r="BJ15" s="270">
        <v>0</v>
      </c>
      <c r="BK15" s="270">
        <v>24645</v>
      </c>
      <c r="BL15" s="270">
        <v>5275</v>
      </c>
      <c r="BM15" s="270">
        <v>0</v>
      </c>
      <c r="BN15" s="270">
        <v>0</v>
      </c>
      <c r="BO15" s="273">
        <v>29920</v>
      </c>
      <c r="BP15" s="274">
        <v>29920</v>
      </c>
      <c r="BQ15" s="269">
        <v>1475</v>
      </c>
      <c r="BR15" s="270">
        <v>0</v>
      </c>
      <c r="BS15" s="271">
        <v>1475</v>
      </c>
      <c r="BT15" s="272">
        <v>0</v>
      </c>
      <c r="BU15" s="270">
        <v>40915</v>
      </c>
      <c r="BV15" s="270">
        <v>100220</v>
      </c>
      <c r="BW15" s="270">
        <v>227945</v>
      </c>
      <c r="BX15" s="270">
        <v>114615</v>
      </c>
      <c r="BY15" s="270">
        <v>81509</v>
      </c>
      <c r="BZ15" s="273">
        <v>565204</v>
      </c>
      <c r="CA15" s="274">
        <v>566679</v>
      </c>
      <c r="CB15" s="269">
        <v>0</v>
      </c>
      <c r="CC15" s="270">
        <v>0</v>
      </c>
      <c r="CD15" s="271">
        <v>0</v>
      </c>
      <c r="CE15" s="272">
        <v>0</v>
      </c>
      <c r="CF15" s="270">
        <v>0</v>
      </c>
      <c r="CG15" s="270">
        <v>3210</v>
      </c>
      <c r="CH15" s="270">
        <v>145</v>
      </c>
      <c r="CI15" s="270">
        <v>1015</v>
      </c>
      <c r="CJ15" s="270">
        <v>0</v>
      </c>
      <c r="CK15" s="273">
        <v>4370</v>
      </c>
      <c r="CL15" s="274">
        <v>4370</v>
      </c>
      <c r="CM15" s="269">
        <v>0</v>
      </c>
      <c r="CN15" s="270">
        <v>0</v>
      </c>
      <c r="CO15" s="271">
        <v>0</v>
      </c>
      <c r="CP15" s="272">
        <v>0</v>
      </c>
      <c r="CQ15" s="270">
        <v>0</v>
      </c>
      <c r="CR15" s="270">
        <v>0</v>
      </c>
      <c r="CS15" s="270">
        <v>0</v>
      </c>
      <c r="CT15" s="270">
        <v>0</v>
      </c>
      <c r="CU15" s="270">
        <v>0</v>
      </c>
      <c r="CV15" s="273">
        <v>0</v>
      </c>
      <c r="CW15" s="274">
        <v>0</v>
      </c>
      <c r="CX15" s="269">
        <v>0</v>
      </c>
      <c r="CY15" s="270">
        <v>0</v>
      </c>
      <c r="CZ15" s="271">
        <v>0</v>
      </c>
      <c r="DA15" s="470">
        <v>0</v>
      </c>
      <c r="DB15" s="270">
        <v>0</v>
      </c>
      <c r="DC15" s="270">
        <v>0</v>
      </c>
      <c r="DD15" s="270">
        <v>0</v>
      </c>
      <c r="DE15" s="270">
        <v>0</v>
      </c>
      <c r="DF15" s="270">
        <v>0</v>
      </c>
      <c r="DG15" s="273">
        <v>0</v>
      </c>
      <c r="DH15" s="274">
        <v>0</v>
      </c>
      <c r="DI15" s="269">
        <v>940</v>
      </c>
      <c r="DJ15" s="270">
        <v>970</v>
      </c>
      <c r="DK15" s="271">
        <v>1910</v>
      </c>
      <c r="DL15" s="272">
        <v>0</v>
      </c>
      <c r="DM15" s="270">
        <v>213266</v>
      </c>
      <c r="DN15" s="270">
        <v>360027</v>
      </c>
      <c r="DO15" s="270">
        <v>2656902</v>
      </c>
      <c r="DP15" s="270">
        <v>3790373</v>
      </c>
      <c r="DQ15" s="270">
        <v>1991359</v>
      </c>
      <c r="DR15" s="273">
        <v>9011927</v>
      </c>
      <c r="DS15" s="275">
        <v>9013837</v>
      </c>
      <c r="DT15" s="269">
        <v>0</v>
      </c>
      <c r="DU15" s="270">
        <v>0</v>
      </c>
      <c r="DV15" s="271">
        <v>0</v>
      </c>
      <c r="DW15" s="470">
        <v>0</v>
      </c>
      <c r="DX15" s="270">
        <v>0</v>
      </c>
      <c r="DY15" s="270">
        <v>118327</v>
      </c>
      <c r="DZ15" s="270">
        <v>2209010</v>
      </c>
      <c r="EA15" s="270">
        <v>3469754</v>
      </c>
      <c r="EB15" s="270">
        <v>1788545</v>
      </c>
      <c r="EC15" s="273">
        <v>7585636</v>
      </c>
      <c r="ED15" s="274">
        <v>7585636</v>
      </c>
      <c r="EE15" s="269">
        <v>0</v>
      </c>
      <c r="EF15" s="270">
        <v>0</v>
      </c>
      <c r="EG15" s="271">
        <v>0</v>
      </c>
      <c r="EH15" s="470">
        <v>0</v>
      </c>
      <c r="EI15" s="270">
        <v>137263</v>
      </c>
      <c r="EJ15" s="270">
        <v>98576</v>
      </c>
      <c r="EK15" s="270">
        <v>191292</v>
      </c>
      <c r="EL15" s="270">
        <v>209651</v>
      </c>
      <c r="EM15" s="270">
        <v>48476</v>
      </c>
      <c r="EN15" s="273">
        <v>685258</v>
      </c>
      <c r="EO15" s="274">
        <v>685258</v>
      </c>
      <c r="EP15" s="269">
        <v>0</v>
      </c>
      <c r="EQ15" s="270">
        <v>0</v>
      </c>
      <c r="ER15" s="271">
        <v>0</v>
      </c>
      <c r="ES15" s="470">
        <v>0</v>
      </c>
      <c r="ET15" s="270">
        <v>0</v>
      </c>
      <c r="EU15" s="270">
        <v>0</v>
      </c>
      <c r="EV15" s="270">
        <v>0</v>
      </c>
      <c r="EW15" s="270">
        <v>0</v>
      </c>
      <c r="EX15" s="270">
        <v>0</v>
      </c>
      <c r="EY15" s="273">
        <v>0</v>
      </c>
      <c r="EZ15" s="274">
        <v>0</v>
      </c>
      <c r="FA15" s="269">
        <v>0</v>
      </c>
      <c r="FB15" s="270">
        <v>0</v>
      </c>
      <c r="FC15" s="271">
        <v>0</v>
      </c>
      <c r="FD15" s="470">
        <v>0</v>
      </c>
      <c r="FE15" s="270">
        <v>12338</v>
      </c>
      <c r="FF15" s="270">
        <v>23002</v>
      </c>
      <c r="FG15" s="270">
        <v>1085</v>
      </c>
      <c r="FH15" s="270">
        <v>889</v>
      </c>
      <c r="FI15" s="270">
        <v>60690</v>
      </c>
      <c r="FJ15" s="273">
        <v>98004</v>
      </c>
      <c r="FK15" s="274">
        <v>98004</v>
      </c>
      <c r="FL15" s="269">
        <v>0</v>
      </c>
      <c r="FM15" s="270">
        <v>0</v>
      </c>
      <c r="FN15" s="271">
        <v>0</v>
      </c>
      <c r="FO15" s="470">
        <v>0</v>
      </c>
      <c r="FP15" s="270">
        <v>0</v>
      </c>
      <c r="FQ15" s="270">
        <v>21576</v>
      </c>
      <c r="FR15" s="270">
        <v>0</v>
      </c>
      <c r="FS15" s="270">
        <v>0</v>
      </c>
      <c r="FT15" s="270">
        <v>0</v>
      </c>
      <c r="FU15" s="273">
        <v>21576</v>
      </c>
      <c r="FV15" s="274">
        <v>21576</v>
      </c>
      <c r="FW15" s="269">
        <v>940</v>
      </c>
      <c r="FX15" s="270">
        <v>970</v>
      </c>
      <c r="FY15" s="271">
        <v>1910</v>
      </c>
      <c r="FZ15" s="272">
        <v>0</v>
      </c>
      <c r="GA15" s="270">
        <v>63665</v>
      </c>
      <c r="GB15" s="270">
        <v>98518</v>
      </c>
      <c r="GC15" s="270">
        <v>255508</v>
      </c>
      <c r="GD15" s="270">
        <v>110023</v>
      </c>
      <c r="GE15" s="270">
        <v>93648</v>
      </c>
      <c r="GF15" s="273">
        <v>621362</v>
      </c>
      <c r="GG15" s="274">
        <v>623272</v>
      </c>
      <c r="GH15" s="269">
        <v>0</v>
      </c>
      <c r="GI15" s="270">
        <v>0</v>
      </c>
      <c r="GJ15" s="271">
        <v>0</v>
      </c>
      <c r="GK15" s="272">
        <v>0</v>
      </c>
      <c r="GL15" s="270">
        <v>0</v>
      </c>
      <c r="GM15" s="270">
        <v>28</v>
      </c>
      <c r="GN15" s="270">
        <v>7</v>
      </c>
      <c r="GO15" s="270">
        <v>56</v>
      </c>
      <c r="GP15" s="270">
        <v>0</v>
      </c>
      <c r="GQ15" s="273">
        <v>91</v>
      </c>
      <c r="GR15" s="274">
        <v>91</v>
      </c>
      <c r="GS15" s="269">
        <v>0</v>
      </c>
      <c r="GT15" s="270">
        <v>0</v>
      </c>
      <c r="GU15" s="271">
        <v>0</v>
      </c>
      <c r="GV15" s="272">
        <v>0</v>
      </c>
      <c r="GW15" s="270">
        <v>0</v>
      </c>
      <c r="GX15" s="270">
        <v>0</v>
      </c>
      <c r="GY15" s="270">
        <v>0</v>
      </c>
      <c r="GZ15" s="270">
        <v>0</v>
      </c>
      <c r="HA15" s="270">
        <v>0</v>
      </c>
      <c r="HB15" s="273">
        <v>0</v>
      </c>
      <c r="HC15" s="274">
        <v>0</v>
      </c>
      <c r="HD15" s="269">
        <v>0</v>
      </c>
      <c r="HE15" s="270">
        <v>0</v>
      </c>
      <c r="HF15" s="271">
        <v>0</v>
      </c>
      <c r="HG15" s="470">
        <v>0</v>
      </c>
      <c r="HH15" s="270">
        <v>0</v>
      </c>
      <c r="HI15" s="270">
        <v>0</v>
      </c>
      <c r="HJ15" s="270">
        <v>0</v>
      </c>
      <c r="HK15" s="270">
        <v>0</v>
      </c>
      <c r="HL15" s="270">
        <v>0</v>
      </c>
      <c r="HM15" s="273">
        <v>0</v>
      </c>
      <c r="HN15" s="274">
        <v>0</v>
      </c>
      <c r="HO15" s="269">
        <v>2415</v>
      </c>
      <c r="HP15" s="270">
        <v>970</v>
      </c>
      <c r="HQ15" s="271">
        <v>3385</v>
      </c>
      <c r="HR15" s="272">
        <v>0</v>
      </c>
      <c r="HS15" s="270">
        <v>964515</v>
      </c>
      <c r="HT15" s="270">
        <v>1284277</v>
      </c>
      <c r="HU15" s="270">
        <v>5409154</v>
      </c>
      <c r="HV15" s="270">
        <v>7947431</v>
      </c>
      <c r="HW15" s="270">
        <v>4490244</v>
      </c>
      <c r="HX15" s="273">
        <v>20095621</v>
      </c>
      <c r="HY15" s="274">
        <v>20099006</v>
      </c>
    </row>
    <row r="16" spans="2:233" ht="21" customHeight="1" x14ac:dyDescent="0.2">
      <c r="B16" s="437" t="s">
        <v>12</v>
      </c>
      <c r="C16" s="269">
        <v>19210</v>
      </c>
      <c r="D16" s="270">
        <v>4735</v>
      </c>
      <c r="E16" s="271">
        <v>23945</v>
      </c>
      <c r="F16" s="272">
        <v>0</v>
      </c>
      <c r="G16" s="270">
        <v>102410</v>
      </c>
      <c r="H16" s="270">
        <v>777506</v>
      </c>
      <c r="I16" s="270">
        <v>2561186</v>
      </c>
      <c r="J16" s="270">
        <v>3680129</v>
      </c>
      <c r="K16" s="270">
        <v>1918784</v>
      </c>
      <c r="L16" s="273">
        <v>9040015</v>
      </c>
      <c r="M16" s="274">
        <v>9063960</v>
      </c>
      <c r="N16" s="269">
        <v>0</v>
      </c>
      <c r="O16" s="270">
        <v>0</v>
      </c>
      <c r="P16" s="271">
        <v>0</v>
      </c>
      <c r="Q16" s="470">
        <v>0</v>
      </c>
      <c r="R16" s="270">
        <v>2635</v>
      </c>
      <c r="S16" s="270">
        <v>79210</v>
      </c>
      <c r="T16" s="270">
        <v>1584020</v>
      </c>
      <c r="U16" s="270">
        <v>2459025</v>
      </c>
      <c r="V16" s="270">
        <v>1234562</v>
      </c>
      <c r="W16" s="273">
        <v>5359452</v>
      </c>
      <c r="X16" s="274">
        <v>5359452</v>
      </c>
      <c r="Y16" s="269">
        <v>0</v>
      </c>
      <c r="Z16" s="270">
        <v>0</v>
      </c>
      <c r="AA16" s="271">
        <v>0</v>
      </c>
      <c r="AB16" s="470">
        <v>0</v>
      </c>
      <c r="AC16" s="270">
        <v>56420</v>
      </c>
      <c r="AD16" s="270">
        <v>645885</v>
      </c>
      <c r="AE16" s="270">
        <v>764399</v>
      </c>
      <c r="AF16" s="270">
        <v>757645</v>
      </c>
      <c r="AG16" s="270">
        <v>408779</v>
      </c>
      <c r="AH16" s="273">
        <v>2633128</v>
      </c>
      <c r="AI16" s="274">
        <v>2633128</v>
      </c>
      <c r="AJ16" s="269">
        <v>0</v>
      </c>
      <c r="AK16" s="270">
        <v>0</v>
      </c>
      <c r="AL16" s="271">
        <v>0</v>
      </c>
      <c r="AM16" s="470">
        <v>0</v>
      </c>
      <c r="AN16" s="270">
        <v>0</v>
      </c>
      <c r="AO16" s="270">
        <v>0</v>
      </c>
      <c r="AP16" s="270">
        <v>0</v>
      </c>
      <c r="AQ16" s="270">
        <v>0</v>
      </c>
      <c r="AR16" s="270">
        <v>0</v>
      </c>
      <c r="AS16" s="273">
        <v>0</v>
      </c>
      <c r="AT16" s="274">
        <v>0</v>
      </c>
      <c r="AU16" s="269">
        <v>0</v>
      </c>
      <c r="AV16" s="270">
        <v>0</v>
      </c>
      <c r="AW16" s="271">
        <v>0</v>
      </c>
      <c r="AX16" s="470">
        <v>0</v>
      </c>
      <c r="AY16" s="270">
        <v>0</v>
      </c>
      <c r="AZ16" s="270">
        <v>0</v>
      </c>
      <c r="BA16" s="270">
        <v>0</v>
      </c>
      <c r="BB16" s="270">
        <v>40610</v>
      </c>
      <c r="BC16" s="270">
        <v>151510</v>
      </c>
      <c r="BD16" s="273">
        <v>192120</v>
      </c>
      <c r="BE16" s="274">
        <v>192120</v>
      </c>
      <c r="BF16" s="269">
        <v>0</v>
      </c>
      <c r="BG16" s="270">
        <v>0</v>
      </c>
      <c r="BH16" s="271">
        <v>0</v>
      </c>
      <c r="BI16" s="470">
        <v>0</v>
      </c>
      <c r="BJ16" s="270">
        <v>0</v>
      </c>
      <c r="BK16" s="270">
        <v>0</v>
      </c>
      <c r="BL16" s="270">
        <v>62465</v>
      </c>
      <c r="BM16" s="270">
        <v>133300</v>
      </c>
      <c r="BN16" s="270">
        <v>33300</v>
      </c>
      <c r="BO16" s="273">
        <v>229065</v>
      </c>
      <c r="BP16" s="274">
        <v>229065</v>
      </c>
      <c r="BQ16" s="269">
        <v>19210</v>
      </c>
      <c r="BR16" s="270">
        <v>4735</v>
      </c>
      <c r="BS16" s="271">
        <v>23945</v>
      </c>
      <c r="BT16" s="272">
        <v>0</v>
      </c>
      <c r="BU16" s="270">
        <v>42630</v>
      </c>
      <c r="BV16" s="270">
        <v>52172</v>
      </c>
      <c r="BW16" s="270">
        <v>150302</v>
      </c>
      <c r="BX16" s="270">
        <v>289549</v>
      </c>
      <c r="BY16" s="270">
        <v>88313</v>
      </c>
      <c r="BZ16" s="273">
        <v>622966</v>
      </c>
      <c r="CA16" s="274">
        <v>646911</v>
      </c>
      <c r="CB16" s="269">
        <v>0</v>
      </c>
      <c r="CC16" s="270">
        <v>0</v>
      </c>
      <c r="CD16" s="271">
        <v>0</v>
      </c>
      <c r="CE16" s="272">
        <v>0</v>
      </c>
      <c r="CF16" s="270">
        <v>725</v>
      </c>
      <c r="CG16" s="270">
        <v>239</v>
      </c>
      <c r="CH16" s="270">
        <v>0</v>
      </c>
      <c r="CI16" s="270">
        <v>0</v>
      </c>
      <c r="CJ16" s="270">
        <v>2320</v>
      </c>
      <c r="CK16" s="273">
        <v>3284</v>
      </c>
      <c r="CL16" s="274">
        <v>3284</v>
      </c>
      <c r="CM16" s="269">
        <v>0</v>
      </c>
      <c r="CN16" s="270">
        <v>0</v>
      </c>
      <c r="CO16" s="271">
        <v>0</v>
      </c>
      <c r="CP16" s="272">
        <v>0</v>
      </c>
      <c r="CQ16" s="270">
        <v>0</v>
      </c>
      <c r="CR16" s="270">
        <v>0</v>
      </c>
      <c r="CS16" s="270">
        <v>0</v>
      </c>
      <c r="CT16" s="270">
        <v>0</v>
      </c>
      <c r="CU16" s="270">
        <v>0</v>
      </c>
      <c r="CV16" s="273">
        <v>0</v>
      </c>
      <c r="CW16" s="274">
        <v>0</v>
      </c>
      <c r="CX16" s="269">
        <v>0</v>
      </c>
      <c r="CY16" s="270">
        <v>0</v>
      </c>
      <c r="CZ16" s="271">
        <v>0</v>
      </c>
      <c r="DA16" s="470">
        <v>0</v>
      </c>
      <c r="DB16" s="270">
        <v>0</v>
      </c>
      <c r="DC16" s="270">
        <v>0</v>
      </c>
      <c r="DD16" s="270">
        <v>0</v>
      </c>
      <c r="DE16" s="270">
        <v>0</v>
      </c>
      <c r="DF16" s="270">
        <v>0</v>
      </c>
      <c r="DG16" s="273">
        <v>0</v>
      </c>
      <c r="DH16" s="274">
        <v>0</v>
      </c>
      <c r="DI16" s="269">
        <v>14370</v>
      </c>
      <c r="DJ16" s="270">
        <v>8302</v>
      </c>
      <c r="DK16" s="271">
        <v>22672</v>
      </c>
      <c r="DL16" s="272">
        <v>0</v>
      </c>
      <c r="DM16" s="270">
        <v>148587</v>
      </c>
      <c r="DN16" s="270">
        <v>483590</v>
      </c>
      <c r="DO16" s="270">
        <v>2780186</v>
      </c>
      <c r="DP16" s="270">
        <v>3903551</v>
      </c>
      <c r="DQ16" s="270">
        <v>1979226</v>
      </c>
      <c r="DR16" s="273">
        <v>9295140</v>
      </c>
      <c r="DS16" s="275">
        <v>9317812</v>
      </c>
      <c r="DT16" s="269">
        <v>0</v>
      </c>
      <c r="DU16" s="270">
        <v>0</v>
      </c>
      <c r="DV16" s="271">
        <v>0</v>
      </c>
      <c r="DW16" s="470">
        <v>0</v>
      </c>
      <c r="DX16" s="270">
        <v>21576</v>
      </c>
      <c r="DY16" s="270">
        <v>297489</v>
      </c>
      <c r="DZ16" s="270">
        <v>2268032</v>
      </c>
      <c r="EA16" s="270">
        <v>3162186</v>
      </c>
      <c r="EB16" s="270">
        <v>1659433</v>
      </c>
      <c r="EC16" s="273">
        <v>7408716</v>
      </c>
      <c r="ED16" s="274">
        <v>7408716</v>
      </c>
      <c r="EE16" s="269">
        <v>0</v>
      </c>
      <c r="EF16" s="270">
        <v>0</v>
      </c>
      <c r="EG16" s="271">
        <v>0</v>
      </c>
      <c r="EH16" s="470">
        <v>0</v>
      </c>
      <c r="EI16" s="270">
        <v>37386</v>
      </c>
      <c r="EJ16" s="270">
        <v>62837</v>
      </c>
      <c r="EK16" s="270">
        <v>111950</v>
      </c>
      <c r="EL16" s="270">
        <v>155571</v>
      </c>
      <c r="EM16" s="270">
        <v>36999</v>
      </c>
      <c r="EN16" s="273">
        <v>404743</v>
      </c>
      <c r="EO16" s="274">
        <v>404743</v>
      </c>
      <c r="EP16" s="269">
        <v>0</v>
      </c>
      <c r="EQ16" s="270">
        <v>0</v>
      </c>
      <c r="ER16" s="271">
        <v>0</v>
      </c>
      <c r="ES16" s="470">
        <v>0</v>
      </c>
      <c r="ET16" s="270">
        <v>0</v>
      </c>
      <c r="EU16" s="270">
        <v>0</v>
      </c>
      <c r="EV16" s="270">
        <v>0</v>
      </c>
      <c r="EW16" s="270">
        <v>0</v>
      </c>
      <c r="EX16" s="270">
        <v>0</v>
      </c>
      <c r="EY16" s="273">
        <v>0</v>
      </c>
      <c r="EZ16" s="274">
        <v>0</v>
      </c>
      <c r="FA16" s="269">
        <v>0</v>
      </c>
      <c r="FB16" s="270">
        <v>0</v>
      </c>
      <c r="FC16" s="271">
        <v>0</v>
      </c>
      <c r="FD16" s="470">
        <v>0</v>
      </c>
      <c r="FE16" s="270">
        <v>0</v>
      </c>
      <c r="FF16" s="270">
        <v>0</v>
      </c>
      <c r="FG16" s="270">
        <v>0</v>
      </c>
      <c r="FH16" s="270">
        <v>868</v>
      </c>
      <c r="FI16" s="270">
        <v>36056</v>
      </c>
      <c r="FJ16" s="273">
        <v>36924</v>
      </c>
      <c r="FK16" s="274">
        <v>36924</v>
      </c>
      <c r="FL16" s="269">
        <v>0</v>
      </c>
      <c r="FM16" s="270">
        <v>0</v>
      </c>
      <c r="FN16" s="271">
        <v>0</v>
      </c>
      <c r="FO16" s="470">
        <v>0</v>
      </c>
      <c r="FP16" s="270">
        <v>0</v>
      </c>
      <c r="FQ16" s="270">
        <v>0</v>
      </c>
      <c r="FR16" s="270">
        <v>151032</v>
      </c>
      <c r="FS16" s="270">
        <v>218178</v>
      </c>
      <c r="FT16" s="270">
        <v>41638</v>
      </c>
      <c r="FU16" s="273">
        <v>410848</v>
      </c>
      <c r="FV16" s="274">
        <v>410848</v>
      </c>
      <c r="FW16" s="269">
        <v>14370</v>
      </c>
      <c r="FX16" s="270">
        <v>8302</v>
      </c>
      <c r="FY16" s="271">
        <v>22672</v>
      </c>
      <c r="FZ16" s="272">
        <v>0</v>
      </c>
      <c r="GA16" s="270">
        <v>89576</v>
      </c>
      <c r="GB16" s="270">
        <v>123250</v>
      </c>
      <c r="GC16" s="270">
        <v>249172</v>
      </c>
      <c r="GD16" s="270">
        <v>366748</v>
      </c>
      <c r="GE16" s="270">
        <v>194386</v>
      </c>
      <c r="GF16" s="273">
        <v>1023132</v>
      </c>
      <c r="GG16" s="274">
        <v>1045804</v>
      </c>
      <c r="GH16" s="269">
        <v>0</v>
      </c>
      <c r="GI16" s="270">
        <v>0</v>
      </c>
      <c r="GJ16" s="271">
        <v>0</v>
      </c>
      <c r="GK16" s="272">
        <v>0</v>
      </c>
      <c r="GL16" s="270">
        <v>49</v>
      </c>
      <c r="GM16" s="270">
        <v>14</v>
      </c>
      <c r="GN16" s="270">
        <v>0</v>
      </c>
      <c r="GO16" s="270">
        <v>0</v>
      </c>
      <c r="GP16" s="270">
        <v>10714</v>
      </c>
      <c r="GQ16" s="273">
        <v>10777</v>
      </c>
      <c r="GR16" s="274">
        <v>10777</v>
      </c>
      <c r="GS16" s="269">
        <v>0</v>
      </c>
      <c r="GT16" s="270">
        <v>0</v>
      </c>
      <c r="GU16" s="271">
        <v>0</v>
      </c>
      <c r="GV16" s="272">
        <v>0</v>
      </c>
      <c r="GW16" s="270">
        <v>0</v>
      </c>
      <c r="GX16" s="270">
        <v>0</v>
      </c>
      <c r="GY16" s="270">
        <v>0</v>
      </c>
      <c r="GZ16" s="270">
        <v>0</v>
      </c>
      <c r="HA16" s="270">
        <v>0</v>
      </c>
      <c r="HB16" s="273">
        <v>0</v>
      </c>
      <c r="HC16" s="274">
        <v>0</v>
      </c>
      <c r="HD16" s="269">
        <v>0</v>
      </c>
      <c r="HE16" s="270">
        <v>0</v>
      </c>
      <c r="HF16" s="271">
        <v>0</v>
      </c>
      <c r="HG16" s="470">
        <v>0</v>
      </c>
      <c r="HH16" s="270">
        <v>0</v>
      </c>
      <c r="HI16" s="270">
        <v>0</v>
      </c>
      <c r="HJ16" s="270">
        <v>0</v>
      </c>
      <c r="HK16" s="270">
        <v>0</v>
      </c>
      <c r="HL16" s="270">
        <v>0</v>
      </c>
      <c r="HM16" s="273">
        <v>0</v>
      </c>
      <c r="HN16" s="274">
        <v>0</v>
      </c>
      <c r="HO16" s="269">
        <v>33580</v>
      </c>
      <c r="HP16" s="270">
        <v>13037</v>
      </c>
      <c r="HQ16" s="271">
        <v>46617</v>
      </c>
      <c r="HR16" s="272">
        <v>0</v>
      </c>
      <c r="HS16" s="270">
        <v>250997</v>
      </c>
      <c r="HT16" s="270">
        <v>1261096</v>
      </c>
      <c r="HU16" s="270">
        <v>5341372</v>
      </c>
      <c r="HV16" s="270">
        <v>7583680</v>
      </c>
      <c r="HW16" s="270">
        <v>3898010</v>
      </c>
      <c r="HX16" s="273">
        <v>18335155</v>
      </c>
      <c r="HY16" s="274">
        <v>18381772</v>
      </c>
    </row>
    <row r="17" spans="2:233" ht="21" customHeight="1" x14ac:dyDescent="0.2">
      <c r="B17" s="437" t="s">
        <v>13</v>
      </c>
      <c r="C17" s="269">
        <v>0</v>
      </c>
      <c r="D17" s="270">
        <v>0</v>
      </c>
      <c r="E17" s="271">
        <v>0</v>
      </c>
      <c r="F17" s="272">
        <v>0</v>
      </c>
      <c r="G17" s="270">
        <v>68400</v>
      </c>
      <c r="H17" s="270">
        <v>166520</v>
      </c>
      <c r="I17" s="270">
        <v>261837</v>
      </c>
      <c r="J17" s="270">
        <v>862077</v>
      </c>
      <c r="K17" s="270">
        <v>874972</v>
      </c>
      <c r="L17" s="273">
        <v>2233806</v>
      </c>
      <c r="M17" s="274">
        <v>2233806</v>
      </c>
      <c r="N17" s="269">
        <v>0</v>
      </c>
      <c r="O17" s="270">
        <v>0</v>
      </c>
      <c r="P17" s="271">
        <v>0</v>
      </c>
      <c r="Q17" s="470">
        <v>0</v>
      </c>
      <c r="R17" s="270">
        <v>2635</v>
      </c>
      <c r="S17" s="270">
        <v>35340</v>
      </c>
      <c r="T17" s="270">
        <v>147950</v>
      </c>
      <c r="U17" s="270">
        <v>735775</v>
      </c>
      <c r="V17" s="270">
        <v>693522</v>
      </c>
      <c r="W17" s="273">
        <v>1615222</v>
      </c>
      <c r="X17" s="274">
        <v>1615222</v>
      </c>
      <c r="Y17" s="269">
        <v>0</v>
      </c>
      <c r="Z17" s="270">
        <v>0</v>
      </c>
      <c r="AA17" s="271">
        <v>0</v>
      </c>
      <c r="AB17" s="470">
        <v>0</v>
      </c>
      <c r="AC17" s="270">
        <v>42570</v>
      </c>
      <c r="AD17" s="270">
        <v>91985</v>
      </c>
      <c r="AE17" s="270">
        <v>44562</v>
      </c>
      <c r="AF17" s="270">
        <v>96007</v>
      </c>
      <c r="AG17" s="270">
        <v>79010</v>
      </c>
      <c r="AH17" s="273">
        <v>354134</v>
      </c>
      <c r="AI17" s="274">
        <v>354134</v>
      </c>
      <c r="AJ17" s="269">
        <v>0</v>
      </c>
      <c r="AK17" s="270">
        <v>0</v>
      </c>
      <c r="AL17" s="271">
        <v>0</v>
      </c>
      <c r="AM17" s="470">
        <v>0</v>
      </c>
      <c r="AN17" s="270">
        <v>0</v>
      </c>
      <c r="AO17" s="270">
        <v>0</v>
      </c>
      <c r="AP17" s="270">
        <v>0</v>
      </c>
      <c r="AQ17" s="270">
        <v>0</v>
      </c>
      <c r="AR17" s="270">
        <v>0</v>
      </c>
      <c r="AS17" s="273">
        <v>0</v>
      </c>
      <c r="AT17" s="274">
        <v>0</v>
      </c>
      <c r="AU17" s="269">
        <v>0</v>
      </c>
      <c r="AV17" s="270">
        <v>0</v>
      </c>
      <c r="AW17" s="271">
        <v>0</v>
      </c>
      <c r="AX17" s="470">
        <v>0</v>
      </c>
      <c r="AY17" s="270">
        <v>0</v>
      </c>
      <c r="AZ17" s="270">
        <v>0</v>
      </c>
      <c r="BA17" s="270">
        <v>0</v>
      </c>
      <c r="BB17" s="270">
        <v>0</v>
      </c>
      <c r="BC17" s="270">
        <v>0</v>
      </c>
      <c r="BD17" s="273">
        <v>0</v>
      </c>
      <c r="BE17" s="274">
        <v>0</v>
      </c>
      <c r="BF17" s="269">
        <v>0</v>
      </c>
      <c r="BG17" s="270">
        <v>0</v>
      </c>
      <c r="BH17" s="271">
        <v>0</v>
      </c>
      <c r="BI17" s="470">
        <v>0</v>
      </c>
      <c r="BJ17" s="270">
        <v>0</v>
      </c>
      <c r="BK17" s="270">
        <v>0</v>
      </c>
      <c r="BL17" s="270">
        <v>0</v>
      </c>
      <c r="BM17" s="270">
        <v>0</v>
      </c>
      <c r="BN17" s="270">
        <v>0</v>
      </c>
      <c r="BO17" s="273">
        <v>0</v>
      </c>
      <c r="BP17" s="274">
        <v>0</v>
      </c>
      <c r="BQ17" s="269">
        <v>0</v>
      </c>
      <c r="BR17" s="270">
        <v>0</v>
      </c>
      <c r="BS17" s="271">
        <v>0</v>
      </c>
      <c r="BT17" s="272">
        <v>0</v>
      </c>
      <c r="BU17" s="270">
        <v>13080</v>
      </c>
      <c r="BV17" s="270">
        <v>20050</v>
      </c>
      <c r="BW17" s="270">
        <v>69325</v>
      </c>
      <c r="BX17" s="270">
        <v>29885</v>
      </c>
      <c r="BY17" s="270">
        <v>101135</v>
      </c>
      <c r="BZ17" s="273">
        <v>233475</v>
      </c>
      <c r="CA17" s="274">
        <v>233475</v>
      </c>
      <c r="CB17" s="269">
        <v>0</v>
      </c>
      <c r="CC17" s="270">
        <v>0</v>
      </c>
      <c r="CD17" s="271">
        <v>0</v>
      </c>
      <c r="CE17" s="272">
        <v>0</v>
      </c>
      <c r="CF17" s="270">
        <v>10115</v>
      </c>
      <c r="CG17" s="270">
        <v>19145</v>
      </c>
      <c r="CH17" s="270">
        <v>0</v>
      </c>
      <c r="CI17" s="270">
        <v>410</v>
      </c>
      <c r="CJ17" s="270">
        <v>1305</v>
      </c>
      <c r="CK17" s="273">
        <v>30975</v>
      </c>
      <c r="CL17" s="274">
        <v>30975</v>
      </c>
      <c r="CM17" s="269">
        <v>0</v>
      </c>
      <c r="CN17" s="270">
        <v>0</v>
      </c>
      <c r="CO17" s="271">
        <v>0</v>
      </c>
      <c r="CP17" s="272">
        <v>0</v>
      </c>
      <c r="CQ17" s="270">
        <v>0</v>
      </c>
      <c r="CR17" s="270">
        <v>0</v>
      </c>
      <c r="CS17" s="270">
        <v>0</v>
      </c>
      <c r="CT17" s="270">
        <v>0</v>
      </c>
      <c r="CU17" s="270">
        <v>0</v>
      </c>
      <c r="CV17" s="273">
        <v>0</v>
      </c>
      <c r="CW17" s="274">
        <v>0</v>
      </c>
      <c r="CX17" s="269">
        <v>0</v>
      </c>
      <c r="CY17" s="270">
        <v>0</v>
      </c>
      <c r="CZ17" s="271">
        <v>0</v>
      </c>
      <c r="DA17" s="470">
        <v>0</v>
      </c>
      <c r="DB17" s="270">
        <v>0</v>
      </c>
      <c r="DC17" s="270">
        <v>0</v>
      </c>
      <c r="DD17" s="270">
        <v>0</v>
      </c>
      <c r="DE17" s="270">
        <v>0</v>
      </c>
      <c r="DF17" s="270">
        <v>0</v>
      </c>
      <c r="DG17" s="273">
        <v>0</v>
      </c>
      <c r="DH17" s="274">
        <v>0</v>
      </c>
      <c r="DI17" s="269">
        <v>0</v>
      </c>
      <c r="DJ17" s="270">
        <v>0</v>
      </c>
      <c r="DK17" s="271">
        <v>0</v>
      </c>
      <c r="DL17" s="272">
        <v>0</v>
      </c>
      <c r="DM17" s="270">
        <v>56672</v>
      </c>
      <c r="DN17" s="270">
        <v>64280</v>
      </c>
      <c r="DO17" s="270">
        <v>513308</v>
      </c>
      <c r="DP17" s="270">
        <v>1002137</v>
      </c>
      <c r="DQ17" s="270">
        <v>927343</v>
      </c>
      <c r="DR17" s="273">
        <v>2563740</v>
      </c>
      <c r="DS17" s="275">
        <v>2563740</v>
      </c>
      <c r="DT17" s="269">
        <v>0</v>
      </c>
      <c r="DU17" s="270">
        <v>0</v>
      </c>
      <c r="DV17" s="271">
        <v>0</v>
      </c>
      <c r="DW17" s="470">
        <v>0</v>
      </c>
      <c r="DX17" s="270">
        <v>21576</v>
      </c>
      <c r="DY17" s="270">
        <v>38316</v>
      </c>
      <c r="DZ17" s="270">
        <v>329319</v>
      </c>
      <c r="EA17" s="270">
        <v>839995</v>
      </c>
      <c r="EB17" s="270">
        <v>818778</v>
      </c>
      <c r="EC17" s="273">
        <v>2047984</v>
      </c>
      <c r="ED17" s="274">
        <v>2047984</v>
      </c>
      <c r="EE17" s="269">
        <v>0</v>
      </c>
      <c r="EF17" s="270">
        <v>0</v>
      </c>
      <c r="EG17" s="271">
        <v>0</v>
      </c>
      <c r="EH17" s="470">
        <v>0</v>
      </c>
      <c r="EI17" s="270">
        <v>11413</v>
      </c>
      <c r="EJ17" s="270">
        <v>1106</v>
      </c>
      <c r="EK17" s="270">
        <v>12135</v>
      </c>
      <c r="EL17" s="270">
        <v>33511</v>
      </c>
      <c r="EM17" s="270">
        <v>10497</v>
      </c>
      <c r="EN17" s="273">
        <v>68662</v>
      </c>
      <c r="EO17" s="274">
        <v>68662</v>
      </c>
      <c r="EP17" s="269">
        <v>0</v>
      </c>
      <c r="EQ17" s="270">
        <v>0</v>
      </c>
      <c r="ER17" s="271">
        <v>0</v>
      </c>
      <c r="ES17" s="470">
        <v>0</v>
      </c>
      <c r="ET17" s="270">
        <v>0</v>
      </c>
      <c r="EU17" s="270">
        <v>0</v>
      </c>
      <c r="EV17" s="270">
        <v>0</v>
      </c>
      <c r="EW17" s="270">
        <v>0</v>
      </c>
      <c r="EX17" s="270">
        <v>0</v>
      </c>
      <c r="EY17" s="273">
        <v>0</v>
      </c>
      <c r="EZ17" s="274">
        <v>0</v>
      </c>
      <c r="FA17" s="269">
        <v>0</v>
      </c>
      <c r="FB17" s="270">
        <v>0</v>
      </c>
      <c r="FC17" s="271">
        <v>0</v>
      </c>
      <c r="FD17" s="470">
        <v>0</v>
      </c>
      <c r="FE17" s="270">
        <v>0</v>
      </c>
      <c r="FF17" s="270">
        <v>0</v>
      </c>
      <c r="FG17" s="270">
        <v>0</v>
      </c>
      <c r="FH17" s="270">
        <v>0</v>
      </c>
      <c r="FI17" s="270">
        <v>0</v>
      </c>
      <c r="FJ17" s="273">
        <v>0</v>
      </c>
      <c r="FK17" s="274">
        <v>0</v>
      </c>
      <c r="FL17" s="269">
        <v>0</v>
      </c>
      <c r="FM17" s="270">
        <v>0</v>
      </c>
      <c r="FN17" s="271">
        <v>0</v>
      </c>
      <c r="FO17" s="470">
        <v>0</v>
      </c>
      <c r="FP17" s="270">
        <v>0</v>
      </c>
      <c r="FQ17" s="270">
        <v>0</v>
      </c>
      <c r="FR17" s="270">
        <v>0</v>
      </c>
      <c r="FS17" s="270">
        <v>0</v>
      </c>
      <c r="FT17" s="270">
        <v>0</v>
      </c>
      <c r="FU17" s="273">
        <v>0</v>
      </c>
      <c r="FV17" s="274">
        <v>0</v>
      </c>
      <c r="FW17" s="269">
        <v>0</v>
      </c>
      <c r="FX17" s="270">
        <v>0</v>
      </c>
      <c r="FY17" s="271">
        <v>0</v>
      </c>
      <c r="FZ17" s="272">
        <v>0</v>
      </c>
      <c r="GA17" s="270">
        <v>23599</v>
      </c>
      <c r="GB17" s="270">
        <v>24697</v>
      </c>
      <c r="GC17" s="270">
        <v>171854</v>
      </c>
      <c r="GD17" s="270">
        <v>128603</v>
      </c>
      <c r="GE17" s="270">
        <v>98068</v>
      </c>
      <c r="GF17" s="273">
        <v>446821</v>
      </c>
      <c r="GG17" s="274">
        <v>446821</v>
      </c>
      <c r="GH17" s="269">
        <v>0</v>
      </c>
      <c r="GI17" s="270">
        <v>0</v>
      </c>
      <c r="GJ17" s="271">
        <v>0</v>
      </c>
      <c r="GK17" s="272">
        <v>0</v>
      </c>
      <c r="GL17" s="270">
        <v>84</v>
      </c>
      <c r="GM17" s="270">
        <v>161</v>
      </c>
      <c r="GN17" s="270">
        <v>0</v>
      </c>
      <c r="GO17" s="270">
        <v>28</v>
      </c>
      <c r="GP17" s="270">
        <v>0</v>
      </c>
      <c r="GQ17" s="273">
        <v>273</v>
      </c>
      <c r="GR17" s="274">
        <v>273</v>
      </c>
      <c r="GS17" s="269">
        <v>0</v>
      </c>
      <c r="GT17" s="270">
        <v>0</v>
      </c>
      <c r="GU17" s="271">
        <v>0</v>
      </c>
      <c r="GV17" s="272">
        <v>0</v>
      </c>
      <c r="GW17" s="270">
        <v>0</v>
      </c>
      <c r="GX17" s="270">
        <v>0</v>
      </c>
      <c r="GY17" s="270">
        <v>0</v>
      </c>
      <c r="GZ17" s="270">
        <v>0</v>
      </c>
      <c r="HA17" s="270">
        <v>0</v>
      </c>
      <c r="HB17" s="273">
        <v>0</v>
      </c>
      <c r="HC17" s="274">
        <v>0</v>
      </c>
      <c r="HD17" s="269">
        <v>0</v>
      </c>
      <c r="HE17" s="270">
        <v>0</v>
      </c>
      <c r="HF17" s="271">
        <v>0</v>
      </c>
      <c r="HG17" s="470">
        <v>0</v>
      </c>
      <c r="HH17" s="270">
        <v>0</v>
      </c>
      <c r="HI17" s="270">
        <v>0</v>
      </c>
      <c r="HJ17" s="270">
        <v>0</v>
      </c>
      <c r="HK17" s="270">
        <v>0</v>
      </c>
      <c r="HL17" s="270">
        <v>0</v>
      </c>
      <c r="HM17" s="273">
        <v>0</v>
      </c>
      <c r="HN17" s="274">
        <v>0</v>
      </c>
      <c r="HO17" s="269">
        <v>0</v>
      </c>
      <c r="HP17" s="270">
        <v>0</v>
      </c>
      <c r="HQ17" s="271">
        <v>0</v>
      </c>
      <c r="HR17" s="272">
        <v>0</v>
      </c>
      <c r="HS17" s="270">
        <v>125072</v>
      </c>
      <c r="HT17" s="270">
        <v>230800</v>
      </c>
      <c r="HU17" s="270">
        <v>775145</v>
      </c>
      <c r="HV17" s="270">
        <v>1864214</v>
      </c>
      <c r="HW17" s="270">
        <v>1802315</v>
      </c>
      <c r="HX17" s="273">
        <v>4797546</v>
      </c>
      <c r="HY17" s="274">
        <v>4797546</v>
      </c>
    </row>
    <row r="18" spans="2:233" ht="21" customHeight="1" x14ac:dyDescent="0.2">
      <c r="B18" s="437" t="s">
        <v>15</v>
      </c>
      <c r="C18" s="269">
        <v>0</v>
      </c>
      <c r="D18" s="270">
        <v>0</v>
      </c>
      <c r="E18" s="271">
        <v>0</v>
      </c>
      <c r="F18" s="272">
        <v>0</v>
      </c>
      <c r="G18" s="270">
        <v>202556</v>
      </c>
      <c r="H18" s="270">
        <v>323953</v>
      </c>
      <c r="I18" s="270">
        <v>1617745</v>
      </c>
      <c r="J18" s="270">
        <v>2244382</v>
      </c>
      <c r="K18" s="270">
        <v>1273842</v>
      </c>
      <c r="L18" s="273">
        <v>5662478</v>
      </c>
      <c r="M18" s="274">
        <v>5662478</v>
      </c>
      <c r="N18" s="269">
        <v>0</v>
      </c>
      <c r="O18" s="270">
        <v>0</v>
      </c>
      <c r="P18" s="271">
        <v>0</v>
      </c>
      <c r="Q18" s="470">
        <v>0</v>
      </c>
      <c r="R18" s="270">
        <v>2635</v>
      </c>
      <c r="S18" s="270">
        <v>0</v>
      </c>
      <c r="T18" s="270">
        <v>1130275</v>
      </c>
      <c r="U18" s="270">
        <v>1393075</v>
      </c>
      <c r="V18" s="270">
        <v>901570</v>
      </c>
      <c r="W18" s="273">
        <v>3427555</v>
      </c>
      <c r="X18" s="274">
        <v>3427555</v>
      </c>
      <c r="Y18" s="269">
        <v>0</v>
      </c>
      <c r="Z18" s="270">
        <v>0</v>
      </c>
      <c r="AA18" s="271">
        <v>0</v>
      </c>
      <c r="AB18" s="470">
        <v>0</v>
      </c>
      <c r="AC18" s="270">
        <v>136200</v>
      </c>
      <c r="AD18" s="270">
        <v>288610</v>
      </c>
      <c r="AE18" s="270">
        <v>257530</v>
      </c>
      <c r="AF18" s="270">
        <v>584295</v>
      </c>
      <c r="AG18" s="270">
        <v>234205</v>
      </c>
      <c r="AH18" s="273">
        <v>1500840</v>
      </c>
      <c r="AI18" s="274">
        <v>1500840</v>
      </c>
      <c r="AJ18" s="269">
        <v>0</v>
      </c>
      <c r="AK18" s="270">
        <v>0</v>
      </c>
      <c r="AL18" s="271">
        <v>0</v>
      </c>
      <c r="AM18" s="470">
        <v>0</v>
      </c>
      <c r="AN18" s="270">
        <v>0</v>
      </c>
      <c r="AO18" s="270">
        <v>0</v>
      </c>
      <c r="AP18" s="270">
        <v>0</v>
      </c>
      <c r="AQ18" s="270">
        <v>0</v>
      </c>
      <c r="AR18" s="270">
        <v>0</v>
      </c>
      <c r="AS18" s="273">
        <v>0</v>
      </c>
      <c r="AT18" s="274">
        <v>0</v>
      </c>
      <c r="AU18" s="269">
        <v>0</v>
      </c>
      <c r="AV18" s="270">
        <v>0</v>
      </c>
      <c r="AW18" s="271">
        <v>0</v>
      </c>
      <c r="AX18" s="470">
        <v>0</v>
      </c>
      <c r="AY18" s="270">
        <v>0</v>
      </c>
      <c r="AZ18" s="270">
        <v>0</v>
      </c>
      <c r="BA18" s="270">
        <v>0</v>
      </c>
      <c r="BB18" s="270">
        <v>0</v>
      </c>
      <c r="BC18" s="270">
        <v>0</v>
      </c>
      <c r="BD18" s="273">
        <v>0</v>
      </c>
      <c r="BE18" s="274">
        <v>0</v>
      </c>
      <c r="BF18" s="269">
        <v>0</v>
      </c>
      <c r="BG18" s="270">
        <v>0</v>
      </c>
      <c r="BH18" s="271">
        <v>0</v>
      </c>
      <c r="BI18" s="470">
        <v>0</v>
      </c>
      <c r="BJ18" s="270">
        <v>0</v>
      </c>
      <c r="BK18" s="270">
        <v>0</v>
      </c>
      <c r="BL18" s="270">
        <v>62620</v>
      </c>
      <c r="BM18" s="270">
        <v>128030</v>
      </c>
      <c r="BN18" s="270">
        <v>103385</v>
      </c>
      <c r="BO18" s="273">
        <v>294035</v>
      </c>
      <c r="BP18" s="274">
        <v>294035</v>
      </c>
      <c r="BQ18" s="269">
        <v>0</v>
      </c>
      <c r="BR18" s="270">
        <v>0</v>
      </c>
      <c r="BS18" s="271">
        <v>0</v>
      </c>
      <c r="BT18" s="272">
        <v>0</v>
      </c>
      <c r="BU18" s="270">
        <v>49673</v>
      </c>
      <c r="BV18" s="270">
        <v>30545</v>
      </c>
      <c r="BW18" s="270">
        <v>163102</v>
      </c>
      <c r="BX18" s="270">
        <v>137532</v>
      </c>
      <c r="BY18" s="270">
        <v>34682</v>
      </c>
      <c r="BZ18" s="273">
        <v>415534</v>
      </c>
      <c r="CA18" s="274">
        <v>415534</v>
      </c>
      <c r="CB18" s="269">
        <v>0</v>
      </c>
      <c r="CC18" s="270">
        <v>0</v>
      </c>
      <c r="CD18" s="271">
        <v>0</v>
      </c>
      <c r="CE18" s="272">
        <v>0</v>
      </c>
      <c r="CF18" s="270">
        <v>14048</v>
      </c>
      <c r="CG18" s="270">
        <v>4798</v>
      </c>
      <c r="CH18" s="270">
        <v>4218</v>
      </c>
      <c r="CI18" s="270">
        <v>1450</v>
      </c>
      <c r="CJ18" s="270">
        <v>0</v>
      </c>
      <c r="CK18" s="273">
        <v>24514</v>
      </c>
      <c r="CL18" s="274">
        <v>24514</v>
      </c>
      <c r="CM18" s="269">
        <v>0</v>
      </c>
      <c r="CN18" s="270">
        <v>0</v>
      </c>
      <c r="CO18" s="271">
        <v>0</v>
      </c>
      <c r="CP18" s="272">
        <v>0</v>
      </c>
      <c r="CQ18" s="270">
        <v>0</v>
      </c>
      <c r="CR18" s="270">
        <v>0</v>
      </c>
      <c r="CS18" s="270">
        <v>0</v>
      </c>
      <c r="CT18" s="270">
        <v>0</v>
      </c>
      <c r="CU18" s="270">
        <v>0</v>
      </c>
      <c r="CV18" s="273">
        <v>0</v>
      </c>
      <c r="CW18" s="274">
        <v>0</v>
      </c>
      <c r="CX18" s="269">
        <v>0</v>
      </c>
      <c r="CY18" s="270">
        <v>0</v>
      </c>
      <c r="CZ18" s="271">
        <v>0</v>
      </c>
      <c r="DA18" s="470">
        <v>0</v>
      </c>
      <c r="DB18" s="270">
        <v>0</v>
      </c>
      <c r="DC18" s="270">
        <v>0</v>
      </c>
      <c r="DD18" s="270">
        <v>0</v>
      </c>
      <c r="DE18" s="270">
        <v>0</v>
      </c>
      <c r="DF18" s="270">
        <v>0</v>
      </c>
      <c r="DG18" s="273">
        <v>0</v>
      </c>
      <c r="DH18" s="274">
        <v>0</v>
      </c>
      <c r="DI18" s="269">
        <v>0</v>
      </c>
      <c r="DJ18" s="270">
        <v>0</v>
      </c>
      <c r="DK18" s="271">
        <v>0</v>
      </c>
      <c r="DL18" s="272">
        <v>0</v>
      </c>
      <c r="DM18" s="270">
        <v>73439</v>
      </c>
      <c r="DN18" s="270">
        <v>93973</v>
      </c>
      <c r="DO18" s="270">
        <v>1474471</v>
      </c>
      <c r="DP18" s="270">
        <v>2118322</v>
      </c>
      <c r="DQ18" s="270">
        <v>1319065</v>
      </c>
      <c r="DR18" s="273">
        <v>5079270</v>
      </c>
      <c r="DS18" s="275">
        <v>5079270</v>
      </c>
      <c r="DT18" s="269">
        <v>0</v>
      </c>
      <c r="DU18" s="270">
        <v>0</v>
      </c>
      <c r="DV18" s="271">
        <v>0</v>
      </c>
      <c r="DW18" s="470">
        <v>0</v>
      </c>
      <c r="DX18" s="270">
        <v>10881</v>
      </c>
      <c r="DY18" s="270">
        <v>0</v>
      </c>
      <c r="DZ18" s="270">
        <v>1108028</v>
      </c>
      <c r="EA18" s="270">
        <v>1688430</v>
      </c>
      <c r="EB18" s="270">
        <v>1066742</v>
      </c>
      <c r="EC18" s="273">
        <v>3874081</v>
      </c>
      <c r="ED18" s="274">
        <v>3874081</v>
      </c>
      <c r="EE18" s="269">
        <v>0</v>
      </c>
      <c r="EF18" s="270">
        <v>0</v>
      </c>
      <c r="EG18" s="271">
        <v>0</v>
      </c>
      <c r="EH18" s="470">
        <v>0</v>
      </c>
      <c r="EI18" s="270">
        <v>13087</v>
      </c>
      <c r="EJ18" s="270">
        <v>48925</v>
      </c>
      <c r="EK18" s="270">
        <v>3451</v>
      </c>
      <c r="EL18" s="270">
        <v>36383</v>
      </c>
      <c r="EM18" s="270">
        <v>46097</v>
      </c>
      <c r="EN18" s="273">
        <v>147943</v>
      </c>
      <c r="EO18" s="274">
        <v>147943</v>
      </c>
      <c r="EP18" s="269">
        <v>0</v>
      </c>
      <c r="EQ18" s="270">
        <v>0</v>
      </c>
      <c r="ER18" s="271">
        <v>0</v>
      </c>
      <c r="ES18" s="470">
        <v>0</v>
      </c>
      <c r="ET18" s="270">
        <v>0</v>
      </c>
      <c r="EU18" s="270">
        <v>0</v>
      </c>
      <c r="EV18" s="270">
        <v>0</v>
      </c>
      <c r="EW18" s="270">
        <v>0</v>
      </c>
      <c r="EX18" s="270">
        <v>0</v>
      </c>
      <c r="EY18" s="273">
        <v>0</v>
      </c>
      <c r="EZ18" s="274">
        <v>0</v>
      </c>
      <c r="FA18" s="269">
        <v>0</v>
      </c>
      <c r="FB18" s="270">
        <v>0</v>
      </c>
      <c r="FC18" s="271">
        <v>0</v>
      </c>
      <c r="FD18" s="470">
        <v>0</v>
      </c>
      <c r="FE18" s="270">
        <v>0</v>
      </c>
      <c r="FF18" s="270">
        <v>0</v>
      </c>
      <c r="FG18" s="270">
        <v>0</v>
      </c>
      <c r="FH18" s="270">
        <v>0</v>
      </c>
      <c r="FI18" s="270">
        <v>0</v>
      </c>
      <c r="FJ18" s="273">
        <v>0</v>
      </c>
      <c r="FK18" s="274">
        <v>0</v>
      </c>
      <c r="FL18" s="269">
        <v>0</v>
      </c>
      <c r="FM18" s="270">
        <v>0</v>
      </c>
      <c r="FN18" s="271">
        <v>0</v>
      </c>
      <c r="FO18" s="470">
        <v>0</v>
      </c>
      <c r="FP18" s="270">
        <v>0</v>
      </c>
      <c r="FQ18" s="270">
        <v>0</v>
      </c>
      <c r="FR18" s="270">
        <v>101494</v>
      </c>
      <c r="FS18" s="270">
        <v>175026</v>
      </c>
      <c r="FT18" s="270">
        <v>153450</v>
      </c>
      <c r="FU18" s="273">
        <v>429970</v>
      </c>
      <c r="FV18" s="274">
        <v>429970</v>
      </c>
      <c r="FW18" s="269">
        <v>0</v>
      </c>
      <c r="FX18" s="270">
        <v>0</v>
      </c>
      <c r="FY18" s="271">
        <v>0</v>
      </c>
      <c r="FZ18" s="272">
        <v>0</v>
      </c>
      <c r="GA18" s="270">
        <v>49352</v>
      </c>
      <c r="GB18" s="270">
        <v>39531</v>
      </c>
      <c r="GC18" s="270">
        <v>259526</v>
      </c>
      <c r="GD18" s="270">
        <v>218406</v>
      </c>
      <c r="GE18" s="270">
        <v>52776</v>
      </c>
      <c r="GF18" s="273">
        <v>619591</v>
      </c>
      <c r="GG18" s="274">
        <v>619591</v>
      </c>
      <c r="GH18" s="269">
        <v>0</v>
      </c>
      <c r="GI18" s="270">
        <v>0</v>
      </c>
      <c r="GJ18" s="271">
        <v>0</v>
      </c>
      <c r="GK18" s="272">
        <v>0</v>
      </c>
      <c r="GL18" s="270">
        <v>119</v>
      </c>
      <c r="GM18" s="270">
        <v>5517</v>
      </c>
      <c r="GN18" s="270">
        <v>1972</v>
      </c>
      <c r="GO18" s="270">
        <v>77</v>
      </c>
      <c r="GP18" s="270">
        <v>0</v>
      </c>
      <c r="GQ18" s="273">
        <v>7685</v>
      </c>
      <c r="GR18" s="274">
        <v>7685</v>
      </c>
      <c r="GS18" s="269">
        <v>0</v>
      </c>
      <c r="GT18" s="270">
        <v>0</v>
      </c>
      <c r="GU18" s="271">
        <v>0</v>
      </c>
      <c r="GV18" s="272">
        <v>0</v>
      </c>
      <c r="GW18" s="270">
        <v>0</v>
      </c>
      <c r="GX18" s="270">
        <v>0</v>
      </c>
      <c r="GY18" s="270">
        <v>0</v>
      </c>
      <c r="GZ18" s="270">
        <v>0</v>
      </c>
      <c r="HA18" s="270">
        <v>0</v>
      </c>
      <c r="HB18" s="273">
        <v>0</v>
      </c>
      <c r="HC18" s="274">
        <v>0</v>
      </c>
      <c r="HD18" s="269">
        <v>0</v>
      </c>
      <c r="HE18" s="270">
        <v>0</v>
      </c>
      <c r="HF18" s="271">
        <v>0</v>
      </c>
      <c r="HG18" s="470">
        <v>0</v>
      </c>
      <c r="HH18" s="270">
        <v>0</v>
      </c>
      <c r="HI18" s="270">
        <v>0</v>
      </c>
      <c r="HJ18" s="270">
        <v>0</v>
      </c>
      <c r="HK18" s="270">
        <v>0</v>
      </c>
      <c r="HL18" s="270">
        <v>0</v>
      </c>
      <c r="HM18" s="273">
        <v>0</v>
      </c>
      <c r="HN18" s="274">
        <v>0</v>
      </c>
      <c r="HO18" s="269">
        <v>0</v>
      </c>
      <c r="HP18" s="270">
        <v>0</v>
      </c>
      <c r="HQ18" s="271">
        <v>0</v>
      </c>
      <c r="HR18" s="272">
        <v>0</v>
      </c>
      <c r="HS18" s="270">
        <v>275995</v>
      </c>
      <c r="HT18" s="270">
        <v>417926</v>
      </c>
      <c r="HU18" s="270">
        <v>3092216</v>
      </c>
      <c r="HV18" s="270">
        <v>4362704</v>
      </c>
      <c r="HW18" s="270">
        <v>2592907</v>
      </c>
      <c r="HX18" s="273">
        <v>10741748</v>
      </c>
      <c r="HY18" s="274">
        <v>10741748</v>
      </c>
    </row>
    <row r="19" spans="2:233" ht="21" customHeight="1" x14ac:dyDescent="0.2">
      <c r="B19" s="437" t="s">
        <v>16</v>
      </c>
      <c r="C19" s="269">
        <v>0</v>
      </c>
      <c r="D19" s="270">
        <v>0</v>
      </c>
      <c r="E19" s="271">
        <v>0</v>
      </c>
      <c r="F19" s="272">
        <v>0</v>
      </c>
      <c r="G19" s="270">
        <v>435910</v>
      </c>
      <c r="H19" s="270">
        <v>789437</v>
      </c>
      <c r="I19" s="270">
        <v>2850259</v>
      </c>
      <c r="J19" s="270">
        <v>3375317</v>
      </c>
      <c r="K19" s="270">
        <v>2091100</v>
      </c>
      <c r="L19" s="273">
        <v>9542023</v>
      </c>
      <c r="M19" s="274">
        <v>9542023</v>
      </c>
      <c r="N19" s="269">
        <v>0</v>
      </c>
      <c r="O19" s="270">
        <v>0</v>
      </c>
      <c r="P19" s="271">
        <v>0</v>
      </c>
      <c r="Q19" s="470">
        <v>0</v>
      </c>
      <c r="R19" s="270">
        <v>65255</v>
      </c>
      <c r="S19" s="270">
        <v>25525</v>
      </c>
      <c r="T19" s="270">
        <v>1779311</v>
      </c>
      <c r="U19" s="270">
        <v>2396408</v>
      </c>
      <c r="V19" s="270">
        <v>1551820</v>
      </c>
      <c r="W19" s="273">
        <v>5818319</v>
      </c>
      <c r="X19" s="274">
        <v>5818319</v>
      </c>
      <c r="Y19" s="269">
        <v>0</v>
      </c>
      <c r="Z19" s="270">
        <v>0</v>
      </c>
      <c r="AA19" s="271">
        <v>0</v>
      </c>
      <c r="AB19" s="470">
        <v>0</v>
      </c>
      <c r="AC19" s="270">
        <v>303890</v>
      </c>
      <c r="AD19" s="270">
        <v>670315</v>
      </c>
      <c r="AE19" s="270">
        <v>977910</v>
      </c>
      <c r="AF19" s="270">
        <v>703385</v>
      </c>
      <c r="AG19" s="270">
        <v>337135</v>
      </c>
      <c r="AH19" s="273">
        <v>2992635</v>
      </c>
      <c r="AI19" s="274">
        <v>2992635</v>
      </c>
      <c r="AJ19" s="269">
        <v>0</v>
      </c>
      <c r="AK19" s="270">
        <v>0</v>
      </c>
      <c r="AL19" s="271">
        <v>0</v>
      </c>
      <c r="AM19" s="470">
        <v>0</v>
      </c>
      <c r="AN19" s="270">
        <v>0</v>
      </c>
      <c r="AO19" s="270">
        <v>0</v>
      </c>
      <c r="AP19" s="270">
        <v>0</v>
      </c>
      <c r="AQ19" s="270">
        <v>0</v>
      </c>
      <c r="AR19" s="270">
        <v>0</v>
      </c>
      <c r="AS19" s="273">
        <v>0</v>
      </c>
      <c r="AT19" s="274">
        <v>0</v>
      </c>
      <c r="AU19" s="269">
        <v>0</v>
      </c>
      <c r="AV19" s="270">
        <v>0</v>
      </c>
      <c r="AW19" s="271">
        <v>0</v>
      </c>
      <c r="AX19" s="470">
        <v>0</v>
      </c>
      <c r="AY19" s="270">
        <v>0</v>
      </c>
      <c r="AZ19" s="270">
        <v>0</v>
      </c>
      <c r="BA19" s="270">
        <v>2635</v>
      </c>
      <c r="BB19" s="270">
        <v>97195</v>
      </c>
      <c r="BC19" s="270">
        <v>75380</v>
      </c>
      <c r="BD19" s="273">
        <v>175210</v>
      </c>
      <c r="BE19" s="274">
        <v>175210</v>
      </c>
      <c r="BF19" s="269">
        <v>0</v>
      </c>
      <c r="BG19" s="270">
        <v>0</v>
      </c>
      <c r="BH19" s="271">
        <v>0</v>
      </c>
      <c r="BI19" s="470">
        <v>0</v>
      </c>
      <c r="BJ19" s="270">
        <v>0</v>
      </c>
      <c r="BK19" s="270">
        <v>27280</v>
      </c>
      <c r="BL19" s="270">
        <v>29915</v>
      </c>
      <c r="BM19" s="270">
        <v>65255</v>
      </c>
      <c r="BN19" s="270">
        <v>84245</v>
      </c>
      <c r="BO19" s="273">
        <v>206695</v>
      </c>
      <c r="BP19" s="274">
        <v>206695</v>
      </c>
      <c r="BQ19" s="269">
        <v>0</v>
      </c>
      <c r="BR19" s="270">
        <v>0</v>
      </c>
      <c r="BS19" s="271">
        <v>0</v>
      </c>
      <c r="BT19" s="272">
        <v>0</v>
      </c>
      <c r="BU19" s="270">
        <v>64735</v>
      </c>
      <c r="BV19" s="270">
        <v>66317</v>
      </c>
      <c r="BW19" s="270">
        <v>50475</v>
      </c>
      <c r="BX19" s="270">
        <v>110969</v>
      </c>
      <c r="BY19" s="270">
        <v>42520</v>
      </c>
      <c r="BZ19" s="273">
        <v>335016</v>
      </c>
      <c r="CA19" s="274">
        <v>335016</v>
      </c>
      <c r="CB19" s="269">
        <v>0</v>
      </c>
      <c r="CC19" s="270">
        <v>0</v>
      </c>
      <c r="CD19" s="271">
        <v>0</v>
      </c>
      <c r="CE19" s="272">
        <v>0</v>
      </c>
      <c r="CF19" s="270">
        <v>2030</v>
      </c>
      <c r="CG19" s="270">
        <v>0</v>
      </c>
      <c r="CH19" s="270">
        <v>10013</v>
      </c>
      <c r="CI19" s="270">
        <v>2105</v>
      </c>
      <c r="CJ19" s="270">
        <v>0</v>
      </c>
      <c r="CK19" s="273">
        <v>14148</v>
      </c>
      <c r="CL19" s="274">
        <v>14148</v>
      </c>
      <c r="CM19" s="269">
        <v>0</v>
      </c>
      <c r="CN19" s="270">
        <v>0</v>
      </c>
      <c r="CO19" s="271">
        <v>0</v>
      </c>
      <c r="CP19" s="272">
        <v>0</v>
      </c>
      <c r="CQ19" s="270">
        <v>0</v>
      </c>
      <c r="CR19" s="270">
        <v>0</v>
      </c>
      <c r="CS19" s="270">
        <v>0</v>
      </c>
      <c r="CT19" s="270">
        <v>0</v>
      </c>
      <c r="CU19" s="270">
        <v>0</v>
      </c>
      <c r="CV19" s="273">
        <v>0</v>
      </c>
      <c r="CW19" s="274">
        <v>0</v>
      </c>
      <c r="CX19" s="269">
        <v>0</v>
      </c>
      <c r="CY19" s="270">
        <v>0</v>
      </c>
      <c r="CZ19" s="271">
        <v>0</v>
      </c>
      <c r="DA19" s="470">
        <v>0</v>
      </c>
      <c r="DB19" s="270">
        <v>0</v>
      </c>
      <c r="DC19" s="270">
        <v>0</v>
      </c>
      <c r="DD19" s="270">
        <v>0</v>
      </c>
      <c r="DE19" s="270">
        <v>0</v>
      </c>
      <c r="DF19" s="270">
        <v>0</v>
      </c>
      <c r="DG19" s="273">
        <v>0</v>
      </c>
      <c r="DH19" s="274">
        <v>0</v>
      </c>
      <c r="DI19" s="269">
        <v>0</v>
      </c>
      <c r="DJ19" s="270">
        <v>0</v>
      </c>
      <c r="DK19" s="271">
        <v>0</v>
      </c>
      <c r="DL19" s="272">
        <v>0</v>
      </c>
      <c r="DM19" s="270">
        <v>337395</v>
      </c>
      <c r="DN19" s="270">
        <v>485397</v>
      </c>
      <c r="DO19" s="270">
        <v>3183736</v>
      </c>
      <c r="DP19" s="270">
        <v>3732301</v>
      </c>
      <c r="DQ19" s="270">
        <v>2199386</v>
      </c>
      <c r="DR19" s="273">
        <v>9938215</v>
      </c>
      <c r="DS19" s="275">
        <v>9938215</v>
      </c>
      <c r="DT19" s="269">
        <v>0</v>
      </c>
      <c r="DU19" s="270">
        <v>0</v>
      </c>
      <c r="DV19" s="271">
        <v>0</v>
      </c>
      <c r="DW19" s="470">
        <v>0</v>
      </c>
      <c r="DX19" s="270">
        <v>76477</v>
      </c>
      <c r="DY19" s="270">
        <v>185187</v>
      </c>
      <c r="DZ19" s="270">
        <v>2617704</v>
      </c>
      <c r="EA19" s="270">
        <v>3241706</v>
      </c>
      <c r="EB19" s="270">
        <v>1887230</v>
      </c>
      <c r="EC19" s="273">
        <v>8008304</v>
      </c>
      <c r="ED19" s="274">
        <v>8008304</v>
      </c>
      <c r="EE19" s="269">
        <v>0</v>
      </c>
      <c r="EF19" s="270">
        <v>0</v>
      </c>
      <c r="EG19" s="271">
        <v>0</v>
      </c>
      <c r="EH19" s="470">
        <v>0</v>
      </c>
      <c r="EI19" s="270">
        <v>175827</v>
      </c>
      <c r="EJ19" s="270">
        <v>126800</v>
      </c>
      <c r="EK19" s="270">
        <v>381466</v>
      </c>
      <c r="EL19" s="270">
        <v>195300</v>
      </c>
      <c r="EM19" s="270">
        <v>83882</v>
      </c>
      <c r="EN19" s="273">
        <v>963275</v>
      </c>
      <c r="EO19" s="274">
        <v>963275</v>
      </c>
      <c r="EP19" s="269">
        <v>0</v>
      </c>
      <c r="EQ19" s="270">
        <v>0</v>
      </c>
      <c r="ER19" s="271">
        <v>0</v>
      </c>
      <c r="ES19" s="470">
        <v>0</v>
      </c>
      <c r="ET19" s="270">
        <v>0</v>
      </c>
      <c r="EU19" s="270">
        <v>0</v>
      </c>
      <c r="EV19" s="270">
        <v>0</v>
      </c>
      <c r="EW19" s="270">
        <v>0</v>
      </c>
      <c r="EX19" s="270">
        <v>0</v>
      </c>
      <c r="EY19" s="273">
        <v>0</v>
      </c>
      <c r="EZ19" s="274">
        <v>0</v>
      </c>
      <c r="FA19" s="269">
        <v>0</v>
      </c>
      <c r="FB19" s="270">
        <v>0</v>
      </c>
      <c r="FC19" s="271">
        <v>0</v>
      </c>
      <c r="FD19" s="470">
        <v>0</v>
      </c>
      <c r="FE19" s="270">
        <v>0</v>
      </c>
      <c r="FF19" s="270">
        <v>0</v>
      </c>
      <c r="FG19" s="270">
        <v>217</v>
      </c>
      <c r="FH19" s="270">
        <v>24137</v>
      </c>
      <c r="FI19" s="270">
        <v>12792</v>
      </c>
      <c r="FJ19" s="273">
        <v>37146</v>
      </c>
      <c r="FK19" s="274">
        <v>37146</v>
      </c>
      <c r="FL19" s="269">
        <v>0</v>
      </c>
      <c r="FM19" s="270">
        <v>0</v>
      </c>
      <c r="FN19" s="271">
        <v>0</v>
      </c>
      <c r="FO19" s="470">
        <v>0</v>
      </c>
      <c r="FP19" s="270">
        <v>0</v>
      </c>
      <c r="FQ19" s="270">
        <v>43152</v>
      </c>
      <c r="FR19" s="270">
        <v>64728</v>
      </c>
      <c r="FS19" s="270">
        <v>123070</v>
      </c>
      <c r="FT19" s="270">
        <v>158650</v>
      </c>
      <c r="FU19" s="273">
        <v>389600</v>
      </c>
      <c r="FV19" s="274">
        <v>389600</v>
      </c>
      <c r="FW19" s="269">
        <v>0</v>
      </c>
      <c r="FX19" s="270">
        <v>0</v>
      </c>
      <c r="FY19" s="271">
        <v>0</v>
      </c>
      <c r="FZ19" s="272">
        <v>0</v>
      </c>
      <c r="GA19" s="270">
        <v>84986</v>
      </c>
      <c r="GB19" s="270">
        <v>130258</v>
      </c>
      <c r="GC19" s="270">
        <v>119299</v>
      </c>
      <c r="GD19" s="270">
        <v>144608</v>
      </c>
      <c r="GE19" s="270">
        <v>56832</v>
      </c>
      <c r="GF19" s="273">
        <v>535983</v>
      </c>
      <c r="GG19" s="274">
        <v>535983</v>
      </c>
      <c r="GH19" s="269">
        <v>0</v>
      </c>
      <c r="GI19" s="270">
        <v>0</v>
      </c>
      <c r="GJ19" s="271">
        <v>0</v>
      </c>
      <c r="GK19" s="272">
        <v>0</v>
      </c>
      <c r="GL19" s="270">
        <v>105</v>
      </c>
      <c r="GM19" s="270">
        <v>0</v>
      </c>
      <c r="GN19" s="270">
        <v>322</v>
      </c>
      <c r="GO19" s="270">
        <v>3480</v>
      </c>
      <c r="GP19" s="270">
        <v>0</v>
      </c>
      <c r="GQ19" s="273">
        <v>3907</v>
      </c>
      <c r="GR19" s="274">
        <v>3907</v>
      </c>
      <c r="GS19" s="269">
        <v>0</v>
      </c>
      <c r="GT19" s="270">
        <v>0</v>
      </c>
      <c r="GU19" s="271">
        <v>0</v>
      </c>
      <c r="GV19" s="272">
        <v>0</v>
      </c>
      <c r="GW19" s="270">
        <v>0</v>
      </c>
      <c r="GX19" s="270">
        <v>0</v>
      </c>
      <c r="GY19" s="270">
        <v>0</v>
      </c>
      <c r="GZ19" s="270">
        <v>0</v>
      </c>
      <c r="HA19" s="270">
        <v>0</v>
      </c>
      <c r="HB19" s="273">
        <v>0</v>
      </c>
      <c r="HC19" s="274">
        <v>0</v>
      </c>
      <c r="HD19" s="269">
        <v>0</v>
      </c>
      <c r="HE19" s="270">
        <v>0</v>
      </c>
      <c r="HF19" s="271">
        <v>0</v>
      </c>
      <c r="HG19" s="470">
        <v>0</v>
      </c>
      <c r="HH19" s="270">
        <v>0</v>
      </c>
      <c r="HI19" s="270">
        <v>0</v>
      </c>
      <c r="HJ19" s="270">
        <v>0</v>
      </c>
      <c r="HK19" s="270">
        <v>0</v>
      </c>
      <c r="HL19" s="270">
        <v>0</v>
      </c>
      <c r="HM19" s="273">
        <v>0</v>
      </c>
      <c r="HN19" s="274">
        <v>0</v>
      </c>
      <c r="HO19" s="269">
        <v>0</v>
      </c>
      <c r="HP19" s="270">
        <v>0</v>
      </c>
      <c r="HQ19" s="271">
        <v>0</v>
      </c>
      <c r="HR19" s="272">
        <v>0</v>
      </c>
      <c r="HS19" s="270">
        <v>773305</v>
      </c>
      <c r="HT19" s="270">
        <v>1274834</v>
      </c>
      <c r="HU19" s="270">
        <v>6033995</v>
      </c>
      <c r="HV19" s="270">
        <v>7107618</v>
      </c>
      <c r="HW19" s="270">
        <v>4290486</v>
      </c>
      <c r="HX19" s="273">
        <v>19480238</v>
      </c>
      <c r="HY19" s="274">
        <v>19480238</v>
      </c>
    </row>
    <row r="20" spans="2:233" ht="21" customHeight="1" x14ac:dyDescent="0.2">
      <c r="B20" s="437" t="s">
        <v>17</v>
      </c>
      <c r="C20" s="269">
        <v>3290</v>
      </c>
      <c r="D20" s="270">
        <v>0</v>
      </c>
      <c r="E20" s="271">
        <v>3290</v>
      </c>
      <c r="F20" s="272">
        <v>0</v>
      </c>
      <c r="G20" s="270">
        <v>219755</v>
      </c>
      <c r="H20" s="270">
        <v>1134712</v>
      </c>
      <c r="I20" s="270">
        <v>2596348</v>
      </c>
      <c r="J20" s="270">
        <v>3599430</v>
      </c>
      <c r="K20" s="270">
        <v>2491335</v>
      </c>
      <c r="L20" s="273">
        <v>10041580</v>
      </c>
      <c r="M20" s="274">
        <v>10044870</v>
      </c>
      <c r="N20" s="269">
        <v>0</v>
      </c>
      <c r="O20" s="270">
        <v>0</v>
      </c>
      <c r="P20" s="271">
        <v>0</v>
      </c>
      <c r="Q20" s="470">
        <v>0</v>
      </c>
      <c r="R20" s="270">
        <v>58695</v>
      </c>
      <c r="S20" s="270">
        <v>221920</v>
      </c>
      <c r="T20" s="270">
        <v>1528075</v>
      </c>
      <c r="U20" s="270">
        <v>2285205</v>
      </c>
      <c r="V20" s="270">
        <v>1942620</v>
      </c>
      <c r="W20" s="273">
        <v>6036515</v>
      </c>
      <c r="X20" s="274">
        <v>6036515</v>
      </c>
      <c r="Y20" s="269">
        <v>0</v>
      </c>
      <c r="Z20" s="270">
        <v>0</v>
      </c>
      <c r="AA20" s="271">
        <v>0</v>
      </c>
      <c r="AB20" s="470">
        <v>0</v>
      </c>
      <c r="AC20" s="270">
        <v>138825</v>
      </c>
      <c r="AD20" s="270">
        <v>785167</v>
      </c>
      <c r="AE20" s="270">
        <v>718381</v>
      </c>
      <c r="AF20" s="270">
        <v>828030</v>
      </c>
      <c r="AG20" s="270">
        <v>200840</v>
      </c>
      <c r="AH20" s="273">
        <v>2671243</v>
      </c>
      <c r="AI20" s="274">
        <v>2671243</v>
      </c>
      <c r="AJ20" s="269">
        <v>0</v>
      </c>
      <c r="AK20" s="270">
        <v>0</v>
      </c>
      <c r="AL20" s="271">
        <v>0</v>
      </c>
      <c r="AM20" s="470">
        <v>0</v>
      </c>
      <c r="AN20" s="270">
        <v>0</v>
      </c>
      <c r="AO20" s="270">
        <v>0</v>
      </c>
      <c r="AP20" s="270">
        <v>0</v>
      </c>
      <c r="AQ20" s="270">
        <v>0</v>
      </c>
      <c r="AR20" s="270">
        <v>2635</v>
      </c>
      <c r="AS20" s="273">
        <v>2635</v>
      </c>
      <c r="AT20" s="274">
        <v>2635</v>
      </c>
      <c r="AU20" s="269">
        <v>0</v>
      </c>
      <c r="AV20" s="270">
        <v>0</v>
      </c>
      <c r="AW20" s="271">
        <v>0</v>
      </c>
      <c r="AX20" s="470">
        <v>0</v>
      </c>
      <c r="AY20" s="270">
        <v>0</v>
      </c>
      <c r="AZ20" s="270">
        <v>0</v>
      </c>
      <c r="BA20" s="270">
        <v>0</v>
      </c>
      <c r="BB20" s="270">
        <v>2635</v>
      </c>
      <c r="BC20" s="270">
        <v>82105</v>
      </c>
      <c r="BD20" s="273">
        <v>84740</v>
      </c>
      <c r="BE20" s="274">
        <v>84740</v>
      </c>
      <c r="BF20" s="269">
        <v>0</v>
      </c>
      <c r="BG20" s="270">
        <v>0</v>
      </c>
      <c r="BH20" s="271">
        <v>0</v>
      </c>
      <c r="BI20" s="470">
        <v>0</v>
      </c>
      <c r="BJ20" s="270">
        <v>0</v>
      </c>
      <c r="BK20" s="270">
        <v>2635</v>
      </c>
      <c r="BL20" s="270">
        <v>190030</v>
      </c>
      <c r="BM20" s="270">
        <v>249210</v>
      </c>
      <c r="BN20" s="270">
        <v>198400</v>
      </c>
      <c r="BO20" s="273">
        <v>640275</v>
      </c>
      <c r="BP20" s="274">
        <v>640275</v>
      </c>
      <c r="BQ20" s="269">
        <v>3290</v>
      </c>
      <c r="BR20" s="270">
        <v>0</v>
      </c>
      <c r="BS20" s="271">
        <v>3290</v>
      </c>
      <c r="BT20" s="272">
        <v>0</v>
      </c>
      <c r="BU20" s="270">
        <v>20495</v>
      </c>
      <c r="BV20" s="270">
        <v>119430</v>
      </c>
      <c r="BW20" s="270">
        <v>159427</v>
      </c>
      <c r="BX20" s="270">
        <v>230355</v>
      </c>
      <c r="BY20" s="270">
        <v>44635</v>
      </c>
      <c r="BZ20" s="273">
        <v>574342</v>
      </c>
      <c r="CA20" s="274">
        <v>577632</v>
      </c>
      <c r="CB20" s="269">
        <v>0</v>
      </c>
      <c r="CC20" s="270">
        <v>0</v>
      </c>
      <c r="CD20" s="271">
        <v>0</v>
      </c>
      <c r="CE20" s="272">
        <v>0</v>
      </c>
      <c r="CF20" s="270">
        <v>1740</v>
      </c>
      <c r="CG20" s="270">
        <v>5560</v>
      </c>
      <c r="CH20" s="270">
        <v>435</v>
      </c>
      <c r="CI20" s="270">
        <v>3995</v>
      </c>
      <c r="CJ20" s="270">
        <v>20100</v>
      </c>
      <c r="CK20" s="273">
        <v>31830</v>
      </c>
      <c r="CL20" s="274">
        <v>31830</v>
      </c>
      <c r="CM20" s="269">
        <v>0</v>
      </c>
      <c r="CN20" s="270">
        <v>0</v>
      </c>
      <c r="CO20" s="271">
        <v>0</v>
      </c>
      <c r="CP20" s="272">
        <v>0</v>
      </c>
      <c r="CQ20" s="270">
        <v>0</v>
      </c>
      <c r="CR20" s="270">
        <v>0</v>
      </c>
      <c r="CS20" s="270">
        <v>0</v>
      </c>
      <c r="CT20" s="270">
        <v>0</v>
      </c>
      <c r="CU20" s="270">
        <v>0</v>
      </c>
      <c r="CV20" s="273">
        <v>0</v>
      </c>
      <c r="CW20" s="274">
        <v>0</v>
      </c>
      <c r="CX20" s="269">
        <v>0</v>
      </c>
      <c r="CY20" s="270">
        <v>0</v>
      </c>
      <c r="CZ20" s="271">
        <v>0</v>
      </c>
      <c r="DA20" s="470">
        <v>0</v>
      </c>
      <c r="DB20" s="270">
        <v>0</v>
      </c>
      <c r="DC20" s="270">
        <v>0</v>
      </c>
      <c r="DD20" s="270">
        <v>0</v>
      </c>
      <c r="DE20" s="270">
        <v>0</v>
      </c>
      <c r="DF20" s="270">
        <v>0</v>
      </c>
      <c r="DG20" s="273">
        <v>0</v>
      </c>
      <c r="DH20" s="274">
        <v>0</v>
      </c>
      <c r="DI20" s="269">
        <v>3558</v>
      </c>
      <c r="DJ20" s="270">
        <v>0</v>
      </c>
      <c r="DK20" s="271">
        <v>3558</v>
      </c>
      <c r="DL20" s="272">
        <v>0</v>
      </c>
      <c r="DM20" s="270">
        <v>75837</v>
      </c>
      <c r="DN20" s="270">
        <v>528407</v>
      </c>
      <c r="DO20" s="270">
        <v>2695352</v>
      </c>
      <c r="DP20" s="270">
        <v>3889750</v>
      </c>
      <c r="DQ20" s="270">
        <v>2635378</v>
      </c>
      <c r="DR20" s="273">
        <v>9824724</v>
      </c>
      <c r="DS20" s="275">
        <v>9828282</v>
      </c>
      <c r="DT20" s="269">
        <v>0</v>
      </c>
      <c r="DU20" s="270">
        <v>0</v>
      </c>
      <c r="DV20" s="271">
        <v>0</v>
      </c>
      <c r="DW20" s="470">
        <v>0</v>
      </c>
      <c r="DX20" s="270">
        <v>44640</v>
      </c>
      <c r="DY20" s="270">
        <v>275983</v>
      </c>
      <c r="DZ20" s="270">
        <v>2070696</v>
      </c>
      <c r="EA20" s="270">
        <v>3197297</v>
      </c>
      <c r="EB20" s="270">
        <v>2183565</v>
      </c>
      <c r="EC20" s="273">
        <v>7772181</v>
      </c>
      <c r="ED20" s="274">
        <v>7772181</v>
      </c>
      <c r="EE20" s="269">
        <v>0</v>
      </c>
      <c r="EF20" s="270">
        <v>0</v>
      </c>
      <c r="EG20" s="271">
        <v>0</v>
      </c>
      <c r="EH20" s="470">
        <v>0</v>
      </c>
      <c r="EI20" s="270">
        <v>3598</v>
      </c>
      <c r="EJ20" s="270">
        <v>49230</v>
      </c>
      <c r="EK20" s="270">
        <v>68668</v>
      </c>
      <c r="EL20" s="270">
        <v>56955</v>
      </c>
      <c r="EM20" s="270">
        <v>4172</v>
      </c>
      <c r="EN20" s="273">
        <v>182623</v>
      </c>
      <c r="EO20" s="274">
        <v>182623</v>
      </c>
      <c r="EP20" s="269">
        <v>0</v>
      </c>
      <c r="EQ20" s="270">
        <v>0</v>
      </c>
      <c r="ER20" s="271">
        <v>0</v>
      </c>
      <c r="ES20" s="470">
        <v>0</v>
      </c>
      <c r="ET20" s="270">
        <v>0</v>
      </c>
      <c r="EU20" s="270">
        <v>0</v>
      </c>
      <c r="EV20" s="270">
        <v>0</v>
      </c>
      <c r="EW20" s="270">
        <v>0</v>
      </c>
      <c r="EX20" s="270">
        <v>217</v>
      </c>
      <c r="EY20" s="273">
        <v>217</v>
      </c>
      <c r="EZ20" s="274">
        <v>217</v>
      </c>
      <c r="FA20" s="269">
        <v>0</v>
      </c>
      <c r="FB20" s="270">
        <v>0</v>
      </c>
      <c r="FC20" s="271">
        <v>0</v>
      </c>
      <c r="FD20" s="470">
        <v>0</v>
      </c>
      <c r="FE20" s="270">
        <v>0</v>
      </c>
      <c r="FF20" s="270">
        <v>0</v>
      </c>
      <c r="FG20" s="270">
        <v>0</v>
      </c>
      <c r="FH20" s="270">
        <v>217</v>
      </c>
      <c r="FI20" s="270">
        <v>34610</v>
      </c>
      <c r="FJ20" s="273">
        <v>34827</v>
      </c>
      <c r="FK20" s="274">
        <v>34827</v>
      </c>
      <c r="FL20" s="269">
        <v>0</v>
      </c>
      <c r="FM20" s="270">
        <v>0</v>
      </c>
      <c r="FN20" s="271">
        <v>0</v>
      </c>
      <c r="FO20" s="470">
        <v>0</v>
      </c>
      <c r="FP20" s="270">
        <v>0</v>
      </c>
      <c r="FQ20" s="270">
        <v>10881</v>
      </c>
      <c r="FR20" s="270">
        <v>351168</v>
      </c>
      <c r="FS20" s="270">
        <v>357361</v>
      </c>
      <c r="FT20" s="270">
        <v>344286</v>
      </c>
      <c r="FU20" s="273">
        <v>1063696</v>
      </c>
      <c r="FV20" s="274">
        <v>1063696</v>
      </c>
      <c r="FW20" s="269">
        <v>3558</v>
      </c>
      <c r="FX20" s="270">
        <v>0</v>
      </c>
      <c r="FY20" s="271">
        <v>3558</v>
      </c>
      <c r="FZ20" s="272">
        <v>0</v>
      </c>
      <c r="GA20" s="270">
        <v>27494</v>
      </c>
      <c r="GB20" s="270">
        <v>192096</v>
      </c>
      <c r="GC20" s="270">
        <v>204799</v>
      </c>
      <c r="GD20" s="270">
        <v>277843</v>
      </c>
      <c r="GE20" s="270">
        <v>58162</v>
      </c>
      <c r="GF20" s="273">
        <v>760394</v>
      </c>
      <c r="GG20" s="274">
        <v>763952</v>
      </c>
      <c r="GH20" s="269">
        <v>0</v>
      </c>
      <c r="GI20" s="270">
        <v>0</v>
      </c>
      <c r="GJ20" s="271">
        <v>0</v>
      </c>
      <c r="GK20" s="272">
        <v>0</v>
      </c>
      <c r="GL20" s="270">
        <v>105</v>
      </c>
      <c r="GM20" s="270">
        <v>217</v>
      </c>
      <c r="GN20" s="270">
        <v>21</v>
      </c>
      <c r="GO20" s="270">
        <v>77</v>
      </c>
      <c r="GP20" s="270">
        <v>10366</v>
      </c>
      <c r="GQ20" s="273">
        <v>10786</v>
      </c>
      <c r="GR20" s="274">
        <v>10786</v>
      </c>
      <c r="GS20" s="269">
        <v>0</v>
      </c>
      <c r="GT20" s="270">
        <v>0</v>
      </c>
      <c r="GU20" s="271">
        <v>0</v>
      </c>
      <c r="GV20" s="272">
        <v>0</v>
      </c>
      <c r="GW20" s="270">
        <v>0</v>
      </c>
      <c r="GX20" s="270">
        <v>0</v>
      </c>
      <c r="GY20" s="270">
        <v>0</v>
      </c>
      <c r="GZ20" s="270">
        <v>0</v>
      </c>
      <c r="HA20" s="270">
        <v>0</v>
      </c>
      <c r="HB20" s="273">
        <v>0</v>
      </c>
      <c r="HC20" s="274">
        <v>0</v>
      </c>
      <c r="HD20" s="269">
        <v>0</v>
      </c>
      <c r="HE20" s="270">
        <v>0</v>
      </c>
      <c r="HF20" s="271">
        <v>0</v>
      </c>
      <c r="HG20" s="470">
        <v>0</v>
      </c>
      <c r="HH20" s="270">
        <v>0</v>
      </c>
      <c r="HI20" s="270">
        <v>0</v>
      </c>
      <c r="HJ20" s="270">
        <v>0</v>
      </c>
      <c r="HK20" s="270">
        <v>0</v>
      </c>
      <c r="HL20" s="270">
        <v>0</v>
      </c>
      <c r="HM20" s="273">
        <v>0</v>
      </c>
      <c r="HN20" s="274">
        <v>0</v>
      </c>
      <c r="HO20" s="269">
        <v>6848</v>
      </c>
      <c r="HP20" s="270">
        <v>0</v>
      </c>
      <c r="HQ20" s="271">
        <v>6848</v>
      </c>
      <c r="HR20" s="272">
        <v>0</v>
      </c>
      <c r="HS20" s="270">
        <v>295592</v>
      </c>
      <c r="HT20" s="270">
        <v>1663119</v>
      </c>
      <c r="HU20" s="270">
        <v>5291700</v>
      </c>
      <c r="HV20" s="270">
        <v>7489180</v>
      </c>
      <c r="HW20" s="270">
        <v>5126713</v>
      </c>
      <c r="HX20" s="273">
        <v>19866304</v>
      </c>
      <c r="HY20" s="274">
        <v>19873152</v>
      </c>
    </row>
    <row r="21" spans="2:233" ht="21" customHeight="1" x14ac:dyDescent="0.2">
      <c r="B21" s="437" t="s">
        <v>18</v>
      </c>
      <c r="C21" s="269">
        <v>0</v>
      </c>
      <c r="D21" s="270">
        <v>7800</v>
      </c>
      <c r="E21" s="271">
        <v>7800</v>
      </c>
      <c r="F21" s="272">
        <v>0</v>
      </c>
      <c r="G21" s="270">
        <v>205995</v>
      </c>
      <c r="H21" s="270">
        <v>606920</v>
      </c>
      <c r="I21" s="270">
        <v>2113250</v>
      </c>
      <c r="J21" s="270">
        <v>3709177</v>
      </c>
      <c r="K21" s="270">
        <v>2452899</v>
      </c>
      <c r="L21" s="273">
        <v>9088241</v>
      </c>
      <c r="M21" s="274">
        <v>9096041</v>
      </c>
      <c r="N21" s="269">
        <v>0</v>
      </c>
      <c r="O21" s="270">
        <v>0</v>
      </c>
      <c r="P21" s="271">
        <v>0</v>
      </c>
      <c r="Q21" s="470">
        <v>0</v>
      </c>
      <c r="R21" s="270">
        <v>25265</v>
      </c>
      <c r="S21" s="270">
        <v>88660</v>
      </c>
      <c r="T21" s="270">
        <v>1200975</v>
      </c>
      <c r="U21" s="270">
        <v>2822257</v>
      </c>
      <c r="V21" s="270">
        <v>1948580</v>
      </c>
      <c r="W21" s="273">
        <v>6085737</v>
      </c>
      <c r="X21" s="274">
        <v>6085737</v>
      </c>
      <c r="Y21" s="269">
        <v>0</v>
      </c>
      <c r="Z21" s="270">
        <v>0</v>
      </c>
      <c r="AA21" s="271">
        <v>0</v>
      </c>
      <c r="AB21" s="470">
        <v>0</v>
      </c>
      <c r="AC21" s="270">
        <v>147250</v>
      </c>
      <c r="AD21" s="270">
        <v>413410</v>
      </c>
      <c r="AE21" s="270">
        <v>589880</v>
      </c>
      <c r="AF21" s="270">
        <v>401480</v>
      </c>
      <c r="AG21" s="270">
        <v>306280</v>
      </c>
      <c r="AH21" s="273">
        <v>1858300</v>
      </c>
      <c r="AI21" s="274">
        <v>1858300</v>
      </c>
      <c r="AJ21" s="269">
        <v>0</v>
      </c>
      <c r="AK21" s="270">
        <v>0</v>
      </c>
      <c r="AL21" s="271">
        <v>0</v>
      </c>
      <c r="AM21" s="470">
        <v>0</v>
      </c>
      <c r="AN21" s="270">
        <v>0</v>
      </c>
      <c r="AO21" s="270">
        <v>0</v>
      </c>
      <c r="AP21" s="270">
        <v>0</v>
      </c>
      <c r="AQ21" s="270">
        <v>0</v>
      </c>
      <c r="AR21" s="270">
        <v>0</v>
      </c>
      <c r="AS21" s="273">
        <v>0</v>
      </c>
      <c r="AT21" s="274">
        <v>0</v>
      </c>
      <c r="AU21" s="269">
        <v>0</v>
      </c>
      <c r="AV21" s="270">
        <v>0</v>
      </c>
      <c r="AW21" s="271">
        <v>0</v>
      </c>
      <c r="AX21" s="470">
        <v>0</v>
      </c>
      <c r="AY21" s="270">
        <v>0</v>
      </c>
      <c r="AZ21" s="270">
        <v>0</v>
      </c>
      <c r="BA21" s="270">
        <v>6225</v>
      </c>
      <c r="BB21" s="270">
        <v>31785</v>
      </c>
      <c r="BC21" s="270">
        <v>60580</v>
      </c>
      <c r="BD21" s="273">
        <v>98590</v>
      </c>
      <c r="BE21" s="274">
        <v>98590</v>
      </c>
      <c r="BF21" s="269">
        <v>0</v>
      </c>
      <c r="BG21" s="270">
        <v>0</v>
      </c>
      <c r="BH21" s="271">
        <v>0</v>
      </c>
      <c r="BI21" s="470">
        <v>0</v>
      </c>
      <c r="BJ21" s="270">
        <v>0</v>
      </c>
      <c r="BK21" s="270">
        <v>2635</v>
      </c>
      <c r="BL21" s="270">
        <v>35340</v>
      </c>
      <c r="BM21" s="270">
        <v>100200</v>
      </c>
      <c r="BN21" s="270">
        <v>37975</v>
      </c>
      <c r="BO21" s="273">
        <v>176150</v>
      </c>
      <c r="BP21" s="274">
        <v>176150</v>
      </c>
      <c r="BQ21" s="269">
        <v>0</v>
      </c>
      <c r="BR21" s="270">
        <v>7800</v>
      </c>
      <c r="BS21" s="271">
        <v>7800</v>
      </c>
      <c r="BT21" s="272">
        <v>0</v>
      </c>
      <c r="BU21" s="270">
        <v>31790</v>
      </c>
      <c r="BV21" s="270">
        <v>101780</v>
      </c>
      <c r="BW21" s="270">
        <v>278090</v>
      </c>
      <c r="BX21" s="270">
        <v>342900</v>
      </c>
      <c r="BY21" s="270">
        <v>99484</v>
      </c>
      <c r="BZ21" s="273">
        <v>854044</v>
      </c>
      <c r="CA21" s="274">
        <v>861844</v>
      </c>
      <c r="CB21" s="269">
        <v>0</v>
      </c>
      <c r="CC21" s="270">
        <v>0</v>
      </c>
      <c r="CD21" s="271">
        <v>0</v>
      </c>
      <c r="CE21" s="272">
        <v>0</v>
      </c>
      <c r="CF21" s="270">
        <v>1690</v>
      </c>
      <c r="CG21" s="270">
        <v>435</v>
      </c>
      <c r="CH21" s="270">
        <v>2740</v>
      </c>
      <c r="CI21" s="270">
        <v>10555</v>
      </c>
      <c r="CJ21" s="270">
        <v>0</v>
      </c>
      <c r="CK21" s="273">
        <v>15420</v>
      </c>
      <c r="CL21" s="274">
        <v>15420</v>
      </c>
      <c r="CM21" s="269">
        <v>0</v>
      </c>
      <c r="CN21" s="270">
        <v>0</v>
      </c>
      <c r="CO21" s="271">
        <v>0</v>
      </c>
      <c r="CP21" s="272">
        <v>0</v>
      </c>
      <c r="CQ21" s="270">
        <v>0</v>
      </c>
      <c r="CR21" s="270">
        <v>0</v>
      </c>
      <c r="CS21" s="270">
        <v>0</v>
      </c>
      <c r="CT21" s="270">
        <v>0</v>
      </c>
      <c r="CU21" s="270">
        <v>0</v>
      </c>
      <c r="CV21" s="273">
        <v>0</v>
      </c>
      <c r="CW21" s="274">
        <v>0</v>
      </c>
      <c r="CX21" s="269">
        <v>0</v>
      </c>
      <c r="CY21" s="270">
        <v>0</v>
      </c>
      <c r="CZ21" s="271">
        <v>0</v>
      </c>
      <c r="DA21" s="470">
        <v>0</v>
      </c>
      <c r="DB21" s="270">
        <v>0</v>
      </c>
      <c r="DC21" s="270">
        <v>0</v>
      </c>
      <c r="DD21" s="270">
        <v>0</v>
      </c>
      <c r="DE21" s="270">
        <v>0</v>
      </c>
      <c r="DF21" s="270">
        <v>0</v>
      </c>
      <c r="DG21" s="273">
        <v>0</v>
      </c>
      <c r="DH21" s="274">
        <v>0</v>
      </c>
      <c r="DI21" s="269">
        <v>0</v>
      </c>
      <c r="DJ21" s="270">
        <v>20283</v>
      </c>
      <c r="DK21" s="271">
        <v>20283</v>
      </c>
      <c r="DL21" s="272">
        <v>0</v>
      </c>
      <c r="DM21" s="270">
        <v>138317</v>
      </c>
      <c r="DN21" s="270">
        <v>439327</v>
      </c>
      <c r="DO21" s="270">
        <v>2634593</v>
      </c>
      <c r="DP21" s="270">
        <v>4481307</v>
      </c>
      <c r="DQ21" s="270">
        <v>2782777</v>
      </c>
      <c r="DR21" s="273">
        <v>10476321</v>
      </c>
      <c r="DS21" s="275">
        <v>10496604</v>
      </c>
      <c r="DT21" s="269">
        <v>0</v>
      </c>
      <c r="DU21" s="270">
        <v>0</v>
      </c>
      <c r="DV21" s="271">
        <v>0</v>
      </c>
      <c r="DW21" s="470">
        <v>0</v>
      </c>
      <c r="DX21" s="270">
        <v>42036</v>
      </c>
      <c r="DY21" s="270">
        <v>142414</v>
      </c>
      <c r="DZ21" s="270">
        <v>1983019</v>
      </c>
      <c r="EA21" s="270">
        <v>3707748</v>
      </c>
      <c r="EB21" s="270">
        <v>2507948</v>
      </c>
      <c r="EC21" s="273">
        <v>8383165</v>
      </c>
      <c r="ED21" s="274">
        <v>8383165</v>
      </c>
      <c r="EE21" s="269">
        <v>0</v>
      </c>
      <c r="EF21" s="270">
        <v>0</v>
      </c>
      <c r="EG21" s="271">
        <v>0</v>
      </c>
      <c r="EH21" s="470">
        <v>0</v>
      </c>
      <c r="EI21" s="270">
        <v>38037</v>
      </c>
      <c r="EJ21" s="270">
        <v>60563</v>
      </c>
      <c r="EK21" s="270">
        <v>165649</v>
      </c>
      <c r="EL21" s="270">
        <v>31416</v>
      </c>
      <c r="EM21" s="270">
        <v>32403</v>
      </c>
      <c r="EN21" s="273">
        <v>328068</v>
      </c>
      <c r="EO21" s="274">
        <v>328068</v>
      </c>
      <c r="EP21" s="269">
        <v>0</v>
      </c>
      <c r="EQ21" s="270">
        <v>0</v>
      </c>
      <c r="ER21" s="271">
        <v>0</v>
      </c>
      <c r="ES21" s="470">
        <v>0</v>
      </c>
      <c r="ET21" s="270">
        <v>0</v>
      </c>
      <c r="EU21" s="270">
        <v>0</v>
      </c>
      <c r="EV21" s="270">
        <v>0</v>
      </c>
      <c r="EW21" s="270">
        <v>0</v>
      </c>
      <c r="EX21" s="270">
        <v>0</v>
      </c>
      <c r="EY21" s="273">
        <v>0</v>
      </c>
      <c r="EZ21" s="274">
        <v>0</v>
      </c>
      <c r="FA21" s="269">
        <v>0</v>
      </c>
      <c r="FB21" s="270">
        <v>0</v>
      </c>
      <c r="FC21" s="271">
        <v>0</v>
      </c>
      <c r="FD21" s="470">
        <v>0</v>
      </c>
      <c r="FE21" s="270">
        <v>0</v>
      </c>
      <c r="FF21" s="270">
        <v>0</v>
      </c>
      <c r="FG21" s="270">
        <v>42</v>
      </c>
      <c r="FH21" s="270">
        <v>868</v>
      </c>
      <c r="FI21" s="270">
        <v>868</v>
      </c>
      <c r="FJ21" s="273">
        <v>1778</v>
      </c>
      <c r="FK21" s="274">
        <v>1778</v>
      </c>
      <c r="FL21" s="269">
        <v>0</v>
      </c>
      <c r="FM21" s="270">
        <v>0</v>
      </c>
      <c r="FN21" s="271">
        <v>0</v>
      </c>
      <c r="FO21" s="470">
        <v>0</v>
      </c>
      <c r="FP21" s="270">
        <v>0</v>
      </c>
      <c r="FQ21" s="270">
        <v>21576</v>
      </c>
      <c r="FR21" s="270">
        <v>58342</v>
      </c>
      <c r="FS21" s="270">
        <v>181412</v>
      </c>
      <c r="FT21" s="270">
        <v>79918</v>
      </c>
      <c r="FU21" s="273">
        <v>341248</v>
      </c>
      <c r="FV21" s="274">
        <v>341248</v>
      </c>
      <c r="FW21" s="269">
        <v>0</v>
      </c>
      <c r="FX21" s="270">
        <v>20283</v>
      </c>
      <c r="FY21" s="271">
        <v>20283</v>
      </c>
      <c r="FZ21" s="272">
        <v>0</v>
      </c>
      <c r="GA21" s="270">
        <v>55888</v>
      </c>
      <c r="GB21" s="270">
        <v>214746</v>
      </c>
      <c r="GC21" s="270">
        <v>423189</v>
      </c>
      <c r="GD21" s="270">
        <v>556093</v>
      </c>
      <c r="GE21" s="270">
        <v>161640</v>
      </c>
      <c r="GF21" s="273">
        <v>1411556</v>
      </c>
      <c r="GG21" s="274">
        <v>1431839</v>
      </c>
      <c r="GH21" s="269">
        <v>0</v>
      </c>
      <c r="GI21" s="270">
        <v>0</v>
      </c>
      <c r="GJ21" s="271">
        <v>0</v>
      </c>
      <c r="GK21" s="272">
        <v>0</v>
      </c>
      <c r="GL21" s="270">
        <v>2356</v>
      </c>
      <c r="GM21" s="270">
        <v>28</v>
      </c>
      <c r="GN21" s="270">
        <v>4352</v>
      </c>
      <c r="GO21" s="270">
        <v>3770</v>
      </c>
      <c r="GP21" s="270">
        <v>0</v>
      </c>
      <c r="GQ21" s="273">
        <v>10506</v>
      </c>
      <c r="GR21" s="274">
        <v>10506</v>
      </c>
      <c r="GS21" s="269">
        <v>0</v>
      </c>
      <c r="GT21" s="270">
        <v>0</v>
      </c>
      <c r="GU21" s="271">
        <v>0</v>
      </c>
      <c r="GV21" s="272">
        <v>0</v>
      </c>
      <c r="GW21" s="270">
        <v>0</v>
      </c>
      <c r="GX21" s="270">
        <v>0</v>
      </c>
      <c r="GY21" s="270">
        <v>0</v>
      </c>
      <c r="GZ21" s="270">
        <v>0</v>
      </c>
      <c r="HA21" s="270">
        <v>0</v>
      </c>
      <c r="HB21" s="273">
        <v>0</v>
      </c>
      <c r="HC21" s="274">
        <v>0</v>
      </c>
      <c r="HD21" s="269">
        <v>0</v>
      </c>
      <c r="HE21" s="270">
        <v>0</v>
      </c>
      <c r="HF21" s="271">
        <v>0</v>
      </c>
      <c r="HG21" s="470">
        <v>0</v>
      </c>
      <c r="HH21" s="270">
        <v>0</v>
      </c>
      <c r="HI21" s="270">
        <v>0</v>
      </c>
      <c r="HJ21" s="270">
        <v>0</v>
      </c>
      <c r="HK21" s="270">
        <v>0</v>
      </c>
      <c r="HL21" s="270">
        <v>0</v>
      </c>
      <c r="HM21" s="273">
        <v>0</v>
      </c>
      <c r="HN21" s="274">
        <v>0</v>
      </c>
      <c r="HO21" s="269">
        <v>0</v>
      </c>
      <c r="HP21" s="270">
        <v>28083</v>
      </c>
      <c r="HQ21" s="271">
        <v>28083</v>
      </c>
      <c r="HR21" s="272">
        <v>0</v>
      </c>
      <c r="HS21" s="270">
        <v>344312</v>
      </c>
      <c r="HT21" s="270">
        <v>1046247</v>
      </c>
      <c r="HU21" s="270">
        <v>4747843</v>
      </c>
      <c r="HV21" s="270">
        <v>8190484</v>
      </c>
      <c r="HW21" s="270">
        <v>5235676</v>
      </c>
      <c r="HX21" s="273">
        <v>19564562</v>
      </c>
      <c r="HY21" s="274">
        <v>19592645</v>
      </c>
    </row>
    <row r="22" spans="2:233" ht="21" customHeight="1" x14ac:dyDescent="0.2">
      <c r="B22" s="437" t="s">
        <v>19</v>
      </c>
      <c r="C22" s="269">
        <v>0</v>
      </c>
      <c r="D22" s="270">
        <v>0</v>
      </c>
      <c r="E22" s="271">
        <v>0</v>
      </c>
      <c r="F22" s="272">
        <v>0</v>
      </c>
      <c r="G22" s="270">
        <v>178615</v>
      </c>
      <c r="H22" s="270">
        <v>432247</v>
      </c>
      <c r="I22" s="270">
        <v>1446585</v>
      </c>
      <c r="J22" s="270">
        <v>1095890</v>
      </c>
      <c r="K22" s="270">
        <v>1055650</v>
      </c>
      <c r="L22" s="273">
        <v>4208987</v>
      </c>
      <c r="M22" s="274">
        <v>4208987</v>
      </c>
      <c r="N22" s="269">
        <v>0</v>
      </c>
      <c r="O22" s="270">
        <v>0</v>
      </c>
      <c r="P22" s="271">
        <v>0</v>
      </c>
      <c r="Q22" s="470">
        <v>0</v>
      </c>
      <c r="R22" s="270">
        <v>24645</v>
      </c>
      <c r="S22" s="270">
        <v>83400</v>
      </c>
      <c r="T22" s="270">
        <v>834235</v>
      </c>
      <c r="U22" s="270">
        <v>837490</v>
      </c>
      <c r="V22" s="270">
        <v>899500</v>
      </c>
      <c r="W22" s="273">
        <v>2679270</v>
      </c>
      <c r="X22" s="274">
        <v>2679270</v>
      </c>
      <c r="Y22" s="269">
        <v>0</v>
      </c>
      <c r="Z22" s="270">
        <v>0</v>
      </c>
      <c r="AA22" s="271">
        <v>0</v>
      </c>
      <c r="AB22" s="470">
        <v>0</v>
      </c>
      <c r="AC22" s="270">
        <v>141745</v>
      </c>
      <c r="AD22" s="270">
        <v>285310</v>
      </c>
      <c r="AE22" s="270">
        <v>551650</v>
      </c>
      <c r="AF22" s="270">
        <v>187925</v>
      </c>
      <c r="AG22" s="270">
        <v>103230</v>
      </c>
      <c r="AH22" s="273">
        <v>1269860</v>
      </c>
      <c r="AI22" s="274">
        <v>1269860</v>
      </c>
      <c r="AJ22" s="269">
        <v>0</v>
      </c>
      <c r="AK22" s="270">
        <v>0</v>
      </c>
      <c r="AL22" s="271">
        <v>0</v>
      </c>
      <c r="AM22" s="470">
        <v>0</v>
      </c>
      <c r="AN22" s="270">
        <v>0</v>
      </c>
      <c r="AO22" s="270">
        <v>0</v>
      </c>
      <c r="AP22" s="270">
        <v>0</v>
      </c>
      <c r="AQ22" s="270">
        <v>0</v>
      </c>
      <c r="AR22" s="270">
        <v>0</v>
      </c>
      <c r="AS22" s="273">
        <v>0</v>
      </c>
      <c r="AT22" s="274">
        <v>0</v>
      </c>
      <c r="AU22" s="269">
        <v>0</v>
      </c>
      <c r="AV22" s="270">
        <v>0</v>
      </c>
      <c r="AW22" s="271">
        <v>0</v>
      </c>
      <c r="AX22" s="470">
        <v>0</v>
      </c>
      <c r="AY22" s="270">
        <v>0</v>
      </c>
      <c r="AZ22" s="270">
        <v>0</v>
      </c>
      <c r="BA22" s="270">
        <v>0</v>
      </c>
      <c r="BB22" s="270">
        <v>0</v>
      </c>
      <c r="BC22" s="270">
        <v>3975</v>
      </c>
      <c r="BD22" s="273">
        <v>3975</v>
      </c>
      <c r="BE22" s="274">
        <v>3975</v>
      </c>
      <c r="BF22" s="269">
        <v>0</v>
      </c>
      <c r="BG22" s="270">
        <v>0</v>
      </c>
      <c r="BH22" s="271">
        <v>0</v>
      </c>
      <c r="BI22" s="470">
        <v>0</v>
      </c>
      <c r="BJ22" s="270">
        <v>0</v>
      </c>
      <c r="BK22" s="270">
        <v>0</v>
      </c>
      <c r="BL22" s="270">
        <v>0</v>
      </c>
      <c r="BM22" s="270">
        <v>0</v>
      </c>
      <c r="BN22" s="270">
        <v>0</v>
      </c>
      <c r="BO22" s="273">
        <v>0</v>
      </c>
      <c r="BP22" s="274">
        <v>0</v>
      </c>
      <c r="BQ22" s="269">
        <v>0</v>
      </c>
      <c r="BR22" s="270">
        <v>0</v>
      </c>
      <c r="BS22" s="271">
        <v>0</v>
      </c>
      <c r="BT22" s="272">
        <v>0</v>
      </c>
      <c r="BU22" s="270">
        <v>12225</v>
      </c>
      <c r="BV22" s="270">
        <v>62087</v>
      </c>
      <c r="BW22" s="270">
        <v>58485</v>
      </c>
      <c r="BX22" s="270">
        <v>68010</v>
      </c>
      <c r="BY22" s="270">
        <v>48945</v>
      </c>
      <c r="BZ22" s="273">
        <v>249752</v>
      </c>
      <c r="CA22" s="274">
        <v>249752</v>
      </c>
      <c r="CB22" s="269">
        <v>0</v>
      </c>
      <c r="CC22" s="270">
        <v>0</v>
      </c>
      <c r="CD22" s="271">
        <v>0</v>
      </c>
      <c r="CE22" s="272">
        <v>0</v>
      </c>
      <c r="CF22" s="270">
        <v>0</v>
      </c>
      <c r="CG22" s="270">
        <v>1450</v>
      </c>
      <c r="CH22" s="270">
        <v>2215</v>
      </c>
      <c r="CI22" s="270">
        <v>2465</v>
      </c>
      <c r="CJ22" s="270">
        <v>0</v>
      </c>
      <c r="CK22" s="273">
        <v>6130</v>
      </c>
      <c r="CL22" s="274">
        <v>6130</v>
      </c>
      <c r="CM22" s="269">
        <v>0</v>
      </c>
      <c r="CN22" s="270">
        <v>0</v>
      </c>
      <c r="CO22" s="271">
        <v>0</v>
      </c>
      <c r="CP22" s="272">
        <v>0</v>
      </c>
      <c r="CQ22" s="270">
        <v>0</v>
      </c>
      <c r="CR22" s="270">
        <v>0</v>
      </c>
      <c r="CS22" s="270">
        <v>0</v>
      </c>
      <c r="CT22" s="270">
        <v>0</v>
      </c>
      <c r="CU22" s="270">
        <v>0</v>
      </c>
      <c r="CV22" s="273">
        <v>0</v>
      </c>
      <c r="CW22" s="274">
        <v>0</v>
      </c>
      <c r="CX22" s="269">
        <v>0</v>
      </c>
      <c r="CY22" s="270">
        <v>0</v>
      </c>
      <c r="CZ22" s="271">
        <v>0</v>
      </c>
      <c r="DA22" s="470">
        <v>0</v>
      </c>
      <c r="DB22" s="270">
        <v>0</v>
      </c>
      <c r="DC22" s="270">
        <v>0</v>
      </c>
      <c r="DD22" s="270">
        <v>0</v>
      </c>
      <c r="DE22" s="270">
        <v>0</v>
      </c>
      <c r="DF22" s="270">
        <v>0</v>
      </c>
      <c r="DG22" s="273">
        <v>0</v>
      </c>
      <c r="DH22" s="274">
        <v>0</v>
      </c>
      <c r="DI22" s="269">
        <v>0</v>
      </c>
      <c r="DJ22" s="270">
        <v>0</v>
      </c>
      <c r="DK22" s="271">
        <v>0</v>
      </c>
      <c r="DL22" s="272">
        <v>0</v>
      </c>
      <c r="DM22" s="270">
        <v>91327</v>
      </c>
      <c r="DN22" s="270">
        <v>240641</v>
      </c>
      <c r="DO22" s="270">
        <v>1401603</v>
      </c>
      <c r="DP22" s="270">
        <v>1405415</v>
      </c>
      <c r="DQ22" s="270">
        <v>1122293</v>
      </c>
      <c r="DR22" s="273">
        <v>4261279</v>
      </c>
      <c r="DS22" s="275">
        <v>4261279</v>
      </c>
      <c r="DT22" s="269">
        <v>0</v>
      </c>
      <c r="DU22" s="270">
        <v>0</v>
      </c>
      <c r="DV22" s="271">
        <v>0</v>
      </c>
      <c r="DW22" s="470">
        <v>0</v>
      </c>
      <c r="DX22" s="270">
        <v>15035</v>
      </c>
      <c r="DY22" s="270">
        <v>136150</v>
      </c>
      <c r="DZ22" s="270">
        <v>1290152</v>
      </c>
      <c r="EA22" s="270">
        <v>1279931</v>
      </c>
      <c r="EB22" s="270">
        <v>1065799</v>
      </c>
      <c r="EC22" s="273">
        <v>3787067</v>
      </c>
      <c r="ED22" s="274">
        <v>3787067</v>
      </c>
      <c r="EE22" s="269">
        <v>0</v>
      </c>
      <c r="EF22" s="270">
        <v>0</v>
      </c>
      <c r="EG22" s="271">
        <v>0</v>
      </c>
      <c r="EH22" s="470">
        <v>0</v>
      </c>
      <c r="EI22" s="270">
        <v>64387</v>
      </c>
      <c r="EJ22" s="270">
        <v>31949</v>
      </c>
      <c r="EK22" s="270">
        <v>6007</v>
      </c>
      <c r="EL22" s="270">
        <v>24705</v>
      </c>
      <c r="EM22" s="270">
        <v>11687</v>
      </c>
      <c r="EN22" s="273">
        <v>138735</v>
      </c>
      <c r="EO22" s="274">
        <v>138735</v>
      </c>
      <c r="EP22" s="269">
        <v>0</v>
      </c>
      <c r="EQ22" s="270">
        <v>0</v>
      </c>
      <c r="ER22" s="271">
        <v>0</v>
      </c>
      <c r="ES22" s="470">
        <v>0</v>
      </c>
      <c r="ET22" s="270">
        <v>0</v>
      </c>
      <c r="EU22" s="270">
        <v>0</v>
      </c>
      <c r="EV22" s="270">
        <v>0</v>
      </c>
      <c r="EW22" s="270">
        <v>0</v>
      </c>
      <c r="EX22" s="270">
        <v>0</v>
      </c>
      <c r="EY22" s="273">
        <v>0</v>
      </c>
      <c r="EZ22" s="274">
        <v>0</v>
      </c>
      <c r="FA22" s="269">
        <v>0</v>
      </c>
      <c r="FB22" s="270">
        <v>0</v>
      </c>
      <c r="FC22" s="271">
        <v>0</v>
      </c>
      <c r="FD22" s="470">
        <v>0</v>
      </c>
      <c r="FE22" s="270">
        <v>0</v>
      </c>
      <c r="FF22" s="270">
        <v>0</v>
      </c>
      <c r="FG22" s="270">
        <v>0</v>
      </c>
      <c r="FH22" s="270">
        <v>0</v>
      </c>
      <c r="FI22" s="270">
        <v>77</v>
      </c>
      <c r="FJ22" s="273">
        <v>77</v>
      </c>
      <c r="FK22" s="274">
        <v>77</v>
      </c>
      <c r="FL22" s="269">
        <v>0</v>
      </c>
      <c r="FM22" s="270">
        <v>0</v>
      </c>
      <c r="FN22" s="271">
        <v>0</v>
      </c>
      <c r="FO22" s="470">
        <v>0</v>
      </c>
      <c r="FP22" s="270">
        <v>0</v>
      </c>
      <c r="FQ22" s="270">
        <v>0</v>
      </c>
      <c r="FR22" s="270">
        <v>0</v>
      </c>
      <c r="FS22" s="270">
        <v>0</v>
      </c>
      <c r="FT22" s="270">
        <v>0</v>
      </c>
      <c r="FU22" s="273">
        <v>0</v>
      </c>
      <c r="FV22" s="274">
        <v>0</v>
      </c>
      <c r="FW22" s="269">
        <v>0</v>
      </c>
      <c r="FX22" s="270">
        <v>0</v>
      </c>
      <c r="FY22" s="271">
        <v>0</v>
      </c>
      <c r="FZ22" s="272">
        <v>0</v>
      </c>
      <c r="GA22" s="270">
        <v>11905</v>
      </c>
      <c r="GB22" s="270">
        <v>67530</v>
      </c>
      <c r="GC22" s="270">
        <v>105423</v>
      </c>
      <c r="GD22" s="270">
        <v>89681</v>
      </c>
      <c r="GE22" s="270">
        <v>44730</v>
      </c>
      <c r="GF22" s="273">
        <v>319269</v>
      </c>
      <c r="GG22" s="274">
        <v>319269</v>
      </c>
      <c r="GH22" s="269">
        <v>0</v>
      </c>
      <c r="GI22" s="270">
        <v>0</v>
      </c>
      <c r="GJ22" s="271">
        <v>0</v>
      </c>
      <c r="GK22" s="272">
        <v>0</v>
      </c>
      <c r="GL22" s="270">
        <v>0</v>
      </c>
      <c r="GM22" s="270">
        <v>5012</v>
      </c>
      <c r="GN22" s="270">
        <v>21</v>
      </c>
      <c r="GO22" s="270">
        <v>11098</v>
      </c>
      <c r="GP22" s="270">
        <v>0</v>
      </c>
      <c r="GQ22" s="273">
        <v>16131</v>
      </c>
      <c r="GR22" s="274">
        <v>16131</v>
      </c>
      <c r="GS22" s="269">
        <v>0</v>
      </c>
      <c r="GT22" s="270">
        <v>0</v>
      </c>
      <c r="GU22" s="271">
        <v>0</v>
      </c>
      <c r="GV22" s="272">
        <v>0</v>
      </c>
      <c r="GW22" s="270">
        <v>0</v>
      </c>
      <c r="GX22" s="270">
        <v>0</v>
      </c>
      <c r="GY22" s="270">
        <v>0</v>
      </c>
      <c r="GZ22" s="270">
        <v>0</v>
      </c>
      <c r="HA22" s="270">
        <v>0</v>
      </c>
      <c r="HB22" s="273">
        <v>0</v>
      </c>
      <c r="HC22" s="274">
        <v>0</v>
      </c>
      <c r="HD22" s="269">
        <v>0</v>
      </c>
      <c r="HE22" s="270">
        <v>0</v>
      </c>
      <c r="HF22" s="271">
        <v>0</v>
      </c>
      <c r="HG22" s="470">
        <v>0</v>
      </c>
      <c r="HH22" s="270">
        <v>0</v>
      </c>
      <c r="HI22" s="270">
        <v>0</v>
      </c>
      <c r="HJ22" s="270">
        <v>0</v>
      </c>
      <c r="HK22" s="270">
        <v>0</v>
      </c>
      <c r="HL22" s="270">
        <v>0</v>
      </c>
      <c r="HM22" s="273">
        <v>0</v>
      </c>
      <c r="HN22" s="274">
        <v>0</v>
      </c>
      <c r="HO22" s="269">
        <v>0</v>
      </c>
      <c r="HP22" s="270">
        <v>0</v>
      </c>
      <c r="HQ22" s="271">
        <v>0</v>
      </c>
      <c r="HR22" s="272">
        <v>0</v>
      </c>
      <c r="HS22" s="270">
        <v>269942</v>
      </c>
      <c r="HT22" s="270">
        <v>672888</v>
      </c>
      <c r="HU22" s="270">
        <v>2848188</v>
      </c>
      <c r="HV22" s="270">
        <v>2501305</v>
      </c>
      <c r="HW22" s="270">
        <v>2177943</v>
      </c>
      <c r="HX22" s="273">
        <v>8470266</v>
      </c>
      <c r="HY22" s="274">
        <v>8470266</v>
      </c>
    </row>
    <row r="23" spans="2:233" ht="21" customHeight="1" x14ac:dyDescent="0.2">
      <c r="B23" s="437" t="s">
        <v>20</v>
      </c>
      <c r="C23" s="269">
        <v>0</v>
      </c>
      <c r="D23" s="270">
        <v>0</v>
      </c>
      <c r="E23" s="271">
        <v>0</v>
      </c>
      <c r="F23" s="272">
        <v>0</v>
      </c>
      <c r="G23" s="270">
        <v>168370</v>
      </c>
      <c r="H23" s="270">
        <v>437710</v>
      </c>
      <c r="I23" s="270">
        <v>1030550</v>
      </c>
      <c r="J23" s="270">
        <v>1267545</v>
      </c>
      <c r="K23" s="270">
        <v>771045</v>
      </c>
      <c r="L23" s="273">
        <v>3675220</v>
      </c>
      <c r="M23" s="274">
        <v>3675220</v>
      </c>
      <c r="N23" s="269">
        <v>0</v>
      </c>
      <c r="O23" s="270">
        <v>0</v>
      </c>
      <c r="P23" s="271">
        <v>0</v>
      </c>
      <c r="Q23" s="470">
        <v>0</v>
      </c>
      <c r="R23" s="270">
        <v>40680</v>
      </c>
      <c r="S23" s="270">
        <v>256060</v>
      </c>
      <c r="T23" s="270">
        <v>896395</v>
      </c>
      <c r="U23" s="270">
        <v>1056575</v>
      </c>
      <c r="V23" s="270">
        <v>614605</v>
      </c>
      <c r="W23" s="273">
        <v>2864315</v>
      </c>
      <c r="X23" s="274">
        <v>2864315</v>
      </c>
      <c r="Y23" s="269">
        <v>0</v>
      </c>
      <c r="Z23" s="270">
        <v>0</v>
      </c>
      <c r="AA23" s="271">
        <v>0</v>
      </c>
      <c r="AB23" s="470">
        <v>0</v>
      </c>
      <c r="AC23" s="270">
        <v>108965</v>
      </c>
      <c r="AD23" s="270">
        <v>153980</v>
      </c>
      <c r="AE23" s="270">
        <v>71035</v>
      </c>
      <c r="AF23" s="270">
        <v>118290</v>
      </c>
      <c r="AG23" s="270">
        <v>95850</v>
      </c>
      <c r="AH23" s="273">
        <v>548120</v>
      </c>
      <c r="AI23" s="274">
        <v>548120</v>
      </c>
      <c r="AJ23" s="269">
        <v>0</v>
      </c>
      <c r="AK23" s="270">
        <v>0</v>
      </c>
      <c r="AL23" s="271">
        <v>0</v>
      </c>
      <c r="AM23" s="470">
        <v>0</v>
      </c>
      <c r="AN23" s="270">
        <v>0</v>
      </c>
      <c r="AO23" s="270">
        <v>0</v>
      </c>
      <c r="AP23" s="270">
        <v>0</v>
      </c>
      <c r="AQ23" s="270">
        <v>0</v>
      </c>
      <c r="AR23" s="270">
        <v>0</v>
      </c>
      <c r="AS23" s="273">
        <v>0</v>
      </c>
      <c r="AT23" s="274">
        <v>0</v>
      </c>
      <c r="AU23" s="269">
        <v>0</v>
      </c>
      <c r="AV23" s="270">
        <v>0</v>
      </c>
      <c r="AW23" s="271">
        <v>0</v>
      </c>
      <c r="AX23" s="470">
        <v>0</v>
      </c>
      <c r="AY23" s="270">
        <v>0</v>
      </c>
      <c r="AZ23" s="270">
        <v>0</v>
      </c>
      <c r="BA23" s="270">
        <v>0</v>
      </c>
      <c r="BB23" s="270">
        <v>2635</v>
      </c>
      <c r="BC23" s="270">
        <v>0</v>
      </c>
      <c r="BD23" s="273">
        <v>2635</v>
      </c>
      <c r="BE23" s="274">
        <v>2635</v>
      </c>
      <c r="BF23" s="269">
        <v>0</v>
      </c>
      <c r="BG23" s="270">
        <v>0</v>
      </c>
      <c r="BH23" s="271">
        <v>0</v>
      </c>
      <c r="BI23" s="470">
        <v>0</v>
      </c>
      <c r="BJ23" s="270">
        <v>0</v>
      </c>
      <c r="BK23" s="270">
        <v>0</v>
      </c>
      <c r="BL23" s="270">
        <v>0</v>
      </c>
      <c r="BM23" s="270">
        <v>0</v>
      </c>
      <c r="BN23" s="270">
        <v>0</v>
      </c>
      <c r="BO23" s="273">
        <v>0</v>
      </c>
      <c r="BP23" s="274">
        <v>0</v>
      </c>
      <c r="BQ23" s="269">
        <v>0</v>
      </c>
      <c r="BR23" s="270">
        <v>0</v>
      </c>
      <c r="BS23" s="271">
        <v>0</v>
      </c>
      <c r="BT23" s="272">
        <v>0</v>
      </c>
      <c r="BU23" s="270">
        <v>13705</v>
      </c>
      <c r="BV23" s="270">
        <v>27670</v>
      </c>
      <c r="BW23" s="270">
        <v>62540</v>
      </c>
      <c r="BX23" s="270">
        <v>89320</v>
      </c>
      <c r="BY23" s="270">
        <v>60590</v>
      </c>
      <c r="BZ23" s="273">
        <v>253825</v>
      </c>
      <c r="CA23" s="274">
        <v>253825</v>
      </c>
      <c r="CB23" s="269">
        <v>0</v>
      </c>
      <c r="CC23" s="270">
        <v>0</v>
      </c>
      <c r="CD23" s="271">
        <v>0</v>
      </c>
      <c r="CE23" s="272">
        <v>0</v>
      </c>
      <c r="CF23" s="270">
        <v>5020</v>
      </c>
      <c r="CG23" s="270">
        <v>0</v>
      </c>
      <c r="CH23" s="270">
        <v>580</v>
      </c>
      <c r="CI23" s="270">
        <v>725</v>
      </c>
      <c r="CJ23" s="270">
        <v>0</v>
      </c>
      <c r="CK23" s="273">
        <v>6325</v>
      </c>
      <c r="CL23" s="274">
        <v>6325</v>
      </c>
      <c r="CM23" s="269">
        <v>0</v>
      </c>
      <c r="CN23" s="270">
        <v>0</v>
      </c>
      <c r="CO23" s="271">
        <v>0</v>
      </c>
      <c r="CP23" s="272">
        <v>0</v>
      </c>
      <c r="CQ23" s="270">
        <v>0</v>
      </c>
      <c r="CR23" s="270">
        <v>0</v>
      </c>
      <c r="CS23" s="270">
        <v>0</v>
      </c>
      <c r="CT23" s="270">
        <v>0</v>
      </c>
      <c r="CU23" s="270">
        <v>0</v>
      </c>
      <c r="CV23" s="273">
        <v>0</v>
      </c>
      <c r="CW23" s="274">
        <v>0</v>
      </c>
      <c r="CX23" s="269">
        <v>0</v>
      </c>
      <c r="CY23" s="270">
        <v>0</v>
      </c>
      <c r="CZ23" s="271">
        <v>0</v>
      </c>
      <c r="DA23" s="470">
        <v>0</v>
      </c>
      <c r="DB23" s="270">
        <v>0</v>
      </c>
      <c r="DC23" s="270">
        <v>0</v>
      </c>
      <c r="DD23" s="270">
        <v>0</v>
      </c>
      <c r="DE23" s="270">
        <v>0</v>
      </c>
      <c r="DF23" s="270">
        <v>0</v>
      </c>
      <c r="DG23" s="273">
        <v>0</v>
      </c>
      <c r="DH23" s="274">
        <v>0</v>
      </c>
      <c r="DI23" s="269">
        <v>0</v>
      </c>
      <c r="DJ23" s="270">
        <v>0</v>
      </c>
      <c r="DK23" s="271">
        <v>0</v>
      </c>
      <c r="DL23" s="272">
        <v>0</v>
      </c>
      <c r="DM23" s="270">
        <v>142840</v>
      </c>
      <c r="DN23" s="270">
        <v>441020</v>
      </c>
      <c r="DO23" s="270">
        <v>1732310</v>
      </c>
      <c r="DP23" s="270">
        <v>2351669</v>
      </c>
      <c r="DQ23" s="270">
        <v>986074</v>
      </c>
      <c r="DR23" s="273">
        <v>5653913</v>
      </c>
      <c r="DS23" s="275">
        <v>5653913</v>
      </c>
      <c r="DT23" s="269">
        <v>0</v>
      </c>
      <c r="DU23" s="270">
        <v>0</v>
      </c>
      <c r="DV23" s="271">
        <v>0</v>
      </c>
      <c r="DW23" s="470">
        <v>0</v>
      </c>
      <c r="DX23" s="270">
        <v>62682</v>
      </c>
      <c r="DY23" s="270">
        <v>369148</v>
      </c>
      <c r="DZ23" s="270">
        <v>1541402</v>
      </c>
      <c r="EA23" s="270">
        <v>2107194</v>
      </c>
      <c r="EB23" s="270">
        <v>884562</v>
      </c>
      <c r="EC23" s="273">
        <v>4964988</v>
      </c>
      <c r="ED23" s="274">
        <v>4964988</v>
      </c>
      <c r="EE23" s="269">
        <v>0</v>
      </c>
      <c r="EF23" s="270">
        <v>0</v>
      </c>
      <c r="EG23" s="271">
        <v>0</v>
      </c>
      <c r="EH23" s="470">
        <v>0</v>
      </c>
      <c r="EI23" s="270">
        <v>34906</v>
      </c>
      <c r="EJ23" s="270">
        <v>13835</v>
      </c>
      <c r="EK23" s="270">
        <v>35016</v>
      </c>
      <c r="EL23" s="270">
        <v>3647</v>
      </c>
      <c r="EM23" s="270">
        <v>1799</v>
      </c>
      <c r="EN23" s="273">
        <v>89203</v>
      </c>
      <c r="EO23" s="274">
        <v>89203</v>
      </c>
      <c r="EP23" s="269">
        <v>0</v>
      </c>
      <c r="EQ23" s="270">
        <v>0</v>
      </c>
      <c r="ER23" s="271">
        <v>0</v>
      </c>
      <c r="ES23" s="470">
        <v>0</v>
      </c>
      <c r="ET23" s="270">
        <v>0</v>
      </c>
      <c r="EU23" s="270">
        <v>0</v>
      </c>
      <c r="EV23" s="270">
        <v>0</v>
      </c>
      <c r="EW23" s="270">
        <v>0</v>
      </c>
      <c r="EX23" s="270">
        <v>0</v>
      </c>
      <c r="EY23" s="273">
        <v>0</v>
      </c>
      <c r="EZ23" s="274">
        <v>0</v>
      </c>
      <c r="FA23" s="269">
        <v>0</v>
      </c>
      <c r="FB23" s="270">
        <v>0</v>
      </c>
      <c r="FC23" s="271">
        <v>0</v>
      </c>
      <c r="FD23" s="470">
        <v>0</v>
      </c>
      <c r="FE23" s="270">
        <v>0</v>
      </c>
      <c r="FF23" s="270">
        <v>0</v>
      </c>
      <c r="FG23" s="270">
        <v>0</v>
      </c>
      <c r="FH23" s="270">
        <v>217</v>
      </c>
      <c r="FI23" s="270">
        <v>0</v>
      </c>
      <c r="FJ23" s="273">
        <v>217</v>
      </c>
      <c r="FK23" s="274">
        <v>217</v>
      </c>
      <c r="FL23" s="269">
        <v>0</v>
      </c>
      <c r="FM23" s="270">
        <v>0</v>
      </c>
      <c r="FN23" s="271">
        <v>0</v>
      </c>
      <c r="FO23" s="470">
        <v>0</v>
      </c>
      <c r="FP23" s="270">
        <v>0</v>
      </c>
      <c r="FQ23" s="270">
        <v>0</v>
      </c>
      <c r="FR23" s="270">
        <v>0</v>
      </c>
      <c r="FS23" s="270">
        <v>0</v>
      </c>
      <c r="FT23" s="270">
        <v>0</v>
      </c>
      <c r="FU23" s="273">
        <v>0</v>
      </c>
      <c r="FV23" s="274">
        <v>0</v>
      </c>
      <c r="FW23" s="269">
        <v>0</v>
      </c>
      <c r="FX23" s="270">
        <v>0</v>
      </c>
      <c r="FY23" s="271">
        <v>0</v>
      </c>
      <c r="FZ23" s="272">
        <v>0</v>
      </c>
      <c r="GA23" s="270">
        <v>42689</v>
      </c>
      <c r="GB23" s="270">
        <v>58037</v>
      </c>
      <c r="GC23" s="270">
        <v>154102</v>
      </c>
      <c r="GD23" s="270">
        <v>239523</v>
      </c>
      <c r="GE23" s="270">
        <v>99713</v>
      </c>
      <c r="GF23" s="273">
        <v>594064</v>
      </c>
      <c r="GG23" s="274">
        <v>594064</v>
      </c>
      <c r="GH23" s="269">
        <v>0</v>
      </c>
      <c r="GI23" s="270">
        <v>0</v>
      </c>
      <c r="GJ23" s="271">
        <v>0</v>
      </c>
      <c r="GK23" s="272">
        <v>0</v>
      </c>
      <c r="GL23" s="270">
        <v>2563</v>
      </c>
      <c r="GM23" s="270">
        <v>0</v>
      </c>
      <c r="GN23" s="270">
        <v>1790</v>
      </c>
      <c r="GO23" s="270">
        <v>1088</v>
      </c>
      <c r="GP23" s="270">
        <v>0</v>
      </c>
      <c r="GQ23" s="273">
        <v>5441</v>
      </c>
      <c r="GR23" s="274">
        <v>5441</v>
      </c>
      <c r="GS23" s="269">
        <v>0</v>
      </c>
      <c r="GT23" s="270">
        <v>0</v>
      </c>
      <c r="GU23" s="271">
        <v>0</v>
      </c>
      <c r="GV23" s="272">
        <v>0</v>
      </c>
      <c r="GW23" s="270">
        <v>0</v>
      </c>
      <c r="GX23" s="270">
        <v>0</v>
      </c>
      <c r="GY23" s="270">
        <v>0</v>
      </c>
      <c r="GZ23" s="270">
        <v>0</v>
      </c>
      <c r="HA23" s="270">
        <v>0</v>
      </c>
      <c r="HB23" s="273">
        <v>0</v>
      </c>
      <c r="HC23" s="274">
        <v>0</v>
      </c>
      <c r="HD23" s="269">
        <v>0</v>
      </c>
      <c r="HE23" s="270">
        <v>0</v>
      </c>
      <c r="HF23" s="271">
        <v>0</v>
      </c>
      <c r="HG23" s="470">
        <v>0</v>
      </c>
      <c r="HH23" s="270">
        <v>0</v>
      </c>
      <c r="HI23" s="270">
        <v>0</v>
      </c>
      <c r="HJ23" s="270">
        <v>0</v>
      </c>
      <c r="HK23" s="270">
        <v>0</v>
      </c>
      <c r="HL23" s="270">
        <v>0</v>
      </c>
      <c r="HM23" s="273">
        <v>0</v>
      </c>
      <c r="HN23" s="274">
        <v>0</v>
      </c>
      <c r="HO23" s="269">
        <v>0</v>
      </c>
      <c r="HP23" s="270">
        <v>0</v>
      </c>
      <c r="HQ23" s="271">
        <v>0</v>
      </c>
      <c r="HR23" s="272">
        <v>0</v>
      </c>
      <c r="HS23" s="270">
        <v>311210</v>
      </c>
      <c r="HT23" s="270">
        <v>878730</v>
      </c>
      <c r="HU23" s="270">
        <v>2762860</v>
      </c>
      <c r="HV23" s="270">
        <v>3619214</v>
      </c>
      <c r="HW23" s="270">
        <v>1757119</v>
      </c>
      <c r="HX23" s="273">
        <v>9329133</v>
      </c>
      <c r="HY23" s="274">
        <v>9329133</v>
      </c>
    </row>
    <row r="24" spans="2:233" ht="21" customHeight="1" x14ac:dyDescent="0.2">
      <c r="B24" s="437" t="s">
        <v>21</v>
      </c>
      <c r="C24" s="269">
        <v>0</v>
      </c>
      <c r="D24" s="270">
        <v>0</v>
      </c>
      <c r="E24" s="271">
        <v>0</v>
      </c>
      <c r="F24" s="272">
        <v>0</v>
      </c>
      <c r="G24" s="270">
        <v>169003</v>
      </c>
      <c r="H24" s="270">
        <v>382821</v>
      </c>
      <c r="I24" s="270">
        <v>1958580</v>
      </c>
      <c r="J24" s="270">
        <v>1856804</v>
      </c>
      <c r="K24" s="270">
        <v>1331413</v>
      </c>
      <c r="L24" s="273">
        <v>5698621</v>
      </c>
      <c r="M24" s="274">
        <v>5698621</v>
      </c>
      <c r="N24" s="269">
        <v>0</v>
      </c>
      <c r="O24" s="270">
        <v>0</v>
      </c>
      <c r="P24" s="271">
        <v>0</v>
      </c>
      <c r="Q24" s="470">
        <v>0</v>
      </c>
      <c r="R24" s="270">
        <v>35003</v>
      </c>
      <c r="S24" s="270">
        <v>193595</v>
      </c>
      <c r="T24" s="270">
        <v>1625034</v>
      </c>
      <c r="U24" s="270">
        <v>1378140</v>
      </c>
      <c r="V24" s="270">
        <v>967558</v>
      </c>
      <c r="W24" s="273">
        <v>4199330</v>
      </c>
      <c r="X24" s="274">
        <v>4199330</v>
      </c>
      <c r="Y24" s="269">
        <v>0</v>
      </c>
      <c r="Z24" s="270">
        <v>0</v>
      </c>
      <c r="AA24" s="271">
        <v>0</v>
      </c>
      <c r="AB24" s="470">
        <v>0</v>
      </c>
      <c r="AC24" s="270">
        <v>91365</v>
      </c>
      <c r="AD24" s="270">
        <v>81135</v>
      </c>
      <c r="AE24" s="270">
        <v>239281</v>
      </c>
      <c r="AF24" s="270">
        <v>276660</v>
      </c>
      <c r="AG24" s="270">
        <v>171615</v>
      </c>
      <c r="AH24" s="273">
        <v>860056</v>
      </c>
      <c r="AI24" s="274">
        <v>860056</v>
      </c>
      <c r="AJ24" s="269">
        <v>0</v>
      </c>
      <c r="AK24" s="270">
        <v>0</v>
      </c>
      <c r="AL24" s="271">
        <v>0</v>
      </c>
      <c r="AM24" s="470">
        <v>0</v>
      </c>
      <c r="AN24" s="270">
        <v>0</v>
      </c>
      <c r="AO24" s="270">
        <v>0</v>
      </c>
      <c r="AP24" s="270">
        <v>0</v>
      </c>
      <c r="AQ24" s="270">
        <v>17935</v>
      </c>
      <c r="AR24" s="270">
        <v>5270</v>
      </c>
      <c r="AS24" s="273">
        <v>23205</v>
      </c>
      <c r="AT24" s="274">
        <v>23205</v>
      </c>
      <c r="AU24" s="269">
        <v>0</v>
      </c>
      <c r="AV24" s="270">
        <v>0</v>
      </c>
      <c r="AW24" s="271">
        <v>0</v>
      </c>
      <c r="AX24" s="470">
        <v>0</v>
      </c>
      <c r="AY24" s="270">
        <v>0</v>
      </c>
      <c r="AZ24" s="270">
        <v>0</v>
      </c>
      <c r="BA24" s="270">
        <v>35495</v>
      </c>
      <c r="BB24" s="270">
        <v>41740</v>
      </c>
      <c r="BC24" s="270">
        <v>90820</v>
      </c>
      <c r="BD24" s="273">
        <v>168055</v>
      </c>
      <c r="BE24" s="274">
        <v>168055</v>
      </c>
      <c r="BF24" s="269">
        <v>0</v>
      </c>
      <c r="BG24" s="270">
        <v>0</v>
      </c>
      <c r="BH24" s="271">
        <v>0</v>
      </c>
      <c r="BI24" s="470">
        <v>0</v>
      </c>
      <c r="BJ24" s="270">
        <v>0</v>
      </c>
      <c r="BK24" s="270">
        <v>0</v>
      </c>
      <c r="BL24" s="270">
        <v>0</v>
      </c>
      <c r="BM24" s="270">
        <v>0</v>
      </c>
      <c r="BN24" s="270">
        <v>0</v>
      </c>
      <c r="BO24" s="273">
        <v>0</v>
      </c>
      <c r="BP24" s="274">
        <v>0</v>
      </c>
      <c r="BQ24" s="269">
        <v>0</v>
      </c>
      <c r="BR24" s="270">
        <v>0</v>
      </c>
      <c r="BS24" s="271">
        <v>0</v>
      </c>
      <c r="BT24" s="272">
        <v>0</v>
      </c>
      <c r="BU24" s="270">
        <v>42635</v>
      </c>
      <c r="BV24" s="270">
        <v>99400</v>
      </c>
      <c r="BW24" s="270">
        <v>58480</v>
      </c>
      <c r="BX24" s="270">
        <v>135434</v>
      </c>
      <c r="BY24" s="270">
        <v>96150</v>
      </c>
      <c r="BZ24" s="273">
        <v>432099</v>
      </c>
      <c r="CA24" s="274">
        <v>432099</v>
      </c>
      <c r="CB24" s="269">
        <v>0</v>
      </c>
      <c r="CC24" s="270">
        <v>0</v>
      </c>
      <c r="CD24" s="271">
        <v>0</v>
      </c>
      <c r="CE24" s="272">
        <v>0</v>
      </c>
      <c r="CF24" s="270">
        <v>0</v>
      </c>
      <c r="CG24" s="270">
        <v>8691</v>
      </c>
      <c r="CH24" s="270">
        <v>290</v>
      </c>
      <c r="CI24" s="270">
        <v>6895</v>
      </c>
      <c r="CJ24" s="270">
        <v>0</v>
      </c>
      <c r="CK24" s="273">
        <v>15876</v>
      </c>
      <c r="CL24" s="274">
        <v>15876</v>
      </c>
      <c r="CM24" s="269">
        <v>0</v>
      </c>
      <c r="CN24" s="270">
        <v>0</v>
      </c>
      <c r="CO24" s="271">
        <v>0</v>
      </c>
      <c r="CP24" s="272">
        <v>0</v>
      </c>
      <c r="CQ24" s="270">
        <v>0</v>
      </c>
      <c r="CR24" s="270">
        <v>0</v>
      </c>
      <c r="CS24" s="270">
        <v>0</v>
      </c>
      <c r="CT24" s="270">
        <v>0</v>
      </c>
      <c r="CU24" s="270">
        <v>0</v>
      </c>
      <c r="CV24" s="273">
        <v>0</v>
      </c>
      <c r="CW24" s="274">
        <v>0</v>
      </c>
      <c r="CX24" s="269">
        <v>0</v>
      </c>
      <c r="CY24" s="270">
        <v>0</v>
      </c>
      <c r="CZ24" s="271">
        <v>0</v>
      </c>
      <c r="DA24" s="470">
        <v>0</v>
      </c>
      <c r="DB24" s="270">
        <v>0</v>
      </c>
      <c r="DC24" s="270">
        <v>0</v>
      </c>
      <c r="DD24" s="270">
        <v>0</v>
      </c>
      <c r="DE24" s="270">
        <v>0</v>
      </c>
      <c r="DF24" s="270">
        <v>0</v>
      </c>
      <c r="DG24" s="273">
        <v>0</v>
      </c>
      <c r="DH24" s="274">
        <v>0</v>
      </c>
      <c r="DI24" s="269">
        <v>0</v>
      </c>
      <c r="DJ24" s="270">
        <v>0</v>
      </c>
      <c r="DK24" s="271">
        <v>0</v>
      </c>
      <c r="DL24" s="272">
        <v>0</v>
      </c>
      <c r="DM24" s="270">
        <v>117016</v>
      </c>
      <c r="DN24" s="270">
        <v>380450</v>
      </c>
      <c r="DO24" s="270">
        <v>2065733</v>
      </c>
      <c r="DP24" s="270">
        <v>2201360</v>
      </c>
      <c r="DQ24" s="270">
        <v>1622902</v>
      </c>
      <c r="DR24" s="273">
        <v>6387461</v>
      </c>
      <c r="DS24" s="275">
        <v>6387461</v>
      </c>
      <c r="DT24" s="269">
        <v>0</v>
      </c>
      <c r="DU24" s="270">
        <v>0</v>
      </c>
      <c r="DV24" s="271">
        <v>0</v>
      </c>
      <c r="DW24" s="470">
        <v>0</v>
      </c>
      <c r="DX24" s="270">
        <v>26505</v>
      </c>
      <c r="DY24" s="270">
        <v>196695</v>
      </c>
      <c r="DZ24" s="270">
        <v>1882242</v>
      </c>
      <c r="EA24" s="270">
        <v>1884473</v>
      </c>
      <c r="EB24" s="270">
        <v>1407672</v>
      </c>
      <c r="EC24" s="273">
        <v>5397587</v>
      </c>
      <c r="ED24" s="274">
        <v>5397587</v>
      </c>
      <c r="EE24" s="269">
        <v>0</v>
      </c>
      <c r="EF24" s="270">
        <v>0</v>
      </c>
      <c r="EG24" s="271">
        <v>0</v>
      </c>
      <c r="EH24" s="470">
        <v>0</v>
      </c>
      <c r="EI24" s="270">
        <v>22647</v>
      </c>
      <c r="EJ24" s="270">
        <v>5211</v>
      </c>
      <c r="EK24" s="270">
        <v>14725</v>
      </c>
      <c r="EL24" s="270">
        <v>14634</v>
      </c>
      <c r="EM24" s="270">
        <v>46398</v>
      </c>
      <c r="EN24" s="273">
        <v>103615</v>
      </c>
      <c r="EO24" s="274">
        <v>103615</v>
      </c>
      <c r="EP24" s="269">
        <v>0</v>
      </c>
      <c r="EQ24" s="270">
        <v>0</v>
      </c>
      <c r="ER24" s="271">
        <v>0</v>
      </c>
      <c r="ES24" s="470">
        <v>0</v>
      </c>
      <c r="ET24" s="270">
        <v>0</v>
      </c>
      <c r="EU24" s="270">
        <v>0</v>
      </c>
      <c r="EV24" s="270">
        <v>0</v>
      </c>
      <c r="EW24" s="270">
        <v>0</v>
      </c>
      <c r="EX24" s="270">
        <v>0</v>
      </c>
      <c r="EY24" s="273">
        <v>0</v>
      </c>
      <c r="EZ24" s="274">
        <v>0</v>
      </c>
      <c r="FA24" s="269">
        <v>0</v>
      </c>
      <c r="FB24" s="270">
        <v>0</v>
      </c>
      <c r="FC24" s="271">
        <v>0</v>
      </c>
      <c r="FD24" s="470">
        <v>0</v>
      </c>
      <c r="FE24" s="270">
        <v>0</v>
      </c>
      <c r="FF24" s="270">
        <v>0</v>
      </c>
      <c r="FG24" s="270">
        <v>11687</v>
      </c>
      <c r="FH24" s="270">
        <v>868</v>
      </c>
      <c r="FI24" s="270">
        <v>12618</v>
      </c>
      <c r="FJ24" s="273">
        <v>25173</v>
      </c>
      <c r="FK24" s="274">
        <v>25173</v>
      </c>
      <c r="FL24" s="269">
        <v>0</v>
      </c>
      <c r="FM24" s="270">
        <v>0</v>
      </c>
      <c r="FN24" s="271">
        <v>0</v>
      </c>
      <c r="FO24" s="470">
        <v>0</v>
      </c>
      <c r="FP24" s="270">
        <v>0</v>
      </c>
      <c r="FQ24" s="270">
        <v>0</v>
      </c>
      <c r="FR24" s="270">
        <v>0</v>
      </c>
      <c r="FS24" s="270">
        <v>0</v>
      </c>
      <c r="FT24" s="270">
        <v>0</v>
      </c>
      <c r="FU24" s="273">
        <v>0</v>
      </c>
      <c r="FV24" s="274">
        <v>0</v>
      </c>
      <c r="FW24" s="269">
        <v>0</v>
      </c>
      <c r="FX24" s="270">
        <v>0</v>
      </c>
      <c r="FY24" s="271">
        <v>0</v>
      </c>
      <c r="FZ24" s="272">
        <v>0</v>
      </c>
      <c r="GA24" s="270">
        <v>67864</v>
      </c>
      <c r="GB24" s="270">
        <v>162754</v>
      </c>
      <c r="GC24" s="270">
        <v>157058</v>
      </c>
      <c r="GD24" s="270">
        <v>301301</v>
      </c>
      <c r="GE24" s="270">
        <v>156214</v>
      </c>
      <c r="GF24" s="273">
        <v>845191</v>
      </c>
      <c r="GG24" s="274">
        <v>845191</v>
      </c>
      <c r="GH24" s="269">
        <v>0</v>
      </c>
      <c r="GI24" s="270">
        <v>0</v>
      </c>
      <c r="GJ24" s="271">
        <v>0</v>
      </c>
      <c r="GK24" s="272">
        <v>0</v>
      </c>
      <c r="GL24" s="270">
        <v>0</v>
      </c>
      <c r="GM24" s="270">
        <v>15790</v>
      </c>
      <c r="GN24" s="270">
        <v>21</v>
      </c>
      <c r="GO24" s="270">
        <v>84</v>
      </c>
      <c r="GP24" s="270">
        <v>0</v>
      </c>
      <c r="GQ24" s="273">
        <v>15895</v>
      </c>
      <c r="GR24" s="274">
        <v>15895</v>
      </c>
      <c r="GS24" s="269">
        <v>0</v>
      </c>
      <c r="GT24" s="270">
        <v>0</v>
      </c>
      <c r="GU24" s="271">
        <v>0</v>
      </c>
      <c r="GV24" s="272">
        <v>0</v>
      </c>
      <c r="GW24" s="270">
        <v>0</v>
      </c>
      <c r="GX24" s="270">
        <v>0</v>
      </c>
      <c r="GY24" s="270">
        <v>0</v>
      </c>
      <c r="GZ24" s="270">
        <v>0</v>
      </c>
      <c r="HA24" s="270">
        <v>0</v>
      </c>
      <c r="HB24" s="273">
        <v>0</v>
      </c>
      <c r="HC24" s="274">
        <v>0</v>
      </c>
      <c r="HD24" s="269">
        <v>0</v>
      </c>
      <c r="HE24" s="270">
        <v>0</v>
      </c>
      <c r="HF24" s="271">
        <v>0</v>
      </c>
      <c r="HG24" s="470">
        <v>0</v>
      </c>
      <c r="HH24" s="270">
        <v>0</v>
      </c>
      <c r="HI24" s="270">
        <v>0</v>
      </c>
      <c r="HJ24" s="270">
        <v>0</v>
      </c>
      <c r="HK24" s="270">
        <v>0</v>
      </c>
      <c r="HL24" s="270">
        <v>0</v>
      </c>
      <c r="HM24" s="273">
        <v>0</v>
      </c>
      <c r="HN24" s="274">
        <v>0</v>
      </c>
      <c r="HO24" s="269">
        <v>0</v>
      </c>
      <c r="HP24" s="270">
        <v>0</v>
      </c>
      <c r="HQ24" s="271">
        <v>0</v>
      </c>
      <c r="HR24" s="272">
        <v>0</v>
      </c>
      <c r="HS24" s="270">
        <v>286019</v>
      </c>
      <c r="HT24" s="270">
        <v>763271</v>
      </c>
      <c r="HU24" s="270">
        <v>4024313</v>
      </c>
      <c r="HV24" s="270">
        <v>4058164</v>
      </c>
      <c r="HW24" s="270">
        <v>2954315</v>
      </c>
      <c r="HX24" s="273">
        <v>12086082</v>
      </c>
      <c r="HY24" s="274">
        <v>12086082</v>
      </c>
    </row>
    <row r="25" spans="2:233" ht="21" customHeight="1" x14ac:dyDescent="0.2">
      <c r="B25" s="437" t="s">
        <v>22</v>
      </c>
      <c r="C25" s="269">
        <v>0</v>
      </c>
      <c r="D25" s="270">
        <v>0</v>
      </c>
      <c r="E25" s="271">
        <v>0</v>
      </c>
      <c r="F25" s="272">
        <v>0</v>
      </c>
      <c r="G25" s="270">
        <v>68610</v>
      </c>
      <c r="H25" s="270">
        <v>322690</v>
      </c>
      <c r="I25" s="270">
        <v>667542</v>
      </c>
      <c r="J25" s="270">
        <v>1077230</v>
      </c>
      <c r="K25" s="270">
        <v>430458</v>
      </c>
      <c r="L25" s="273">
        <v>2566530</v>
      </c>
      <c r="M25" s="274">
        <v>2566530</v>
      </c>
      <c r="N25" s="269">
        <v>0</v>
      </c>
      <c r="O25" s="270">
        <v>0</v>
      </c>
      <c r="P25" s="271">
        <v>0</v>
      </c>
      <c r="Q25" s="470">
        <v>0</v>
      </c>
      <c r="R25" s="270">
        <v>35495</v>
      </c>
      <c r="S25" s="270">
        <v>32705</v>
      </c>
      <c r="T25" s="270">
        <v>474477</v>
      </c>
      <c r="U25" s="270">
        <v>633305</v>
      </c>
      <c r="V25" s="270">
        <v>214520</v>
      </c>
      <c r="W25" s="273">
        <v>1390502</v>
      </c>
      <c r="X25" s="274">
        <v>1390502</v>
      </c>
      <c r="Y25" s="269">
        <v>0</v>
      </c>
      <c r="Z25" s="270">
        <v>0</v>
      </c>
      <c r="AA25" s="271">
        <v>0</v>
      </c>
      <c r="AB25" s="470">
        <v>0</v>
      </c>
      <c r="AC25" s="270">
        <v>31530</v>
      </c>
      <c r="AD25" s="270">
        <v>284235</v>
      </c>
      <c r="AE25" s="270">
        <v>73160</v>
      </c>
      <c r="AF25" s="270">
        <v>322095</v>
      </c>
      <c r="AG25" s="270">
        <v>84395</v>
      </c>
      <c r="AH25" s="273">
        <v>795415</v>
      </c>
      <c r="AI25" s="274">
        <v>795415</v>
      </c>
      <c r="AJ25" s="269">
        <v>0</v>
      </c>
      <c r="AK25" s="270">
        <v>0</v>
      </c>
      <c r="AL25" s="271">
        <v>0</v>
      </c>
      <c r="AM25" s="470">
        <v>0</v>
      </c>
      <c r="AN25" s="270">
        <v>0</v>
      </c>
      <c r="AO25" s="270">
        <v>0</v>
      </c>
      <c r="AP25" s="270">
        <v>0</v>
      </c>
      <c r="AQ25" s="270">
        <v>0</v>
      </c>
      <c r="AR25" s="270">
        <v>0</v>
      </c>
      <c r="AS25" s="273">
        <v>0</v>
      </c>
      <c r="AT25" s="274">
        <v>0</v>
      </c>
      <c r="AU25" s="269">
        <v>0</v>
      </c>
      <c r="AV25" s="270">
        <v>0</v>
      </c>
      <c r="AW25" s="271">
        <v>0</v>
      </c>
      <c r="AX25" s="470">
        <v>0</v>
      </c>
      <c r="AY25" s="270">
        <v>0</v>
      </c>
      <c r="AZ25" s="270">
        <v>0</v>
      </c>
      <c r="BA25" s="270">
        <v>0</v>
      </c>
      <c r="BB25" s="270">
        <v>72370</v>
      </c>
      <c r="BC25" s="270">
        <v>27280</v>
      </c>
      <c r="BD25" s="273">
        <v>99650</v>
      </c>
      <c r="BE25" s="274">
        <v>99650</v>
      </c>
      <c r="BF25" s="269">
        <v>0</v>
      </c>
      <c r="BG25" s="270">
        <v>0</v>
      </c>
      <c r="BH25" s="271">
        <v>0</v>
      </c>
      <c r="BI25" s="470">
        <v>0</v>
      </c>
      <c r="BJ25" s="270">
        <v>0</v>
      </c>
      <c r="BK25" s="270">
        <v>0</v>
      </c>
      <c r="BL25" s="270">
        <v>27280</v>
      </c>
      <c r="BM25" s="270">
        <v>51925</v>
      </c>
      <c r="BN25" s="270">
        <v>95410</v>
      </c>
      <c r="BO25" s="273">
        <v>174615</v>
      </c>
      <c r="BP25" s="274">
        <v>174615</v>
      </c>
      <c r="BQ25" s="269">
        <v>0</v>
      </c>
      <c r="BR25" s="270">
        <v>0</v>
      </c>
      <c r="BS25" s="271">
        <v>0</v>
      </c>
      <c r="BT25" s="272">
        <v>0</v>
      </c>
      <c r="BU25" s="270">
        <v>1585</v>
      </c>
      <c r="BV25" s="270">
        <v>5750</v>
      </c>
      <c r="BW25" s="270">
        <v>92480</v>
      </c>
      <c r="BX25" s="270">
        <v>-2465</v>
      </c>
      <c r="BY25" s="270">
        <v>8555</v>
      </c>
      <c r="BZ25" s="273">
        <v>105905</v>
      </c>
      <c r="CA25" s="274">
        <v>105905</v>
      </c>
      <c r="CB25" s="269">
        <v>0</v>
      </c>
      <c r="CC25" s="270">
        <v>0</v>
      </c>
      <c r="CD25" s="271">
        <v>0</v>
      </c>
      <c r="CE25" s="272">
        <v>0</v>
      </c>
      <c r="CF25" s="270">
        <v>0</v>
      </c>
      <c r="CG25" s="270">
        <v>0</v>
      </c>
      <c r="CH25" s="270">
        <v>145</v>
      </c>
      <c r="CI25" s="270">
        <v>0</v>
      </c>
      <c r="CJ25" s="270">
        <v>298</v>
      </c>
      <c r="CK25" s="273">
        <v>443</v>
      </c>
      <c r="CL25" s="274">
        <v>443</v>
      </c>
      <c r="CM25" s="269">
        <v>0</v>
      </c>
      <c r="CN25" s="270">
        <v>0</v>
      </c>
      <c r="CO25" s="271">
        <v>0</v>
      </c>
      <c r="CP25" s="272">
        <v>0</v>
      </c>
      <c r="CQ25" s="270">
        <v>0</v>
      </c>
      <c r="CR25" s="270">
        <v>0</v>
      </c>
      <c r="CS25" s="270">
        <v>0</v>
      </c>
      <c r="CT25" s="270">
        <v>0</v>
      </c>
      <c r="CU25" s="270">
        <v>0</v>
      </c>
      <c r="CV25" s="273">
        <v>0</v>
      </c>
      <c r="CW25" s="274">
        <v>0</v>
      </c>
      <c r="CX25" s="269">
        <v>0</v>
      </c>
      <c r="CY25" s="270">
        <v>0</v>
      </c>
      <c r="CZ25" s="271">
        <v>0</v>
      </c>
      <c r="DA25" s="470">
        <v>0</v>
      </c>
      <c r="DB25" s="270">
        <v>0</v>
      </c>
      <c r="DC25" s="270">
        <v>0</v>
      </c>
      <c r="DD25" s="270">
        <v>0</v>
      </c>
      <c r="DE25" s="270">
        <v>0</v>
      </c>
      <c r="DF25" s="270">
        <v>0</v>
      </c>
      <c r="DG25" s="273">
        <v>0</v>
      </c>
      <c r="DH25" s="274">
        <v>0</v>
      </c>
      <c r="DI25" s="269">
        <v>0</v>
      </c>
      <c r="DJ25" s="270">
        <v>0</v>
      </c>
      <c r="DK25" s="271">
        <v>0</v>
      </c>
      <c r="DL25" s="272">
        <v>0</v>
      </c>
      <c r="DM25" s="270">
        <v>48048</v>
      </c>
      <c r="DN25" s="270">
        <v>101464</v>
      </c>
      <c r="DO25" s="270">
        <v>690847</v>
      </c>
      <c r="DP25" s="270">
        <v>972648</v>
      </c>
      <c r="DQ25" s="270">
        <v>475563</v>
      </c>
      <c r="DR25" s="273">
        <v>2288570</v>
      </c>
      <c r="DS25" s="275">
        <v>2288570</v>
      </c>
      <c r="DT25" s="269">
        <v>0</v>
      </c>
      <c r="DU25" s="270">
        <v>0</v>
      </c>
      <c r="DV25" s="271">
        <v>0</v>
      </c>
      <c r="DW25" s="470">
        <v>0</v>
      </c>
      <c r="DX25" s="270">
        <v>26505</v>
      </c>
      <c r="DY25" s="270">
        <v>23281</v>
      </c>
      <c r="DZ25" s="270">
        <v>531331</v>
      </c>
      <c r="EA25" s="270">
        <v>815277</v>
      </c>
      <c r="EB25" s="270">
        <v>301810</v>
      </c>
      <c r="EC25" s="273">
        <v>1698204</v>
      </c>
      <c r="ED25" s="274">
        <v>1698204</v>
      </c>
      <c r="EE25" s="269">
        <v>0</v>
      </c>
      <c r="EF25" s="270">
        <v>0</v>
      </c>
      <c r="EG25" s="271">
        <v>0</v>
      </c>
      <c r="EH25" s="470">
        <v>0</v>
      </c>
      <c r="EI25" s="270">
        <v>20139</v>
      </c>
      <c r="EJ25" s="270">
        <v>68800</v>
      </c>
      <c r="EK25" s="270">
        <v>23095</v>
      </c>
      <c r="EL25" s="270">
        <v>63325</v>
      </c>
      <c r="EM25" s="270">
        <v>12786</v>
      </c>
      <c r="EN25" s="273">
        <v>188145</v>
      </c>
      <c r="EO25" s="274">
        <v>188145</v>
      </c>
      <c r="EP25" s="269">
        <v>0</v>
      </c>
      <c r="EQ25" s="270">
        <v>0</v>
      </c>
      <c r="ER25" s="271">
        <v>0</v>
      </c>
      <c r="ES25" s="470">
        <v>0</v>
      </c>
      <c r="ET25" s="270">
        <v>0</v>
      </c>
      <c r="EU25" s="270">
        <v>0</v>
      </c>
      <c r="EV25" s="270">
        <v>0</v>
      </c>
      <c r="EW25" s="270">
        <v>0</v>
      </c>
      <c r="EX25" s="270">
        <v>0</v>
      </c>
      <c r="EY25" s="273">
        <v>0</v>
      </c>
      <c r="EZ25" s="274">
        <v>0</v>
      </c>
      <c r="FA25" s="269">
        <v>0</v>
      </c>
      <c r="FB25" s="270">
        <v>0</v>
      </c>
      <c r="FC25" s="271">
        <v>0</v>
      </c>
      <c r="FD25" s="470">
        <v>0</v>
      </c>
      <c r="FE25" s="270">
        <v>0</v>
      </c>
      <c r="FF25" s="270">
        <v>0</v>
      </c>
      <c r="FG25" s="270">
        <v>0</v>
      </c>
      <c r="FH25" s="270">
        <v>32936</v>
      </c>
      <c r="FI25" s="270">
        <v>434</v>
      </c>
      <c r="FJ25" s="273">
        <v>33370</v>
      </c>
      <c r="FK25" s="274">
        <v>33370</v>
      </c>
      <c r="FL25" s="269">
        <v>0</v>
      </c>
      <c r="FM25" s="270">
        <v>0</v>
      </c>
      <c r="FN25" s="271">
        <v>0</v>
      </c>
      <c r="FO25" s="470">
        <v>0</v>
      </c>
      <c r="FP25" s="270">
        <v>0</v>
      </c>
      <c r="FQ25" s="270">
        <v>0</v>
      </c>
      <c r="FR25" s="270">
        <v>42780</v>
      </c>
      <c r="FS25" s="270">
        <v>64170</v>
      </c>
      <c r="FT25" s="270">
        <v>138020</v>
      </c>
      <c r="FU25" s="273">
        <v>244970</v>
      </c>
      <c r="FV25" s="274">
        <v>244970</v>
      </c>
      <c r="FW25" s="269">
        <v>0</v>
      </c>
      <c r="FX25" s="270">
        <v>0</v>
      </c>
      <c r="FY25" s="271">
        <v>0</v>
      </c>
      <c r="FZ25" s="272">
        <v>0</v>
      </c>
      <c r="GA25" s="270">
        <v>1404</v>
      </c>
      <c r="GB25" s="270">
        <v>9383</v>
      </c>
      <c r="GC25" s="270">
        <v>93634</v>
      </c>
      <c r="GD25" s="270">
        <v>-3060</v>
      </c>
      <c r="GE25" s="270">
        <v>21060</v>
      </c>
      <c r="GF25" s="273">
        <v>122421</v>
      </c>
      <c r="GG25" s="274">
        <v>122421</v>
      </c>
      <c r="GH25" s="269">
        <v>0</v>
      </c>
      <c r="GI25" s="270">
        <v>0</v>
      </c>
      <c r="GJ25" s="271">
        <v>0</v>
      </c>
      <c r="GK25" s="272">
        <v>0</v>
      </c>
      <c r="GL25" s="270">
        <v>0</v>
      </c>
      <c r="GM25" s="270">
        <v>0</v>
      </c>
      <c r="GN25" s="270">
        <v>7</v>
      </c>
      <c r="GO25" s="270">
        <v>0</v>
      </c>
      <c r="GP25" s="270">
        <v>1453</v>
      </c>
      <c r="GQ25" s="273">
        <v>1460</v>
      </c>
      <c r="GR25" s="274">
        <v>1460</v>
      </c>
      <c r="GS25" s="269">
        <v>0</v>
      </c>
      <c r="GT25" s="270">
        <v>0</v>
      </c>
      <c r="GU25" s="271">
        <v>0</v>
      </c>
      <c r="GV25" s="272">
        <v>0</v>
      </c>
      <c r="GW25" s="270">
        <v>0</v>
      </c>
      <c r="GX25" s="270">
        <v>0</v>
      </c>
      <c r="GY25" s="270">
        <v>0</v>
      </c>
      <c r="GZ25" s="270">
        <v>0</v>
      </c>
      <c r="HA25" s="270">
        <v>0</v>
      </c>
      <c r="HB25" s="273">
        <v>0</v>
      </c>
      <c r="HC25" s="274">
        <v>0</v>
      </c>
      <c r="HD25" s="269">
        <v>0</v>
      </c>
      <c r="HE25" s="270">
        <v>0</v>
      </c>
      <c r="HF25" s="271">
        <v>0</v>
      </c>
      <c r="HG25" s="470">
        <v>0</v>
      </c>
      <c r="HH25" s="270">
        <v>0</v>
      </c>
      <c r="HI25" s="270">
        <v>0</v>
      </c>
      <c r="HJ25" s="270">
        <v>0</v>
      </c>
      <c r="HK25" s="270">
        <v>0</v>
      </c>
      <c r="HL25" s="270">
        <v>0</v>
      </c>
      <c r="HM25" s="273">
        <v>0</v>
      </c>
      <c r="HN25" s="274">
        <v>0</v>
      </c>
      <c r="HO25" s="269">
        <v>0</v>
      </c>
      <c r="HP25" s="270">
        <v>0</v>
      </c>
      <c r="HQ25" s="271">
        <v>0</v>
      </c>
      <c r="HR25" s="272">
        <v>0</v>
      </c>
      <c r="HS25" s="270">
        <v>116658</v>
      </c>
      <c r="HT25" s="270">
        <v>424154</v>
      </c>
      <c r="HU25" s="270">
        <v>1358389</v>
      </c>
      <c r="HV25" s="270">
        <v>2049878</v>
      </c>
      <c r="HW25" s="270">
        <v>906021</v>
      </c>
      <c r="HX25" s="273">
        <v>4855100</v>
      </c>
      <c r="HY25" s="274">
        <v>4855100</v>
      </c>
    </row>
    <row r="26" spans="2:233" ht="21" customHeight="1" x14ac:dyDescent="0.2">
      <c r="B26" s="437" t="s">
        <v>23</v>
      </c>
      <c r="C26" s="269">
        <v>0</v>
      </c>
      <c r="D26" s="270">
        <v>0</v>
      </c>
      <c r="E26" s="271">
        <v>0</v>
      </c>
      <c r="F26" s="272">
        <v>0</v>
      </c>
      <c r="G26" s="270">
        <v>221450</v>
      </c>
      <c r="H26" s="270">
        <v>312310</v>
      </c>
      <c r="I26" s="270">
        <v>1035130</v>
      </c>
      <c r="J26" s="270">
        <v>1289010</v>
      </c>
      <c r="K26" s="270">
        <v>891535</v>
      </c>
      <c r="L26" s="273">
        <v>3749435</v>
      </c>
      <c r="M26" s="274">
        <v>3749435</v>
      </c>
      <c r="N26" s="269">
        <v>0</v>
      </c>
      <c r="O26" s="270">
        <v>0</v>
      </c>
      <c r="P26" s="271">
        <v>0</v>
      </c>
      <c r="Q26" s="470">
        <v>0</v>
      </c>
      <c r="R26" s="270">
        <v>57350</v>
      </c>
      <c r="S26" s="270">
        <v>171995</v>
      </c>
      <c r="T26" s="270">
        <v>698725</v>
      </c>
      <c r="U26" s="270">
        <v>831237</v>
      </c>
      <c r="V26" s="270">
        <v>666720</v>
      </c>
      <c r="W26" s="273">
        <v>2426027</v>
      </c>
      <c r="X26" s="274">
        <v>2426027</v>
      </c>
      <c r="Y26" s="269">
        <v>0</v>
      </c>
      <c r="Z26" s="270">
        <v>0</v>
      </c>
      <c r="AA26" s="271">
        <v>0</v>
      </c>
      <c r="AB26" s="470">
        <v>0</v>
      </c>
      <c r="AC26" s="270">
        <v>158015</v>
      </c>
      <c r="AD26" s="270">
        <v>103380</v>
      </c>
      <c r="AE26" s="270">
        <v>239740</v>
      </c>
      <c r="AF26" s="270">
        <v>377080</v>
      </c>
      <c r="AG26" s="270">
        <v>102990</v>
      </c>
      <c r="AH26" s="273">
        <v>981205</v>
      </c>
      <c r="AI26" s="274">
        <v>981205</v>
      </c>
      <c r="AJ26" s="269">
        <v>0</v>
      </c>
      <c r="AK26" s="270">
        <v>0</v>
      </c>
      <c r="AL26" s="271">
        <v>0</v>
      </c>
      <c r="AM26" s="470">
        <v>0</v>
      </c>
      <c r="AN26" s="270">
        <v>0</v>
      </c>
      <c r="AO26" s="270">
        <v>0</v>
      </c>
      <c r="AP26" s="270">
        <v>0</v>
      </c>
      <c r="AQ26" s="270">
        <v>0</v>
      </c>
      <c r="AR26" s="270">
        <v>60140</v>
      </c>
      <c r="AS26" s="273">
        <v>60140</v>
      </c>
      <c r="AT26" s="274">
        <v>60140</v>
      </c>
      <c r="AU26" s="269">
        <v>0</v>
      </c>
      <c r="AV26" s="270">
        <v>0</v>
      </c>
      <c r="AW26" s="271">
        <v>0</v>
      </c>
      <c r="AX26" s="470">
        <v>0</v>
      </c>
      <c r="AY26" s="270">
        <v>0</v>
      </c>
      <c r="AZ26" s="270">
        <v>0</v>
      </c>
      <c r="BA26" s="270">
        <v>0</v>
      </c>
      <c r="BB26" s="270">
        <v>25265</v>
      </c>
      <c r="BC26" s="270">
        <v>49910</v>
      </c>
      <c r="BD26" s="273">
        <v>75175</v>
      </c>
      <c r="BE26" s="274">
        <v>75175</v>
      </c>
      <c r="BF26" s="269">
        <v>0</v>
      </c>
      <c r="BG26" s="270">
        <v>0</v>
      </c>
      <c r="BH26" s="271">
        <v>0</v>
      </c>
      <c r="BI26" s="470">
        <v>0</v>
      </c>
      <c r="BJ26" s="270">
        <v>0</v>
      </c>
      <c r="BK26" s="270">
        <v>0</v>
      </c>
      <c r="BL26" s="270">
        <v>0</v>
      </c>
      <c r="BM26" s="270">
        <v>0</v>
      </c>
      <c r="BN26" s="270">
        <v>0</v>
      </c>
      <c r="BO26" s="273">
        <v>0</v>
      </c>
      <c r="BP26" s="274">
        <v>0</v>
      </c>
      <c r="BQ26" s="269">
        <v>0</v>
      </c>
      <c r="BR26" s="270">
        <v>0</v>
      </c>
      <c r="BS26" s="271">
        <v>0</v>
      </c>
      <c r="BT26" s="272">
        <v>0</v>
      </c>
      <c r="BU26" s="270">
        <v>6085</v>
      </c>
      <c r="BV26" s="270">
        <v>36935</v>
      </c>
      <c r="BW26" s="270">
        <v>96665</v>
      </c>
      <c r="BX26" s="270">
        <v>55428</v>
      </c>
      <c r="BY26" s="270">
        <v>10615</v>
      </c>
      <c r="BZ26" s="273">
        <v>205728</v>
      </c>
      <c r="CA26" s="274">
        <v>205728</v>
      </c>
      <c r="CB26" s="269">
        <v>0</v>
      </c>
      <c r="CC26" s="270">
        <v>0</v>
      </c>
      <c r="CD26" s="271">
        <v>0</v>
      </c>
      <c r="CE26" s="272">
        <v>0</v>
      </c>
      <c r="CF26" s="270">
        <v>0</v>
      </c>
      <c r="CG26" s="270">
        <v>0</v>
      </c>
      <c r="CH26" s="270">
        <v>0</v>
      </c>
      <c r="CI26" s="270">
        <v>0</v>
      </c>
      <c r="CJ26" s="270">
        <v>1160</v>
      </c>
      <c r="CK26" s="273">
        <v>1160</v>
      </c>
      <c r="CL26" s="274">
        <v>1160</v>
      </c>
      <c r="CM26" s="269">
        <v>0</v>
      </c>
      <c r="CN26" s="270">
        <v>0</v>
      </c>
      <c r="CO26" s="271">
        <v>0</v>
      </c>
      <c r="CP26" s="272">
        <v>0</v>
      </c>
      <c r="CQ26" s="270">
        <v>0</v>
      </c>
      <c r="CR26" s="270">
        <v>0</v>
      </c>
      <c r="CS26" s="270">
        <v>0</v>
      </c>
      <c r="CT26" s="270">
        <v>0</v>
      </c>
      <c r="CU26" s="270">
        <v>0</v>
      </c>
      <c r="CV26" s="273">
        <v>0</v>
      </c>
      <c r="CW26" s="274">
        <v>0</v>
      </c>
      <c r="CX26" s="269">
        <v>0</v>
      </c>
      <c r="CY26" s="270">
        <v>0</v>
      </c>
      <c r="CZ26" s="271">
        <v>0</v>
      </c>
      <c r="DA26" s="470">
        <v>0</v>
      </c>
      <c r="DB26" s="270">
        <v>0</v>
      </c>
      <c r="DC26" s="270">
        <v>0</v>
      </c>
      <c r="DD26" s="270">
        <v>0</v>
      </c>
      <c r="DE26" s="270">
        <v>0</v>
      </c>
      <c r="DF26" s="270">
        <v>0</v>
      </c>
      <c r="DG26" s="273">
        <v>0</v>
      </c>
      <c r="DH26" s="274">
        <v>0</v>
      </c>
      <c r="DI26" s="269">
        <v>0</v>
      </c>
      <c r="DJ26" s="270">
        <v>0</v>
      </c>
      <c r="DK26" s="271">
        <v>0</v>
      </c>
      <c r="DL26" s="272">
        <v>0</v>
      </c>
      <c r="DM26" s="270">
        <v>94105</v>
      </c>
      <c r="DN26" s="270">
        <v>151221</v>
      </c>
      <c r="DO26" s="270">
        <v>993452</v>
      </c>
      <c r="DP26" s="270">
        <v>1109563</v>
      </c>
      <c r="DQ26" s="270">
        <v>766284</v>
      </c>
      <c r="DR26" s="273">
        <v>3114625</v>
      </c>
      <c r="DS26" s="275">
        <v>3114625</v>
      </c>
      <c r="DT26" s="269">
        <v>0</v>
      </c>
      <c r="DU26" s="270">
        <v>0</v>
      </c>
      <c r="DV26" s="271">
        <v>0</v>
      </c>
      <c r="DW26" s="470">
        <v>0</v>
      </c>
      <c r="DX26" s="270">
        <v>33046</v>
      </c>
      <c r="DY26" s="270">
        <v>91266</v>
      </c>
      <c r="DZ26" s="270">
        <v>816970</v>
      </c>
      <c r="EA26" s="270">
        <v>970889</v>
      </c>
      <c r="EB26" s="270">
        <v>683286</v>
      </c>
      <c r="EC26" s="273">
        <v>2595457</v>
      </c>
      <c r="ED26" s="274">
        <v>2595457</v>
      </c>
      <c r="EE26" s="269">
        <v>0</v>
      </c>
      <c r="EF26" s="270">
        <v>0</v>
      </c>
      <c r="EG26" s="271">
        <v>0</v>
      </c>
      <c r="EH26" s="470">
        <v>0</v>
      </c>
      <c r="EI26" s="270">
        <v>49755</v>
      </c>
      <c r="EJ26" s="270">
        <v>23927</v>
      </c>
      <c r="EK26" s="270">
        <v>14559</v>
      </c>
      <c r="EL26" s="270">
        <v>6216</v>
      </c>
      <c r="EM26" s="270">
        <v>38936</v>
      </c>
      <c r="EN26" s="273">
        <v>133393</v>
      </c>
      <c r="EO26" s="274">
        <v>133393</v>
      </c>
      <c r="EP26" s="269">
        <v>0</v>
      </c>
      <c r="EQ26" s="270">
        <v>0</v>
      </c>
      <c r="ER26" s="271">
        <v>0</v>
      </c>
      <c r="ES26" s="470">
        <v>0</v>
      </c>
      <c r="ET26" s="270">
        <v>0</v>
      </c>
      <c r="EU26" s="270">
        <v>0</v>
      </c>
      <c r="EV26" s="270">
        <v>0</v>
      </c>
      <c r="EW26" s="270">
        <v>0</v>
      </c>
      <c r="EX26" s="270">
        <v>11470</v>
      </c>
      <c r="EY26" s="273">
        <v>11470</v>
      </c>
      <c r="EZ26" s="274">
        <v>11470</v>
      </c>
      <c r="FA26" s="269">
        <v>0</v>
      </c>
      <c r="FB26" s="270">
        <v>0</v>
      </c>
      <c r="FC26" s="271">
        <v>0</v>
      </c>
      <c r="FD26" s="470">
        <v>0</v>
      </c>
      <c r="FE26" s="270">
        <v>0</v>
      </c>
      <c r="FF26" s="270">
        <v>0</v>
      </c>
      <c r="FG26" s="270">
        <v>0</v>
      </c>
      <c r="FH26" s="270">
        <v>217</v>
      </c>
      <c r="FI26" s="270">
        <v>434</v>
      </c>
      <c r="FJ26" s="273">
        <v>651</v>
      </c>
      <c r="FK26" s="274">
        <v>651</v>
      </c>
      <c r="FL26" s="269">
        <v>0</v>
      </c>
      <c r="FM26" s="270">
        <v>0</v>
      </c>
      <c r="FN26" s="271">
        <v>0</v>
      </c>
      <c r="FO26" s="470">
        <v>0</v>
      </c>
      <c r="FP26" s="270">
        <v>0</v>
      </c>
      <c r="FQ26" s="270">
        <v>0</v>
      </c>
      <c r="FR26" s="270">
        <v>0</v>
      </c>
      <c r="FS26" s="270">
        <v>0</v>
      </c>
      <c r="FT26" s="270">
        <v>0</v>
      </c>
      <c r="FU26" s="273">
        <v>0</v>
      </c>
      <c r="FV26" s="274">
        <v>0</v>
      </c>
      <c r="FW26" s="269">
        <v>0</v>
      </c>
      <c r="FX26" s="270">
        <v>0</v>
      </c>
      <c r="FY26" s="271">
        <v>0</v>
      </c>
      <c r="FZ26" s="272">
        <v>0</v>
      </c>
      <c r="GA26" s="270">
        <v>11304</v>
      </c>
      <c r="GB26" s="270">
        <v>36028</v>
      </c>
      <c r="GC26" s="270">
        <v>161923</v>
      </c>
      <c r="GD26" s="270">
        <v>132241</v>
      </c>
      <c r="GE26" s="270">
        <v>28936</v>
      </c>
      <c r="GF26" s="273">
        <v>370432</v>
      </c>
      <c r="GG26" s="274">
        <v>370432</v>
      </c>
      <c r="GH26" s="269">
        <v>0</v>
      </c>
      <c r="GI26" s="270">
        <v>0</v>
      </c>
      <c r="GJ26" s="271">
        <v>0</v>
      </c>
      <c r="GK26" s="272">
        <v>0</v>
      </c>
      <c r="GL26" s="270">
        <v>0</v>
      </c>
      <c r="GM26" s="270">
        <v>0</v>
      </c>
      <c r="GN26" s="270">
        <v>0</v>
      </c>
      <c r="GO26" s="270">
        <v>0</v>
      </c>
      <c r="GP26" s="270">
        <v>3222</v>
      </c>
      <c r="GQ26" s="273">
        <v>3222</v>
      </c>
      <c r="GR26" s="274">
        <v>3222</v>
      </c>
      <c r="GS26" s="269">
        <v>0</v>
      </c>
      <c r="GT26" s="270">
        <v>0</v>
      </c>
      <c r="GU26" s="271">
        <v>0</v>
      </c>
      <c r="GV26" s="272">
        <v>0</v>
      </c>
      <c r="GW26" s="270">
        <v>0</v>
      </c>
      <c r="GX26" s="270">
        <v>0</v>
      </c>
      <c r="GY26" s="270">
        <v>0</v>
      </c>
      <c r="GZ26" s="270">
        <v>0</v>
      </c>
      <c r="HA26" s="270">
        <v>0</v>
      </c>
      <c r="HB26" s="273">
        <v>0</v>
      </c>
      <c r="HC26" s="274">
        <v>0</v>
      </c>
      <c r="HD26" s="269">
        <v>0</v>
      </c>
      <c r="HE26" s="270">
        <v>0</v>
      </c>
      <c r="HF26" s="271">
        <v>0</v>
      </c>
      <c r="HG26" s="470">
        <v>0</v>
      </c>
      <c r="HH26" s="270">
        <v>0</v>
      </c>
      <c r="HI26" s="270">
        <v>0</v>
      </c>
      <c r="HJ26" s="270">
        <v>0</v>
      </c>
      <c r="HK26" s="270">
        <v>0</v>
      </c>
      <c r="HL26" s="270">
        <v>0</v>
      </c>
      <c r="HM26" s="273">
        <v>0</v>
      </c>
      <c r="HN26" s="274">
        <v>0</v>
      </c>
      <c r="HO26" s="269">
        <v>0</v>
      </c>
      <c r="HP26" s="270">
        <v>0</v>
      </c>
      <c r="HQ26" s="271">
        <v>0</v>
      </c>
      <c r="HR26" s="272">
        <v>0</v>
      </c>
      <c r="HS26" s="270">
        <v>315555</v>
      </c>
      <c r="HT26" s="270">
        <v>463531</v>
      </c>
      <c r="HU26" s="270">
        <v>2028582</v>
      </c>
      <c r="HV26" s="270">
        <v>2398573</v>
      </c>
      <c r="HW26" s="270">
        <v>1657819</v>
      </c>
      <c r="HX26" s="273">
        <v>6864060</v>
      </c>
      <c r="HY26" s="274">
        <v>6864060</v>
      </c>
    </row>
    <row r="27" spans="2:233" ht="21" customHeight="1" x14ac:dyDescent="0.2">
      <c r="B27" s="437" t="s">
        <v>24</v>
      </c>
      <c r="C27" s="269">
        <v>0</v>
      </c>
      <c r="D27" s="270">
        <v>0</v>
      </c>
      <c r="E27" s="271">
        <v>0</v>
      </c>
      <c r="F27" s="272">
        <v>0</v>
      </c>
      <c r="G27" s="270">
        <v>64275</v>
      </c>
      <c r="H27" s="270">
        <v>37380</v>
      </c>
      <c r="I27" s="270">
        <v>333800</v>
      </c>
      <c r="J27" s="270">
        <v>919655</v>
      </c>
      <c r="K27" s="270">
        <v>336140</v>
      </c>
      <c r="L27" s="273">
        <v>1691250</v>
      </c>
      <c r="M27" s="274">
        <v>1691250</v>
      </c>
      <c r="N27" s="269">
        <v>0</v>
      </c>
      <c r="O27" s="270">
        <v>0</v>
      </c>
      <c r="P27" s="271">
        <v>0</v>
      </c>
      <c r="Q27" s="470">
        <v>0</v>
      </c>
      <c r="R27" s="270">
        <v>0</v>
      </c>
      <c r="S27" s="270">
        <v>0</v>
      </c>
      <c r="T27" s="270">
        <v>182590</v>
      </c>
      <c r="U27" s="270">
        <v>682995</v>
      </c>
      <c r="V27" s="270">
        <v>153870</v>
      </c>
      <c r="W27" s="273">
        <v>1019455</v>
      </c>
      <c r="X27" s="274">
        <v>1019455</v>
      </c>
      <c r="Y27" s="269">
        <v>0</v>
      </c>
      <c r="Z27" s="270">
        <v>0</v>
      </c>
      <c r="AA27" s="271">
        <v>0</v>
      </c>
      <c r="AB27" s="470">
        <v>0</v>
      </c>
      <c r="AC27" s="270">
        <v>50490</v>
      </c>
      <c r="AD27" s="270">
        <v>35340</v>
      </c>
      <c r="AE27" s="270">
        <v>114080</v>
      </c>
      <c r="AF27" s="270">
        <v>109420</v>
      </c>
      <c r="AG27" s="270">
        <v>139545</v>
      </c>
      <c r="AH27" s="273">
        <v>448875</v>
      </c>
      <c r="AI27" s="274">
        <v>448875</v>
      </c>
      <c r="AJ27" s="269">
        <v>0</v>
      </c>
      <c r="AK27" s="270">
        <v>0</v>
      </c>
      <c r="AL27" s="271">
        <v>0</v>
      </c>
      <c r="AM27" s="470">
        <v>0</v>
      </c>
      <c r="AN27" s="270">
        <v>0</v>
      </c>
      <c r="AO27" s="270">
        <v>0</v>
      </c>
      <c r="AP27" s="270">
        <v>0</v>
      </c>
      <c r="AQ27" s="270">
        <v>0</v>
      </c>
      <c r="AR27" s="270">
        <v>0</v>
      </c>
      <c r="AS27" s="273">
        <v>0</v>
      </c>
      <c r="AT27" s="274">
        <v>0</v>
      </c>
      <c r="AU27" s="269">
        <v>0</v>
      </c>
      <c r="AV27" s="270">
        <v>0</v>
      </c>
      <c r="AW27" s="271">
        <v>0</v>
      </c>
      <c r="AX27" s="470">
        <v>0</v>
      </c>
      <c r="AY27" s="270">
        <v>0</v>
      </c>
      <c r="AZ27" s="270">
        <v>0</v>
      </c>
      <c r="BA27" s="270">
        <v>0</v>
      </c>
      <c r="BB27" s="270">
        <v>0</v>
      </c>
      <c r="BC27" s="270">
        <v>0</v>
      </c>
      <c r="BD27" s="273">
        <v>0</v>
      </c>
      <c r="BE27" s="274">
        <v>0</v>
      </c>
      <c r="BF27" s="269">
        <v>0</v>
      </c>
      <c r="BG27" s="270">
        <v>0</v>
      </c>
      <c r="BH27" s="271">
        <v>0</v>
      </c>
      <c r="BI27" s="470">
        <v>0</v>
      </c>
      <c r="BJ27" s="270">
        <v>0</v>
      </c>
      <c r="BK27" s="270">
        <v>0</v>
      </c>
      <c r="BL27" s="270">
        <v>0</v>
      </c>
      <c r="BM27" s="270">
        <v>0</v>
      </c>
      <c r="BN27" s="270">
        <v>0</v>
      </c>
      <c r="BO27" s="273">
        <v>0</v>
      </c>
      <c r="BP27" s="274">
        <v>0</v>
      </c>
      <c r="BQ27" s="269">
        <v>0</v>
      </c>
      <c r="BR27" s="270">
        <v>0</v>
      </c>
      <c r="BS27" s="271">
        <v>0</v>
      </c>
      <c r="BT27" s="272">
        <v>0</v>
      </c>
      <c r="BU27" s="270">
        <v>13785</v>
      </c>
      <c r="BV27" s="270">
        <v>2040</v>
      </c>
      <c r="BW27" s="270">
        <v>37130</v>
      </c>
      <c r="BX27" s="270">
        <v>127240</v>
      </c>
      <c r="BY27" s="270">
        <v>34565</v>
      </c>
      <c r="BZ27" s="273">
        <v>214760</v>
      </c>
      <c r="CA27" s="274">
        <v>214760</v>
      </c>
      <c r="CB27" s="269">
        <v>0</v>
      </c>
      <c r="CC27" s="270">
        <v>0</v>
      </c>
      <c r="CD27" s="271">
        <v>0</v>
      </c>
      <c r="CE27" s="272">
        <v>0</v>
      </c>
      <c r="CF27" s="270">
        <v>0</v>
      </c>
      <c r="CG27" s="270">
        <v>0</v>
      </c>
      <c r="CH27" s="270">
        <v>0</v>
      </c>
      <c r="CI27" s="270">
        <v>0</v>
      </c>
      <c r="CJ27" s="270">
        <v>8160</v>
      </c>
      <c r="CK27" s="273">
        <v>8160</v>
      </c>
      <c r="CL27" s="274">
        <v>8160</v>
      </c>
      <c r="CM27" s="269">
        <v>0</v>
      </c>
      <c r="CN27" s="270">
        <v>0</v>
      </c>
      <c r="CO27" s="271">
        <v>0</v>
      </c>
      <c r="CP27" s="272">
        <v>0</v>
      </c>
      <c r="CQ27" s="270">
        <v>0</v>
      </c>
      <c r="CR27" s="270">
        <v>0</v>
      </c>
      <c r="CS27" s="270">
        <v>0</v>
      </c>
      <c r="CT27" s="270">
        <v>0</v>
      </c>
      <c r="CU27" s="270">
        <v>0</v>
      </c>
      <c r="CV27" s="273">
        <v>0</v>
      </c>
      <c r="CW27" s="274">
        <v>0</v>
      </c>
      <c r="CX27" s="269">
        <v>0</v>
      </c>
      <c r="CY27" s="270">
        <v>0</v>
      </c>
      <c r="CZ27" s="271">
        <v>0</v>
      </c>
      <c r="DA27" s="470">
        <v>0</v>
      </c>
      <c r="DB27" s="270">
        <v>0</v>
      </c>
      <c r="DC27" s="270">
        <v>0</v>
      </c>
      <c r="DD27" s="270">
        <v>0</v>
      </c>
      <c r="DE27" s="270">
        <v>0</v>
      </c>
      <c r="DF27" s="270">
        <v>0</v>
      </c>
      <c r="DG27" s="273">
        <v>0</v>
      </c>
      <c r="DH27" s="274">
        <v>0</v>
      </c>
      <c r="DI27" s="269">
        <v>0</v>
      </c>
      <c r="DJ27" s="270">
        <v>0</v>
      </c>
      <c r="DK27" s="271">
        <v>0</v>
      </c>
      <c r="DL27" s="272">
        <v>0</v>
      </c>
      <c r="DM27" s="270">
        <v>27397</v>
      </c>
      <c r="DN27" s="270">
        <v>49511</v>
      </c>
      <c r="DO27" s="270">
        <v>306013</v>
      </c>
      <c r="DP27" s="270">
        <v>904509</v>
      </c>
      <c r="DQ27" s="270">
        <v>406202</v>
      </c>
      <c r="DR27" s="273">
        <v>1693632</v>
      </c>
      <c r="DS27" s="275">
        <v>1693632</v>
      </c>
      <c r="DT27" s="269">
        <v>0</v>
      </c>
      <c r="DU27" s="270">
        <v>0</v>
      </c>
      <c r="DV27" s="271">
        <v>0</v>
      </c>
      <c r="DW27" s="470">
        <v>0</v>
      </c>
      <c r="DX27" s="270">
        <v>0</v>
      </c>
      <c r="DY27" s="270">
        <v>0</v>
      </c>
      <c r="DZ27" s="270">
        <v>172360</v>
      </c>
      <c r="EA27" s="270">
        <v>772691</v>
      </c>
      <c r="EB27" s="270">
        <v>340953</v>
      </c>
      <c r="EC27" s="273">
        <v>1286004</v>
      </c>
      <c r="ED27" s="274">
        <v>1286004</v>
      </c>
      <c r="EE27" s="269">
        <v>0</v>
      </c>
      <c r="EF27" s="270">
        <v>0</v>
      </c>
      <c r="EG27" s="271">
        <v>0</v>
      </c>
      <c r="EH27" s="470">
        <v>0</v>
      </c>
      <c r="EI27" s="270">
        <v>588</v>
      </c>
      <c r="EJ27" s="270">
        <v>36983</v>
      </c>
      <c r="EK27" s="270">
        <v>81995</v>
      </c>
      <c r="EL27" s="270">
        <v>1295</v>
      </c>
      <c r="EM27" s="270">
        <v>28201</v>
      </c>
      <c r="EN27" s="273">
        <v>149062</v>
      </c>
      <c r="EO27" s="274">
        <v>149062</v>
      </c>
      <c r="EP27" s="269">
        <v>0</v>
      </c>
      <c r="EQ27" s="270">
        <v>0</v>
      </c>
      <c r="ER27" s="271">
        <v>0</v>
      </c>
      <c r="ES27" s="470">
        <v>0</v>
      </c>
      <c r="ET27" s="270">
        <v>0</v>
      </c>
      <c r="EU27" s="270">
        <v>0</v>
      </c>
      <c r="EV27" s="270">
        <v>0</v>
      </c>
      <c r="EW27" s="270">
        <v>0</v>
      </c>
      <c r="EX27" s="270">
        <v>0</v>
      </c>
      <c r="EY27" s="273">
        <v>0</v>
      </c>
      <c r="EZ27" s="274">
        <v>0</v>
      </c>
      <c r="FA27" s="269">
        <v>0</v>
      </c>
      <c r="FB27" s="270">
        <v>0</v>
      </c>
      <c r="FC27" s="271">
        <v>0</v>
      </c>
      <c r="FD27" s="470">
        <v>0</v>
      </c>
      <c r="FE27" s="270">
        <v>0</v>
      </c>
      <c r="FF27" s="270">
        <v>0</v>
      </c>
      <c r="FG27" s="270">
        <v>0</v>
      </c>
      <c r="FH27" s="270">
        <v>0</v>
      </c>
      <c r="FI27" s="270">
        <v>0</v>
      </c>
      <c r="FJ27" s="273">
        <v>0</v>
      </c>
      <c r="FK27" s="274">
        <v>0</v>
      </c>
      <c r="FL27" s="269">
        <v>0</v>
      </c>
      <c r="FM27" s="270">
        <v>0</v>
      </c>
      <c r="FN27" s="271">
        <v>0</v>
      </c>
      <c r="FO27" s="470">
        <v>0</v>
      </c>
      <c r="FP27" s="270">
        <v>0</v>
      </c>
      <c r="FQ27" s="270">
        <v>0</v>
      </c>
      <c r="FR27" s="270">
        <v>0</v>
      </c>
      <c r="FS27" s="270">
        <v>0</v>
      </c>
      <c r="FT27" s="270">
        <v>0</v>
      </c>
      <c r="FU27" s="273">
        <v>0</v>
      </c>
      <c r="FV27" s="274">
        <v>0</v>
      </c>
      <c r="FW27" s="269">
        <v>0</v>
      </c>
      <c r="FX27" s="270">
        <v>0</v>
      </c>
      <c r="FY27" s="271">
        <v>0</v>
      </c>
      <c r="FZ27" s="272">
        <v>0</v>
      </c>
      <c r="GA27" s="270">
        <v>26809</v>
      </c>
      <c r="GB27" s="270">
        <v>12528</v>
      </c>
      <c r="GC27" s="270">
        <v>51658</v>
      </c>
      <c r="GD27" s="270">
        <v>130523</v>
      </c>
      <c r="GE27" s="270">
        <v>36978</v>
      </c>
      <c r="GF27" s="273">
        <v>258496</v>
      </c>
      <c r="GG27" s="274">
        <v>258496</v>
      </c>
      <c r="GH27" s="269">
        <v>0</v>
      </c>
      <c r="GI27" s="270">
        <v>0</v>
      </c>
      <c r="GJ27" s="271">
        <v>0</v>
      </c>
      <c r="GK27" s="272">
        <v>0</v>
      </c>
      <c r="GL27" s="270">
        <v>0</v>
      </c>
      <c r="GM27" s="270">
        <v>0</v>
      </c>
      <c r="GN27" s="270">
        <v>0</v>
      </c>
      <c r="GO27" s="270">
        <v>0</v>
      </c>
      <c r="GP27" s="270">
        <v>70</v>
      </c>
      <c r="GQ27" s="273">
        <v>70</v>
      </c>
      <c r="GR27" s="274">
        <v>70</v>
      </c>
      <c r="GS27" s="269">
        <v>0</v>
      </c>
      <c r="GT27" s="270">
        <v>0</v>
      </c>
      <c r="GU27" s="271">
        <v>0</v>
      </c>
      <c r="GV27" s="272">
        <v>0</v>
      </c>
      <c r="GW27" s="270">
        <v>0</v>
      </c>
      <c r="GX27" s="270">
        <v>0</v>
      </c>
      <c r="GY27" s="270">
        <v>0</v>
      </c>
      <c r="GZ27" s="270">
        <v>0</v>
      </c>
      <c r="HA27" s="270">
        <v>0</v>
      </c>
      <c r="HB27" s="273">
        <v>0</v>
      </c>
      <c r="HC27" s="274">
        <v>0</v>
      </c>
      <c r="HD27" s="269">
        <v>0</v>
      </c>
      <c r="HE27" s="270">
        <v>0</v>
      </c>
      <c r="HF27" s="271">
        <v>0</v>
      </c>
      <c r="HG27" s="470">
        <v>0</v>
      </c>
      <c r="HH27" s="270">
        <v>0</v>
      </c>
      <c r="HI27" s="270">
        <v>0</v>
      </c>
      <c r="HJ27" s="270">
        <v>0</v>
      </c>
      <c r="HK27" s="270">
        <v>0</v>
      </c>
      <c r="HL27" s="270">
        <v>0</v>
      </c>
      <c r="HM27" s="273">
        <v>0</v>
      </c>
      <c r="HN27" s="274">
        <v>0</v>
      </c>
      <c r="HO27" s="269">
        <v>0</v>
      </c>
      <c r="HP27" s="270">
        <v>0</v>
      </c>
      <c r="HQ27" s="271">
        <v>0</v>
      </c>
      <c r="HR27" s="272">
        <v>0</v>
      </c>
      <c r="HS27" s="270">
        <v>91672</v>
      </c>
      <c r="HT27" s="270">
        <v>86891</v>
      </c>
      <c r="HU27" s="270">
        <v>639813</v>
      </c>
      <c r="HV27" s="270">
        <v>1824164</v>
      </c>
      <c r="HW27" s="270">
        <v>742342</v>
      </c>
      <c r="HX27" s="273">
        <v>3384882</v>
      </c>
      <c r="HY27" s="274">
        <v>3384882</v>
      </c>
    </row>
    <row r="28" spans="2:233" ht="21" customHeight="1" x14ac:dyDescent="0.2">
      <c r="B28" s="437" t="s">
        <v>25</v>
      </c>
      <c r="C28" s="269">
        <v>0</v>
      </c>
      <c r="D28" s="270">
        <v>1015</v>
      </c>
      <c r="E28" s="271">
        <v>1015</v>
      </c>
      <c r="F28" s="272">
        <v>0</v>
      </c>
      <c r="G28" s="270">
        <v>43996</v>
      </c>
      <c r="H28" s="270">
        <v>184513</v>
      </c>
      <c r="I28" s="270">
        <v>497510</v>
      </c>
      <c r="J28" s="270">
        <v>687810</v>
      </c>
      <c r="K28" s="270">
        <v>506635</v>
      </c>
      <c r="L28" s="273">
        <v>1920464</v>
      </c>
      <c r="M28" s="274">
        <v>1921479</v>
      </c>
      <c r="N28" s="269">
        <v>0</v>
      </c>
      <c r="O28" s="270">
        <v>0</v>
      </c>
      <c r="P28" s="271">
        <v>0</v>
      </c>
      <c r="Q28" s="470">
        <v>0</v>
      </c>
      <c r="R28" s="270">
        <v>0</v>
      </c>
      <c r="S28" s="270">
        <v>2635</v>
      </c>
      <c r="T28" s="270">
        <v>326145</v>
      </c>
      <c r="U28" s="270">
        <v>463630</v>
      </c>
      <c r="V28" s="270">
        <v>389450</v>
      </c>
      <c r="W28" s="273">
        <v>1181860</v>
      </c>
      <c r="X28" s="274">
        <v>1181860</v>
      </c>
      <c r="Y28" s="269">
        <v>0</v>
      </c>
      <c r="Z28" s="270">
        <v>0</v>
      </c>
      <c r="AA28" s="271">
        <v>0</v>
      </c>
      <c r="AB28" s="470">
        <v>0</v>
      </c>
      <c r="AC28" s="270">
        <v>29915</v>
      </c>
      <c r="AD28" s="270">
        <v>157130</v>
      </c>
      <c r="AE28" s="270">
        <v>97490</v>
      </c>
      <c r="AF28" s="270">
        <v>194520</v>
      </c>
      <c r="AG28" s="270">
        <v>84480</v>
      </c>
      <c r="AH28" s="273">
        <v>563535</v>
      </c>
      <c r="AI28" s="274">
        <v>563535</v>
      </c>
      <c r="AJ28" s="269">
        <v>0</v>
      </c>
      <c r="AK28" s="270">
        <v>0</v>
      </c>
      <c r="AL28" s="271">
        <v>0</v>
      </c>
      <c r="AM28" s="470">
        <v>0</v>
      </c>
      <c r="AN28" s="270">
        <v>0</v>
      </c>
      <c r="AO28" s="270">
        <v>0</v>
      </c>
      <c r="AP28" s="270">
        <v>0</v>
      </c>
      <c r="AQ28" s="270">
        <v>0</v>
      </c>
      <c r="AR28" s="270">
        <v>0</v>
      </c>
      <c r="AS28" s="273">
        <v>0</v>
      </c>
      <c r="AT28" s="274">
        <v>0</v>
      </c>
      <c r="AU28" s="269">
        <v>0</v>
      </c>
      <c r="AV28" s="270">
        <v>0</v>
      </c>
      <c r="AW28" s="271">
        <v>0</v>
      </c>
      <c r="AX28" s="470">
        <v>0</v>
      </c>
      <c r="AY28" s="270">
        <v>0</v>
      </c>
      <c r="AZ28" s="270">
        <v>0</v>
      </c>
      <c r="BA28" s="270">
        <v>0</v>
      </c>
      <c r="BB28" s="270">
        <v>0</v>
      </c>
      <c r="BC28" s="270">
        <v>32705</v>
      </c>
      <c r="BD28" s="273">
        <v>32705</v>
      </c>
      <c r="BE28" s="274">
        <v>32705</v>
      </c>
      <c r="BF28" s="269">
        <v>0</v>
      </c>
      <c r="BG28" s="270">
        <v>0</v>
      </c>
      <c r="BH28" s="271">
        <v>0</v>
      </c>
      <c r="BI28" s="470">
        <v>0</v>
      </c>
      <c r="BJ28" s="270">
        <v>0</v>
      </c>
      <c r="BK28" s="270">
        <v>0</v>
      </c>
      <c r="BL28" s="270">
        <v>0</v>
      </c>
      <c r="BM28" s="270">
        <v>0</v>
      </c>
      <c r="BN28" s="270">
        <v>0</v>
      </c>
      <c r="BO28" s="273">
        <v>0</v>
      </c>
      <c r="BP28" s="274">
        <v>0</v>
      </c>
      <c r="BQ28" s="269">
        <v>0</v>
      </c>
      <c r="BR28" s="270">
        <v>1015</v>
      </c>
      <c r="BS28" s="271">
        <v>1015</v>
      </c>
      <c r="BT28" s="272">
        <v>0</v>
      </c>
      <c r="BU28" s="270">
        <v>14081</v>
      </c>
      <c r="BV28" s="270">
        <v>27868</v>
      </c>
      <c r="BW28" s="270">
        <v>62535</v>
      </c>
      <c r="BX28" s="270">
        <v>29660</v>
      </c>
      <c r="BY28" s="270">
        <v>0</v>
      </c>
      <c r="BZ28" s="273">
        <v>134144</v>
      </c>
      <c r="CA28" s="274">
        <v>135159</v>
      </c>
      <c r="CB28" s="269">
        <v>0</v>
      </c>
      <c r="CC28" s="270">
        <v>0</v>
      </c>
      <c r="CD28" s="271">
        <v>0</v>
      </c>
      <c r="CE28" s="272">
        <v>0</v>
      </c>
      <c r="CF28" s="270">
        <v>0</v>
      </c>
      <c r="CG28" s="270">
        <v>-3120</v>
      </c>
      <c r="CH28" s="270">
        <v>11340</v>
      </c>
      <c r="CI28" s="270">
        <v>0</v>
      </c>
      <c r="CJ28" s="270">
        <v>0</v>
      </c>
      <c r="CK28" s="273">
        <v>8220</v>
      </c>
      <c r="CL28" s="274">
        <v>8220</v>
      </c>
      <c r="CM28" s="269">
        <v>0</v>
      </c>
      <c r="CN28" s="270">
        <v>0</v>
      </c>
      <c r="CO28" s="271">
        <v>0</v>
      </c>
      <c r="CP28" s="272">
        <v>0</v>
      </c>
      <c r="CQ28" s="270">
        <v>0</v>
      </c>
      <c r="CR28" s="270">
        <v>0</v>
      </c>
      <c r="CS28" s="270">
        <v>0</v>
      </c>
      <c r="CT28" s="270">
        <v>0</v>
      </c>
      <c r="CU28" s="270">
        <v>0</v>
      </c>
      <c r="CV28" s="273">
        <v>0</v>
      </c>
      <c r="CW28" s="274">
        <v>0</v>
      </c>
      <c r="CX28" s="269">
        <v>0</v>
      </c>
      <c r="CY28" s="270">
        <v>0</v>
      </c>
      <c r="CZ28" s="271">
        <v>0</v>
      </c>
      <c r="DA28" s="470">
        <v>0</v>
      </c>
      <c r="DB28" s="270">
        <v>0</v>
      </c>
      <c r="DC28" s="270">
        <v>0</v>
      </c>
      <c r="DD28" s="270">
        <v>0</v>
      </c>
      <c r="DE28" s="270">
        <v>0</v>
      </c>
      <c r="DF28" s="270">
        <v>0</v>
      </c>
      <c r="DG28" s="273">
        <v>0</v>
      </c>
      <c r="DH28" s="274">
        <v>0</v>
      </c>
      <c r="DI28" s="269">
        <v>0</v>
      </c>
      <c r="DJ28" s="270">
        <v>3395</v>
      </c>
      <c r="DK28" s="271">
        <v>3395</v>
      </c>
      <c r="DL28" s="272">
        <v>0</v>
      </c>
      <c r="DM28" s="270">
        <v>23523</v>
      </c>
      <c r="DN28" s="270">
        <v>83960</v>
      </c>
      <c r="DO28" s="270">
        <v>613689</v>
      </c>
      <c r="DP28" s="270">
        <v>911444</v>
      </c>
      <c r="DQ28" s="270">
        <v>357583</v>
      </c>
      <c r="DR28" s="273">
        <v>1990199</v>
      </c>
      <c r="DS28" s="275">
        <v>1993594</v>
      </c>
      <c r="DT28" s="269">
        <v>0</v>
      </c>
      <c r="DU28" s="270">
        <v>0</v>
      </c>
      <c r="DV28" s="271">
        <v>0</v>
      </c>
      <c r="DW28" s="470">
        <v>0</v>
      </c>
      <c r="DX28" s="270">
        <v>0</v>
      </c>
      <c r="DY28" s="270">
        <v>15035</v>
      </c>
      <c r="DZ28" s="270">
        <v>518365</v>
      </c>
      <c r="EA28" s="270">
        <v>830955</v>
      </c>
      <c r="EB28" s="270">
        <v>356246</v>
      </c>
      <c r="EC28" s="273">
        <v>1720601</v>
      </c>
      <c r="ED28" s="274">
        <v>1720601</v>
      </c>
      <c r="EE28" s="269">
        <v>0</v>
      </c>
      <c r="EF28" s="270">
        <v>0</v>
      </c>
      <c r="EG28" s="271">
        <v>0</v>
      </c>
      <c r="EH28" s="470">
        <v>0</v>
      </c>
      <c r="EI28" s="270">
        <v>651</v>
      </c>
      <c r="EJ28" s="270">
        <v>24606</v>
      </c>
      <c r="EK28" s="270">
        <v>9319</v>
      </c>
      <c r="EL28" s="270">
        <v>38036</v>
      </c>
      <c r="EM28" s="270">
        <v>1120</v>
      </c>
      <c r="EN28" s="273">
        <v>73732</v>
      </c>
      <c r="EO28" s="274">
        <v>73732</v>
      </c>
      <c r="EP28" s="269">
        <v>0</v>
      </c>
      <c r="EQ28" s="270">
        <v>0</v>
      </c>
      <c r="ER28" s="271">
        <v>0</v>
      </c>
      <c r="ES28" s="470">
        <v>0</v>
      </c>
      <c r="ET28" s="270">
        <v>0</v>
      </c>
      <c r="EU28" s="270">
        <v>0</v>
      </c>
      <c r="EV28" s="270">
        <v>0</v>
      </c>
      <c r="EW28" s="270">
        <v>0</v>
      </c>
      <c r="EX28" s="270">
        <v>0</v>
      </c>
      <c r="EY28" s="273">
        <v>0</v>
      </c>
      <c r="EZ28" s="274">
        <v>0</v>
      </c>
      <c r="FA28" s="269">
        <v>0</v>
      </c>
      <c r="FB28" s="270">
        <v>0</v>
      </c>
      <c r="FC28" s="271">
        <v>0</v>
      </c>
      <c r="FD28" s="470">
        <v>0</v>
      </c>
      <c r="FE28" s="270">
        <v>0</v>
      </c>
      <c r="FF28" s="270">
        <v>0</v>
      </c>
      <c r="FG28" s="270">
        <v>0</v>
      </c>
      <c r="FH28" s="270">
        <v>0</v>
      </c>
      <c r="FI28" s="270">
        <v>217</v>
      </c>
      <c r="FJ28" s="273">
        <v>217</v>
      </c>
      <c r="FK28" s="274">
        <v>217</v>
      </c>
      <c r="FL28" s="269">
        <v>0</v>
      </c>
      <c r="FM28" s="270">
        <v>0</v>
      </c>
      <c r="FN28" s="271">
        <v>0</v>
      </c>
      <c r="FO28" s="470">
        <v>0</v>
      </c>
      <c r="FP28" s="270">
        <v>0</v>
      </c>
      <c r="FQ28" s="270">
        <v>0</v>
      </c>
      <c r="FR28" s="270">
        <v>0</v>
      </c>
      <c r="FS28" s="270">
        <v>0</v>
      </c>
      <c r="FT28" s="270">
        <v>0</v>
      </c>
      <c r="FU28" s="273">
        <v>0</v>
      </c>
      <c r="FV28" s="274">
        <v>0</v>
      </c>
      <c r="FW28" s="269">
        <v>0</v>
      </c>
      <c r="FX28" s="270">
        <v>3395</v>
      </c>
      <c r="FY28" s="271">
        <v>3395</v>
      </c>
      <c r="FZ28" s="272">
        <v>0</v>
      </c>
      <c r="GA28" s="270">
        <v>22872</v>
      </c>
      <c r="GB28" s="270">
        <v>44319</v>
      </c>
      <c r="GC28" s="270">
        <v>82849</v>
      </c>
      <c r="GD28" s="270">
        <v>42453</v>
      </c>
      <c r="GE28" s="270">
        <v>0</v>
      </c>
      <c r="GF28" s="273">
        <v>192493</v>
      </c>
      <c r="GG28" s="274">
        <v>195888</v>
      </c>
      <c r="GH28" s="269">
        <v>0</v>
      </c>
      <c r="GI28" s="270">
        <v>0</v>
      </c>
      <c r="GJ28" s="271">
        <v>0</v>
      </c>
      <c r="GK28" s="272">
        <v>0</v>
      </c>
      <c r="GL28" s="270">
        <v>0</v>
      </c>
      <c r="GM28" s="270">
        <v>0</v>
      </c>
      <c r="GN28" s="270">
        <v>3156</v>
      </c>
      <c r="GO28" s="270">
        <v>0</v>
      </c>
      <c r="GP28" s="270">
        <v>0</v>
      </c>
      <c r="GQ28" s="273">
        <v>3156</v>
      </c>
      <c r="GR28" s="274">
        <v>3156</v>
      </c>
      <c r="GS28" s="269">
        <v>0</v>
      </c>
      <c r="GT28" s="270">
        <v>0</v>
      </c>
      <c r="GU28" s="271">
        <v>0</v>
      </c>
      <c r="GV28" s="272">
        <v>0</v>
      </c>
      <c r="GW28" s="270">
        <v>0</v>
      </c>
      <c r="GX28" s="270">
        <v>0</v>
      </c>
      <c r="GY28" s="270">
        <v>0</v>
      </c>
      <c r="GZ28" s="270">
        <v>0</v>
      </c>
      <c r="HA28" s="270">
        <v>0</v>
      </c>
      <c r="HB28" s="273">
        <v>0</v>
      </c>
      <c r="HC28" s="274">
        <v>0</v>
      </c>
      <c r="HD28" s="269">
        <v>0</v>
      </c>
      <c r="HE28" s="270">
        <v>0</v>
      </c>
      <c r="HF28" s="271">
        <v>0</v>
      </c>
      <c r="HG28" s="470">
        <v>0</v>
      </c>
      <c r="HH28" s="270">
        <v>0</v>
      </c>
      <c r="HI28" s="270">
        <v>0</v>
      </c>
      <c r="HJ28" s="270">
        <v>0</v>
      </c>
      <c r="HK28" s="270">
        <v>0</v>
      </c>
      <c r="HL28" s="270">
        <v>0</v>
      </c>
      <c r="HM28" s="273">
        <v>0</v>
      </c>
      <c r="HN28" s="274">
        <v>0</v>
      </c>
      <c r="HO28" s="269">
        <v>0</v>
      </c>
      <c r="HP28" s="270">
        <v>4410</v>
      </c>
      <c r="HQ28" s="271">
        <v>4410</v>
      </c>
      <c r="HR28" s="272">
        <v>0</v>
      </c>
      <c r="HS28" s="270">
        <v>67519</v>
      </c>
      <c r="HT28" s="270">
        <v>268473</v>
      </c>
      <c r="HU28" s="270">
        <v>1111199</v>
      </c>
      <c r="HV28" s="270">
        <v>1599254</v>
      </c>
      <c r="HW28" s="270">
        <v>864218</v>
      </c>
      <c r="HX28" s="273">
        <v>3910663</v>
      </c>
      <c r="HY28" s="274">
        <v>3915073</v>
      </c>
    </row>
    <row r="29" spans="2:233" ht="21" customHeight="1" x14ac:dyDescent="0.2">
      <c r="B29" s="437" t="s">
        <v>26</v>
      </c>
      <c r="C29" s="269">
        <v>505</v>
      </c>
      <c r="D29" s="270">
        <v>0</v>
      </c>
      <c r="E29" s="271">
        <v>505</v>
      </c>
      <c r="F29" s="272">
        <v>0</v>
      </c>
      <c r="G29" s="270">
        <v>41784</v>
      </c>
      <c r="H29" s="270">
        <v>125405</v>
      </c>
      <c r="I29" s="270">
        <v>365105</v>
      </c>
      <c r="J29" s="270">
        <v>799890</v>
      </c>
      <c r="K29" s="270">
        <v>546105</v>
      </c>
      <c r="L29" s="273">
        <v>1878289</v>
      </c>
      <c r="M29" s="274">
        <v>1878794</v>
      </c>
      <c r="N29" s="269">
        <v>0</v>
      </c>
      <c r="O29" s="270">
        <v>0</v>
      </c>
      <c r="P29" s="271">
        <v>0</v>
      </c>
      <c r="Q29" s="470">
        <v>0</v>
      </c>
      <c r="R29" s="270">
        <v>0</v>
      </c>
      <c r="S29" s="270">
        <v>33945</v>
      </c>
      <c r="T29" s="270">
        <v>239320</v>
      </c>
      <c r="U29" s="270">
        <v>524520</v>
      </c>
      <c r="V29" s="270">
        <v>372370</v>
      </c>
      <c r="W29" s="273">
        <v>1170155</v>
      </c>
      <c r="X29" s="274">
        <v>1170155</v>
      </c>
      <c r="Y29" s="269">
        <v>0</v>
      </c>
      <c r="Z29" s="270">
        <v>0</v>
      </c>
      <c r="AA29" s="271">
        <v>0</v>
      </c>
      <c r="AB29" s="470">
        <v>0</v>
      </c>
      <c r="AC29" s="270">
        <v>35170</v>
      </c>
      <c r="AD29" s="270">
        <v>73315</v>
      </c>
      <c r="AE29" s="270">
        <v>118080</v>
      </c>
      <c r="AF29" s="270">
        <v>220875</v>
      </c>
      <c r="AG29" s="270">
        <v>134650</v>
      </c>
      <c r="AH29" s="273">
        <v>582090</v>
      </c>
      <c r="AI29" s="274">
        <v>582090</v>
      </c>
      <c r="AJ29" s="269">
        <v>0</v>
      </c>
      <c r="AK29" s="270">
        <v>0</v>
      </c>
      <c r="AL29" s="271">
        <v>0</v>
      </c>
      <c r="AM29" s="470">
        <v>0</v>
      </c>
      <c r="AN29" s="270">
        <v>0</v>
      </c>
      <c r="AO29" s="270">
        <v>0</v>
      </c>
      <c r="AP29" s="270">
        <v>0</v>
      </c>
      <c r="AQ29" s="270">
        <v>0</v>
      </c>
      <c r="AR29" s="270">
        <v>0</v>
      </c>
      <c r="AS29" s="273">
        <v>0</v>
      </c>
      <c r="AT29" s="274">
        <v>0</v>
      </c>
      <c r="AU29" s="269">
        <v>0</v>
      </c>
      <c r="AV29" s="270">
        <v>0</v>
      </c>
      <c r="AW29" s="271">
        <v>0</v>
      </c>
      <c r="AX29" s="470">
        <v>0</v>
      </c>
      <c r="AY29" s="270">
        <v>0</v>
      </c>
      <c r="AZ29" s="270">
        <v>0</v>
      </c>
      <c r="BA29" s="270">
        <v>2635</v>
      </c>
      <c r="BB29" s="270">
        <v>17935</v>
      </c>
      <c r="BC29" s="270">
        <v>5270</v>
      </c>
      <c r="BD29" s="273">
        <v>25840</v>
      </c>
      <c r="BE29" s="274">
        <v>25840</v>
      </c>
      <c r="BF29" s="269">
        <v>0</v>
      </c>
      <c r="BG29" s="270">
        <v>0</v>
      </c>
      <c r="BH29" s="271">
        <v>0</v>
      </c>
      <c r="BI29" s="470">
        <v>0</v>
      </c>
      <c r="BJ29" s="270">
        <v>0</v>
      </c>
      <c r="BK29" s="270">
        <v>0</v>
      </c>
      <c r="BL29" s="270">
        <v>0</v>
      </c>
      <c r="BM29" s="270">
        <v>0</v>
      </c>
      <c r="BN29" s="270">
        <v>0</v>
      </c>
      <c r="BO29" s="273">
        <v>0</v>
      </c>
      <c r="BP29" s="274">
        <v>0</v>
      </c>
      <c r="BQ29" s="269">
        <v>505</v>
      </c>
      <c r="BR29" s="270">
        <v>0</v>
      </c>
      <c r="BS29" s="271">
        <v>505</v>
      </c>
      <c r="BT29" s="272">
        <v>0</v>
      </c>
      <c r="BU29" s="270">
        <v>6614</v>
      </c>
      <c r="BV29" s="270">
        <v>15475</v>
      </c>
      <c r="BW29" s="270">
        <v>5070</v>
      </c>
      <c r="BX29" s="270">
        <v>34820</v>
      </c>
      <c r="BY29" s="270">
        <v>33815</v>
      </c>
      <c r="BZ29" s="273">
        <v>95794</v>
      </c>
      <c r="CA29" s="274">
        <v>96299</v>
      </c>
      <c r="CB29" s="269">
        <v>0</v>
      </c>
      <c r="CC29" s="270">
        <v>0</v>
      </c>
      <c r="CD29" s="271">
        <v>0</v>
      </c>
      <c r="CE29" s="272">
        <v>0</v>
      </c>
      <c r="CF29" s="270">
        <v>0</v>
      </c>
      <c r="CG29" s="270">
        <v>2670</v>
      </c>
      <c r="CH29" s="270">
        <v>0</v>
      </c>
      <c r="CI29" s="270">
        <v>1740</v>
      </c>
      <c r="CJ29" s="270">
        <v>0</v>
      </c>
      <c r="CK29" s="273">
        <v>4410</v>
      </c>
      <c r="CL29" s="274">
        <v>4410</v>
      </c>
      <c r="CM29" s="269">
        <v>0</v>
      </c>
      <c r="CN29" s="270">
        <v>0</v>
      </c>
      <c r="CO29" s="271">
        <v>0</v>
      </c>
      <c r="CP29" s="272">
        <v>0</v>
      </c>
      <c r="CQ29" s="270">
        <v>0</v>
      </c>
      <c r="CR29" s="270">
        <v>0</v>
      </c>
      <c r="CS29" s="270">
        <v>0</v>
      </c>
      <c r="CT29" s="270">
        <v>0</v>
      </c>
      <c r="CU29" s="270">
        <v>0</v>
      </c>
      <c r="CV29" s="273">
        <v>0</v>
      </c>
      <c r="CW29" s="274">
        <v>0</v>
      </c>
      <c r="CX29" s="269">
        <v>0</v>
      </c>
      <c r="CY29" s="270">
        <v>0</v>
      </c>
      <c r="CZ29" s="271">
        <v>0</v>
      </c>
      <c r="DA29" s="470">
        <v>0</v>
      </c>
      <c r="DB29" s="270">
        <v>0</v>
      </c>
      <c r="DC29" s="270">
        <v>0</v>
      </c>
      <c r="DD29" s="270">
        <v>0</v>
      </c>
      <c r="DE29" s="270">
        <v>0</v>
      </c>
      <c r="DF29" s="270">
        <v>0</v>
      </c>
      <c r="DG29" s="273">
        <v>0</v>
      </c>
      <c r="DH29" s="274">
        <v>0</v>
      </c>
      <c r="DI29" s="269">
        <v>2088</v>
      </c>
      <c r="DJ29" s="270">
        <v>0</v>
      </c>
      <c r="DK29" s="271">
        <v>2088</v>
      </c>
      <c r="DL29" s="272">
        <v>0</v>
      </c>
      <c r="DM29" s="270">
        <v>22140</v>
      </c>
      <c r="DN29" s="270">
        <v>100521</v>
      </c>
      <c r="DO29" s="270">
        <v>407994</v>
      </c>
      <c r="DP29" s="270">
        <v>731554</v>
      </c>
      <c r="DQ29" s="270">
        <v>506378</v>
      </c>
      <c r="DR29" s="273">
        <v>1768587</v>
      </c>
      <c r="DS29" s="275">
        <v>1770675</v>
      </c>
      <c r="DT29" s="269">
        <v>0</v>
      </c>
      <c r="DU29" s="270">
        <v>0</v>
      </c>
      <c r="DV29" s="271">
        <v>0</v>
      </c>
      <c r="DW29" s="470">
        <v>0</v>
      </c>
      <c r="DX29" s="270">
        <v>0</v>
      </c>
      <c r="DY29" s="270">
        <v>77686</v>
      </c>
      <c r="DZ29" s="270">
        <v>372279</v>
      </c>
      <c r="EA29" s="270">
        <v>647931</v>
      </c>
      <c r="EB29" s="270">
        <v>445038</v>
      </c>
      <c r="EC29" s="273">
        <v>1542934</v>
      </c>
      <c r="ED29" s="274">
        <v>1542934</v>
      </c>
      <c r="EE29" s="269">
        <v>0</v>
      </c>
      <c r="EF29" s="270">
        <v>0</v>
      </c>
      <c r="EG29" s="271">
        <v>0</v>
      </c>
      <c r="EH29" s="470">
        <v>0</v>
      </c>
      <c r="EI29" s="270">
        <v>427</v>
      </c>
      <c r="EJ29" s="270">
        <v>1085</v>
      </c>
      <c r="EK29" s="270">
        <v>13388</v>
      </c>
      <c r="EL29" s="270">
        <v>49724</v>
      </c>
      <c r="EM29" s="270">
        <v>14704</v>
      </c>
      <c r="EN29" s="273">
        <v>79328</v>
      </c>
      <c r="EO29" s="274">
        <v>79328</v>
      </c>
      <c r="EP29" s="269">
        <v>0</v>
      </c>
      <c r="EQ29" s="270">
        <v>0</v>
      </c>
      <c r="ER29" s="271">
        <v>0</v>
      </c>
      <c r="ES29" s="470">
        <v>0</v>
      </c>
      <c r="ET29" s="270">
        <v>0</v>
      </c>
      <c r="EU29" s="270">
        <v>0</v>
      </c>
      <c r="EV29" s="270">
        <v>0</v>
      </c>
      <c r="EW29" s="270">
        <v>0</v>
      </c>
      <c r="EX29" s="270">
        <v>0</v>
      </c>
      <c r="EY29" s="273">
        <v>0</v>
      </c>
      <c r="EZ29" s="274">
        <v>0</v>
      </c>
      <c r="FA29" s="269">
        <v>0</v>
      </c>
      <c r="FB29" s="270">
        <v>0</v>
      </c>
      <c r="FC29" s="271">
        <v>0</v>
      </c>
      <c r="FD29" s="470">
        <v>0</v>
      </c>
      <c r="FE29" s="270">
        <v>0</v>
      </c>
      <c r="FF29" s="270">
        <v>0</v>
      </c>
      <c r="FG29" s="270">
        <v>217</v>
      </c>
      <c r="FH29" s="270">
        <v>119</v>
      </c>
      <c r="FI29" s="270">
        <v>434</v>
      </c>
      <c r="FJ29" s="273">
        <v>770</v>
      </c>
      <c r="FK29" s="274">
        <v>770</v>
      </c>
      <c r="FL29" s="269">
        <v>0</v>
      </c>
      <c r="FM29" s="270">
        <v>0</v>
      </c>
      <c r="FN29" s="271">
        <v>0</v>
      </c>
      <c r="FO29" s="470">
        <v>0</v>
      </c>
      <c r="FP29" s="270">
        <v>0</v>
      </c>
      <c r="FQ29" s="270">
        <v>0</v>
      </c>
      <c r="FR29" s="270">
        <v>0</v>
      </c>
      <c r="FS29" s="270">
        <v>0</v>
      </c>
      <c r="FT29" s="270">
        <v>0</v>
      </c>
      <c r="FU29" s="273">
        <v>0</v>
      </c>
      <c r="FV29" s="274">
        <v>0</v>
      </c>
      <c r="FW29" s="269">
        <v>2088</v>
      </c>
      <c r="FX29" s="270">
        <v>0</v>
      </c>
      <c r="FY29" s="271">
        <v>2088</v>
      </c>
      <c r="FZ29" s="272">
        <v>0</v>
      </c>
      <c r="GA29" s="270">
        <v>21713</v>
      </c>
      <c r="GB29" s="270">
        <v>19953</v>
      </c>
      <c r="GC29" s="270">
        <v>22110</v>
      </c>
      <c r="GD29" s="270">
        <v>33696</v>
      </c>
      <c r="GE29" s="270">
        <v>46202</v>
      </c>
      <c r="GF29" s="273">
        <v>143674</v>
      </c>
      <c r="GG29" s="274">
        <v>145762</v>
      </c>
      <c r="GH29" s="269">
        <v>0</v>
      </c>
      <c r="GI29" s="270">
        <v>0</v>
      </c>
      <c r="GJ29" s="271">
        <v>0</v>
      </c>
      <c r="GK29" s="272">
        <v>0</v>
      </c>
      <c r="GL29" s="270">
        <v>0</v>
      </c>
      <c r="GM29" s="270">
        <v>1797</v>
      </c>
      <c r="GN29" s="270">
        <v>0</v>
      </c>
      <c r="GO29" s="270">
        <v>84</v>
      </c>
      <c r="GP29" s="270">
        <v>0</v>
      </c>
      <c r="GQ29" s="273">
        <v>1881</v>
      </c>
      <c r="GR29" s="274">
        <v>1881</v>
      </c>
      <c r="GS29" s="269">
        <v>0</v>
      </c>
      <c r="GT29" s="270">
        <v>0</v>
      </c>
      <c r="GU29" s="271">
        <v>0</v>
      </c>
      <c r="GV29" s="272">
        <v>0</v>
      </c>
      <c r="GW29" s="270">
        <v>0</v>
      </c>
      <c r="GX29" s="270">
        <v>0</v>
      </c>
      <c r="GY29" s="270">
        <v>0</v>
      </c>
      <c r="GZ29" s="270">
        <v>0</v>
      </c>
      <c r="HA29" s="270">
        <v>0</v>
      </c>
      <c r="HB29" s="273">
        <v>0</v>
      </c>
      <c r="HC29" s="274">
        <v>0</v>
      </c>
      <c r="HD29" s="269">
        <v>0</v>
      </c>
      <c r="HE29" s="270">
        <v>0</v>
      </c>
      <c r="HF29" s="271">
        <v>0</v>
      </c>
      <c r="HG29" s="470">
        <v>0</v>
      </c>
      <c r="HH29" s="270">
        <v>0</v>
      </c>
      <c r="HI29" s="270">
        <v>0</v>
      </c>
      <c r="HJ29" s="270">
        <v>0</v>
      </c>
      <c r="HK29" s="270">
        <v>0</v>
      </c>
      <c r="HL29" s="270">
        <v>0</v>
      </c>
      <c r="HM29" s="273">
        <v>0</v>
      </c>
      <c r="HN29" s="274">
        <v>0</v>
      </c>
      <c r="HO29" s="269">
        <v>2593</v>
      </c>
      <c r="HP29" s="270">
        <v>0</v>
      </c>
      <c r="HQ29" s="271">
        <v>2593</v>
      </c>
      <c r="HR29" s="272">
        <v>0</v>
      </c>
      <c r="HS29" s="270">
        <v>63924</v>
      </c>
      <c r="HT29" s="270">
        <v>225926</v>
      </c>
      <c r="HU29" s="270">
        <v>773099</v>
      </c>
      <c r="HV29" s="270">
        <v>1531444</v>
      </c>
      <c r="HW29" s="270">
        <v>1052483</v>
      </c>
      <c r="HX29" s="273">
        <v>3646876</v>
      </c>
      <c r="HY29" s="274">
        <v>3649469</v>
      </c>
    </row>
    <row r="30" spans="2:233" ht="21" customHeight="1" x14ac:dyDescent="0.2">
      <c r="B30" s="437" t="s">
        <v>27</v>
      </c>
      <c r="C30" s="269">
        <v>0</v>
      </c>
      <c r="D30" s="270">
        <v>0</v>
      </c>
      <c r="E30" s="271">
        <v>0</v>
      </c>
      <c r="F30" s="272">
        <v>0</v>
      </c>
      <c r="G30" s="270">
        <v>61766</v>
      </c>
      <c r="H30" s="270">
        <v>117335</v>
      </c>
      <c r="I30" s="270">
        <v>565063</v>
      </c>
      <c r="J30" s="270">
        <v>796000</v>
      </c>
      <c r="K30" s="270">
        <v>492070</v>
      </c>
      <c r="L30" s="273">
        <v>2032234</v>
      </c>
      <c r="M30" s="274">
        <v>2032234</v>
      </c>
      <c r="N30" s="269">
        <v>0</v>
      </c>
      <c r="O30" s="270">
        <v>0</v>
      </c>
      <c r="P30" s="271">
        <v>0</v>
      </c>
      <c r="Q30" s="470">
        <v>0</v>
      </c>
      <c r="R30" s="270">
        <v>35340</v>
      </c>
      <c r="S30" s="270">
        <v>32705</v>
      </c>
      <c r="T30" s="270">
        <v>368745</v>
      </c>
      <c r="U30" s="270">
        <v>541680</v>
      </c>
      <c r="V30" s="270">
        <v>476090</v>
      </c>
      <c r="W30" s="273">
        <v>1454560</v>
      </c>
      <c r="X30" s="274">
        <v>1454560</v>
      </c>
      <c r="Y30" s="269">
        <v>0</v>
      </c>
      <c r="Z30" s="270">
        <v>0</v>
      </c>
      <c r="AA30" s="271">
        <v>0</v>
      </c>
      <c r="AB30" s="470">
        <v>0</v>
      </c>
      <c r="AC30" s="270">
        <v>7905</v>
      </c>
      <c r="AD30" s="270">
        <v>84630</v>
      </c>
      <c r="AE30" s="270">
        <v>128033</v>
      </c>
      <c r="AF30" s="270">
        <v>212265</v>
      </c>
      <c r="AG30" s="270">
        <v>5270</v>
      </c>
      <c r="AH30" s="273">
        <v>438103</v>
      </c>
      <c r="AI30" s="274">
        <v>438103</v>
      </c>
      <c r="AJ30" s="269">
        <v>0</v>
      </c>
      <c r="AK30" s="270">
        <v>0</v>
      </c>
      <c r="AL30" s="271">
        <v>0</v>
      </c>
      <c r="AM30" s="470">
        <v>0</v>
      </c>
      <c r="AN30" s="270">
        <v>0</v>
      </c>
      <c r="AO30" s="270">
        <v>0</v>
      </c>
      <c r="AP30" s="270">
        <v>0</v>
      </c>
      <c r="AQ30" s="270">
        <v>0</v>
      </c>
      <c r="AR30" s="270">
        <v>0</v>
      </c>
      <c r="AS30" s="273">
        <v>0</v>
      </c>
      <c r="AT30" s="274">
        <v>0</v>
      </c>
      <c r="AU30" s="269">
        <v>0</v>
      </c>
      <c r="AV30" s="270">
        <v>0</v>
      </c>
      <c r="AW30" s="271">
        <v>0</v>
      </c>
      <c r="AX30" s="470">
        <v>0</v>
      </c>
      <c r="AY30" s="270">
        <v>0</v>
      </c>
      <c r="AZ30" s="270">
        <v>0</v>
      </c>
      <c r="BA30" s="270">
        <v>0</v>
      </c>
      <c r="BB30" s="270">
        <v>0</v>
      </c>
      <c r="BC30" s="270">
        <v>0</v>
      </c>
      <c r="BD30" s="273">
        <v>0</v>
      </c>
      <c r="BE30" s="274">
        <v>0</v>
      </c>
      <c r="BF30" s="269">
        <v>0</v>
      </c>
      <c r="BG30" s="270">
        <v>0</v>
      </c>
      <c r="BH30" s="271">
        <v>0</v>
      </c>
      <c r="BI30" s="470">
        <v>0</v>
      </c>
      <c r="BJ30" s="270">
        <v>0</v>
      </c>
      <c r="BK30" s="270">
        <v>0</v>
      </c>
      <c r="BL30" s="270">
        <v>59985</v>
      </c>
      <c r="BM30" s="270">
        <v>42055</v>
      </c>
      <c r="BN30" s="270">
        <v>0</v>
      </c>
      <c r="BO30" s="273">
        <v>102040</v>
      </c>
      <c r="BP30" s="274">
        <v>102040</v>
      </c>
      <c r="BQ30" s="269">
        <v>0</v>
      </c>
      <c r="BR30" s="270">
        <v>0</v>
      </c>
      <c r="BS30" s="271">
        <v>0</v>
      </c>
      <c r="BT30" s="272">
        <v>0</v>
      </c>
      <c r="BU30" s="270">
        <v>18521</v>
      </c>
      <c r="BV30" s="270">
        <v>0</v>
      </c>
      <c r="BW30" s="270">
        <v>8300</v>
      </c>
      <c r="BX30" s="270">
        <v>0</v>
      </c>
      <c r="BY30" s="270">
        <v>10710</v>
      </c>
      <c r="BZ30" s="273">
        <v>37531</v>
      </c>
      <c r="CA30" s="274">
        <v>37531</v>
      </c>
      <c r="CB30" s="269">
        <v>0</v>
      </c>
      <c r="CC30" s="270">
        <v>0</v>
      </c>
      <c r="CD30" s="271">
        <v>0</v>
      </c>
      <c r="CE30" s="272">
        <v>0</v>
      </c>
      <c r="CF30" s="270">
        <v>0</v>
      </c>
      <c r="CG30" s="270">
        <v>0</v>
      </c>
      <c r="CH30" s="270">
        <v>0</v>
      </c>
      <c r="CI30" s="270">
        <v>0</v>
      </c>
      <c r="CJ30" s="270">
        <v>0</v>
      </c>
      <c r="CK30" s="273">
        <v>0</v>
      </c>
      <c r="CL30" s="274">
        <v>0</v>
      </c>
      <c r="CM30" s="269">
        <v>0</v>
      </c>
      <c r="CN30" s="270">
        <v>0</v>
      </c>
      <c r="CO30" s="271">
        <v>0</v>
      </c>
      <c r="CP30" s="272">
        <v>0</v>
      </c>
      <c r="CQ30" s="270">
        <v>0</v>
      </c>
      <c r="CR30" s="270">
        <v>0</v>
      </c>
      <c r="CS30" s="270">
        <v>0</v>
      </c>
      <c r="CT30" s="270">
        <v>0</v>
      </c>
      <c r="CU30" s="270">
        <v>0</v>
      </c>
      <c r="CV30" s="273">
        <v>0</v>
      </c>
      <c r="CW30" s="274">
        <v>0</v>
      </c>
      <c r="CX30" s="269">
        <v>0</v>
      </c>
      <c r="CY30" s="270">
        <v>0</v>
      </c>
      <c r="CZ30" s="271">
        <v>0</v>
      </c>
      <c r="DA30" s="470">
        <v>0</v>
      </c>
      <c r="DB30" s="270">
        <v>0</v>
      </c>
      <c r="DC30" s="270">
        <v>0</v>
      </c>
      <c r="DD30" s="270">
        <v>0</v>
      </c>
      <c r="DE30" s="270">
        <v>0</v>
      </c>
      <c r="DF30" s="270">
        <v>0</v>
      </c>
      <c r="DG30" s="273">
        <v>0</v>
      </c>
      <c r="DH30" s="274">
        <v>0</v>
      </c>
      <c r="DI30" s="269">
        <v>0</v>
      </c>
      <c r="DJ30" s="270">
        <v>0</v>
      </c>
      <c r="DK30" s="271">
        <v>0</v>
      </c>
      <c r="DL30" s="272">
        <v>0</v>
      </c>
      <c r="DM30" s="270">
        <v>73063</v>
      </c>
      <c r="DN30" s="270">
        <v>17318</v>
      </c>
      <c r="DO30" s="270">
        <v>421058</v>
      </c>
      <c r="DP30" s="270">
        <v>700756</v>
      </c>
      <c r="DQ30" s="270">
        <v>435450</v>
      </c>
      <c r="DR30" s="273">
        <v>1647645</v>
      </c>
      <c r="DS30" s="275">
        <v>1647645</v>
      </c>
      <c r="DT30" s="269">
        <v>0</v>
      </c>
      <c r="DU30" s="270">
        <v>0</v>
      </c>
      <c r="DV30" s="271">
        <v>0</v>
      </c>
      <c r="DW30" s="470">
        <v>0</v>
      </c>
      <c r="DX30" s="270">
        <v>29140</v>
      </c>
      <c r="DY30" s="270">
        <v>14570</v>
      </c>
      <c r="DZ30" s="270">
        <v>312728</v>
      </c>
      <c r="EA30" s="270">
        <v>490895</v>
      </c>
      <c r="EB30" s="270">
        <v>412783</v>
      </c>
      <c r="EC30" s="273">
        <v>1260116</v>
      </c>
      <c r="ED30" s="274">
        <v>1260116</v>
      </c>
      <c r="EE30" s="269">
        <v>0</v>
      </c>
      <c r="EF30" s="270">
        <v>0</v>
      </c>
      <c r="EG30" s="271">
        <v>0</v>
      </c>
      <c r="EH30" s="470">
        <v>0</v>
      </c>
      <c r="EI30" s="270">
        <v>22010</v>
      </c>
      <c r="EJ30" s="270">
        <v>868</v>
      </c>
      <c r="EK30" s="270">
        <v>21692</v>
      </c>
      <c r="EL30" s="270">
        <v>96535</v>
      </c>
      <c r="EM30" s="270">
        <v>10447</v>
      </c>
      <c r="EN30" s="273">
        <v>151552</v>
      </c>
      <c r="EO30" s="274">
        <v>151552</v>
      </c>
      <c r="EP30" s="269">
        <v>0</v>
      </c>
      <c r="EQ30" s="270">
        <v>0</v>
      </c>
      <c r="ER30" s="271">
        <v>0</v>
      </c>
      <c r="ES30" s="470">
        <v>0</v>
      </c>
      <c r="ET30" s="270">
        <v>0</v>
      </c>
      <c r="EU30" s="270">
        <v>0</v>
      </c>
      <c r="EV30" s="270">
        <v>0</v>
      </c>
      <c r="EW30" s="270">
        <v>0</v>
      </c>
      <c r="EX30" s="270">
        <v>0</v>
      </c>
      <c r="EY30" s="273">
        <v>0</v>
      </c>
      <c r="EZ30" s="274">
        <v>0</v>
      </c>
      <c r="FA30" s="269">
        <v>0</v>
      </c>
      <c r="FB30" s="270">
        <v>0</v>
      </c>
      <c r="FC30" s="271">
        <v>0</v>
      </c>
      <c r="FD30" s="470">
        <v>0</v>
      </c>
      <c r="FE30" s="270">
        <v>0</v>
      </c>
      <c r="FF30" s="270">
        <v>0</v>
      </c>
      <c r="FG30" s="270">
        <v>0</v>
      </c>
      <c r="FH30" s="270">
        <v>0</v>
      </c>
      <c r="FI30" s="270">
        <v>0</v>
      </c>
      <c r="FJ30" s="273">
        <v>0</v>
      </c>
      <c r="FK30" s="274">
        <v>0</v>
      </c>
      <c r="FL30" s="269">
        <v>0</v>
      </c>
      <c r="FM30" s="270">
        <v>0</v>
      </c>
      <c r="FN30" s="271">
        <v>0</v>
      </c>
      <c r="FO30" s="470">
        <v>0</v>
      </c>
      <c r="FP30" s="270">
        <v>0</v>
      </c>
      <c r="FQ30" s="270">
        <v>0</v>
      </c>
      <c r="FR30" s="270">
        <v>79918</v>
      </c>
      <c r="FS30" s="270">
        <v>113326</v>
      </c>
      <c r="FT30" s="270">
        <v>0</v>
      </c>
      <c r="FU30" s="273">
        <v>193244</v>
      </c>
      <c r="FV30" s="274">
        <v>193244</v>
      </c>
      <c r="FW30" s="269">
        <v>0</v>
      </c>
      <c r="FX30" s="270">
        <v>0</v>
      </c>
      <c r="FY30" s="271">
        <v>0</v>
      </c>
      <c r="FZ30" s="272">
        <v>0</v>
      </c>
      <c r="GA30" s="270">
        <v>21913</v>
      </c>
      <c r="GB30" s="270">
        <v>1880</v>
      </c>
      <c r="GC30" s="270">
        <v>6720</v>
      </c>
      <c r="GD30" s="270">
        <v>0</v>
      </c>
      <c r="GE30" s="270">
        <v>12220</v>
      </c>
      <c r="GF30" s="273">
        <v>42733</v>
      </c>
      <c r="GG30" s="274">
        <v>42733</v>
      </c>
      <c r="GH30" s="269">
        <v>0</v>
      </c>
      <c r="GI30" s="270">
        <v>0</v>
      </c>
      <c r="GJ30" s="271">
        <v>0</v>
      </c>
      <c r="GK30" s="272">
        <v>0</v>
      </c>
      <c r="GL30" s="270">
        <v>0</v>
      </c>
      <c r="GM30" s="270">
        <v>0</v>
      </c>
      <c r="GN30" s="270">
        <v>0</v>
      </c>
      <c r="GO30" s="270">
        <v>0</v>
      </c>
      <c r="GP30" s="270">
        <v>0</v>
      </c>
      <c r="GQ30" s="273">
        <v>0</v>
      </c>
      <c r="GR30" s="274">
        <v>0</v>
      </c>
      <c r="GS30" s="269">
        <v>0</v>
      </c>
      <c r="GT30" s="270">
        <v>0</v>
      </c>
      <c r="GU30" s="271">
        <v>0</v>
      </c>
      <c r="GV30" s="272">
        <v>0</v>
      </c>
      <c r="GW30" s="270">
        <v>0</v>
      </c>
      <c r="GX30" s="270">
        <v>0</v>
      </c>
      <c r="GY30" s="270">
        <v>0</v>
      </c>
      <c r="GZ30" s="270">
        <v>0</v>
      </c>
      <c r="HA30" s="270">
        <v>0</v>
      </c>
      <c r="HB30" s="273">
        <v>0</v>
      </c>
      <c r="HC30" s="274">
        <v>0</v>
      </c>
      <c r="HD30" s="269">
        <v>0</v>
      </c>
      <c r="HE30" s="270">
        <v>0</v>
      </c>
      <c r="HF30" s="271">
        <v>0</v>
      </c>
      <c r="HG30" s="470">
        <v>0</v>
      </c>
      <c r="HH30" s="270">
        <v>0</v>
      </c>
      <c r="HI30" s="270">
        <v>0</v>
      </c>
      <c r="HJ30" s="270">
        <v>0</v>
      </c>
      <c r="HK30" s="270">
        <v>0</v>
      </c>
      <c r="HL30" s="270">
        <v>0</v>
      </c>
      <c r="HM30" s="273">
        <v>0</v>
      </c>
      <c r="HN30" s="274">
        <v>0</v>
      </c>
      <c r="HO30" s="269">
        <v>0</v>
      </c>
      <c r="HP30" s="270">
        <v>0</v>
      </c>
      <c r="HQ30" s="271">
        <v>0</v>
      </c>
      <c r="HR30" s="272">
        <v>0</v>
      </c>
      <c r="HS30" s="270">
        <v>134829</v>
      </c>
      <c r="HT30" s="270">
        <v>134653</v>
      </c>
      <c r="HU30" s="270">
        <v>986121</v>
      </c>
      <c r="HV30" s="270">
        <v>1496756</v>
      </c>
      <c r="HW30" s="270">
        <v>927520</v>
      </c>
      <c r="HX30" s="273">
        <v>3679879</v>
      </c>
      <c r="HY30" s="274">
        <v>3679879</v>
      </c>
    </row>
    <row r="31" spans="2:233" ht="21" customHeight="1" x14ac:dyDescent="0.2">
      <c r="B31" s="437" t="s">
        <v>28</v>
      </c>
      <c r="C31" s="269">
        <v>0</v>
      </c>
      <c r="D31" s="270">
        <v>0</v>
      </c>
      <c r="E31" s="271">
        <v>0</v>
      </c>
      <c r="F31" s="272">
        <v>0</v>
      </c>
      <c r="G31" s="270">
        <v>0</v>
      </c>
      <c r="H31" s="270">
        <v>32705</v>
      </c>
      <c r="I31" s="270">
        <v>284540</v>
      </c>
      <c r="J31" s="270">
        <v>176290</v>
      </c>
      <c r="K31" s="270">
        <v>57040</v>
      </c>
      <c r="L31" s="273">
        <v>550575</v>
      </c>
      <c r="M31" s="274">
        <v>550575</v>
      </c>
      <c r="N31" s="269">
        <v>0</v>
      </c>
      <c r="O31" s="270">
        <v>0</v>
      </c>
      <c r="P31" s="271">
        <v>0</v>
      </c>
      <c r="Q31" s="470">
        <v>0</v>
      </c>
      <c r="R31" s="270">
        <v>0</v>
      </c>
      <c r="S31" s="270">
        <v>0</v>
      </c>
      <c r="T31" s="270">
        <v>222115</v>
      </c>
      <c r="U31" s="270">
        <v>171895</v>
      </c>
      <c r="V31" s="270">
        <v>57040</v>
      </c>
      <c r="W31" s="273">
        <v>451050</v>
      </c>
      <c r="X31" s="274">
        <v>451050</v>
      </c>
      <c r="Y31" s="269">
        <v>0</v>
      </c>
      <c r="Z31" s="270">
        <v>0</v>
      </c>
      <c r="AA31" s="271">
        <v>0</v>
      </c>
      <c r="AB31" s="470">
        <v>0</v>
      </c>
      <c r="AC31" s="270">
        <v>0</v>
      </c>
      <c r="AD31" s="270">
        <v>32705</v>
      </c>
      <c r="AE31" s="270">
        <v>62425</v>
      </c>
      <c r="AF31" s="270">
        <v>2635</v>
      </c>
      <c r="AG31" s="270">
        <v>0</v>
      </c>
      <c r="AH31" s="273">
        <v>97765</v>
      </c>
      <c r="AI31" s="274">
        <v>97765</v>
      </c>
      <c r="AJ31" s="269">
        <v>0</v>
      </c>
      <c r="AK31" s="270">
        <v>0</v>
      </c>
      <c r="AL31" s="271">
        <v>0</v>
      </c>
      <c r="AM31" s="470">
        <v>0</v>
      </c>
      <c r="AN31" s="270">
        <v>0</v>
      </c>
      <c r="AO31" s="270">
        <v>0</v>
      </c>
      <c r="AP31" s="270">
        <v>0</v>
      </c>
      <c r="AQ31" s="270">
        <v>0</v>
      </c>
      <c r="AR31" s="270">
        <v>0</v>
      </c>
      <c r="AS31" s="273">
        <v>0</v>
      </c>
      <c r="AT31" s="274">
        <v>0</v>
      </c>
      <c r="AU31" s="269">
        <v>0</v>
      </c>
      <c r="AV31" s="270">
        <v>0</v>
      </c>
      <c r="AW31" s="271">
        <v>0</v>
      </c>
      <c r="AX31" s="470">
        <v>0</v>
      </c>
      <c r="AY31" s="270">
        <v>0</v>
      </c>
      <c r="AZ31" s="270">
        <v>0</v>
      </c>
      <c r="BA31" s="270">
        <v>0</v>
      </c>
      <c r="BB31" s="270">
        <v>0</v>
      </c>
      <c r="BC31" s="270">
        <v>0</v>
      </c>
      <c r="BD31" s="273">
        <v>0</v>
      </c>
      <c r="BE31" s="274">
        <v>0</v>
      </c>
      <c r="BF31" s="269">
        <v>0</v>
      </c>
      <c r="BG31" s="270">
        <v>0</v>
      </c>
      <c r="BH31" s="271">
        <v>0</v>
      </c>
      <c r="BI31" s="470">
        <v>0</v>
      </c>
      <c r="BJ31" s="270">
        <v>0</v>
      </c>
      <c r="BK31" s="270">
        <v>0</v>
      </c>
      <c r="BL31" s="270">
        <v>0</v>
      </c>
      <c r="BM31" s="270">
        <v>0</v>
      </c>
      <c r="BN31" s="270">
        <v>0</v>
      </c>
      <c r="BO31" s="273">
        <v>0</v>
      </c>
      <c r="BP31" s="274">
        <v>0</v>
      </c>
      <c r="BQ31" s="269">
        <v>0</v>
      </c>
      <c r="BR31" s="270">
        <v>0</v>
      </c>
      <c r="BS31" s="271">
        <v>0</v>
      </c>
      <c r="BT31" s="272">
        <v>0</v>
      </c>
      <c r="BU31" s="270">
        <v>0</v>
      </c>
      <c r="BV31" s="270">
        <v>0</v>
      </c>
      <c r="BW31" s="270">
        <v>0</v>
      </c>
      <c r="BX31" s="270">
        <v>1760</v>
      </c>
      <c r="BY31" s="270">
        <v>0</v>
      </c>
      <c r="BZ31" s="273">
        <v>1760</v>
      </c>
      <c r="CA31" s="274">
        <v>1760</v>
      </c>
      <c r="CB31" s="269">
        <v>0</v>
      </c>
      <c r="CC31" s="270">
        <v>0</v>
      </c>
      <c r="CD31" s="271">
        <v>0</v>
      </c>
      <c r="CE31" s="272">
        <v>0</v>
      </c>
      <c r="CF31" s="270">
        <v>0</v>
      </c>
      <c r="CG31" s="270">
        <v>0</v>
      </c>
      <c r="CH31" s="270">
        <v>0</v>
      </c>
      <c r="CI31" s="270">
        <v>0</v>
      </c>
      <c r="CJ31" s="270">
        <v>0</v>
      </c>
      <c r="CK31" s="273">
        <v>0</v>
      </c>
      <c r="CL31" s="274">
        <v>0</v>
      </c>
      <c r="CM31" s="269">
        <v>0</v>
      </c>
      <c r="CN31" s="270">
        <v>0</v>
      </c>
      <c r="CO31" s="271">
        <v>0</v>
      </c>
      <c r="CP31" s="272">
        <v>0</v>
      </c>
      <c r="CQ31" s="270">
        <v>0</v>
      </c>
      <c r="CR31" s="270">
        <v>0</v>
      </c>
      <c r="CS31" s="270">
        <v>0</v>
      </c>
      <c r="CT31" s="270">
        <v>0</v>
      </c>
      <c r="CU31" s="270">
        <v>0</v>
      </c>
      <c r="CV31" s="273">
        <v>0</v>
      </c>
      <c r="CW31" s="274">
        <v>0</v>
      </c>
      <c r="CX31" s="269">
        <v>0</v>
      </c>
      <c r="CY31" s="270">
        <v>0</v>
      </c>
      <c r="CZ31" s="271">
        <v>0</v>
      </c>
      <c r="DA31" s="470">
        <v>0</v>
      </c>
      <c r="DB31" s="270">
        <v>0</v>
      </c>
      <c r="DC31" s="270">
        <v>0</v>
      </c>
      <c r="DD31" s="270">
        <v>0</v>
      </c>
      <c r="DE31" s="270">
        <v>0</v>
      </c>
      <c r="DF31" s="270">
        <v>0</v>
      </c>
      <c r="DG31" s="273">
        <v>0</v>
      </c>
      <c r="DH31" s="274">
        <v>0</v>
      </c>
      <c r="DI31" s="269">
        <v>0</v>
      </c>
      <c r="DJ31" s="270">
        <v>0</v>
      </c>
      <c r="DK31" s="271">
        <v>0</v>
      </c>
      <c r="DL31" s="272">
        <v>0</v>
      </c>
      <c r="DM31" s="270">
        <v>0</v>
      </c>
      <c r="DN31" s="270">
        <v>217</v>
      </c>
      <c r="DO31" s="270">
        <v>226889</v>
      </c>
      <c r="DP31" s="270">
        <v>164489</v>
      </c>
      <c r="DQ31" s="270">
        <v>131037</v>
      </c>
      <c r="DR31" s="273">
        <v>522632</v>
      </c>
      <c r="DS31" s="275">
        <v>522632</v>
      </c>
      <c r="DT31" s="269">
        <v>0</v>
      </c>
      <c r="DU31" s="270">
        <v>0</v>
      </c>
      <c r="DV31" s="271">
        <v>0</v>
      </c>
      <c r="DW31" s="470">
        <v>0</v>
      </c>
      <c r="DX31" s="270">
        <v>0</v>
      </c>
      <c r="DY31" s="270">
        <v>0</v>
      </c>
      <c r="DZ31" s="270">
        <v>183303</v>
      </c>
      <c r="EA31" s="270">
        <v>161727</v>
      </c>
      <c r="EB31" s="270">
        <v>131037</v>
      </c>
      <c r="EC31" s="273">
        <v>476067</v>
      </c>
      <c r="ED31" s="274">
        <v>476067</v>
      </c>
      <c r="EE31" s="269">
        <v>0</v>
      </c>
      <c r="EF31" s="270">
        <v>0</v>
      </c>
      <c r="EG31" s="271">
        <v>0</v>
      </c>
      <c r="EH31" s="470">
        <v>0</v>
      </c>
      <c r="EI31" s="270">
        <v>0</v>
      </c>
      <c r="EJ31" s="270">
        <v>217</v>
      </c>
      <c r="EK31" s="270">
        <v>43586</v>
      </c>
      <c r="EL31" s="270">
        <v>186</v>
      </c>
      <c r="EM31" s="270">
        <v>0</v>
      </c>
      <c r="EN31" s="273">
        <v>43989</v>
      </c>
      <c r="EO31" s="274">
        <v>43989</v>
      </c>
      <c r="EP31" s="269">
        <v>0</v>
      </c>
      <c r="EQ31" s="270">
        <v>0</v>
      </c>
      <c r="ER31" s="271">
        <v>0</v>
      </c>
      <c r="ES31" s="470">
        <v>0</v>
      </c>
      <c r="ET31" s="270">
        <v>0</v>
      </c>
      <c r="EU31" s="270">
        <v>0</v>
      </c>
      <c r="EV31" s="270">
        <v>0</v>
      </c>
      <c r="EW31" s="270">
        <v>0</v>
      </c>
      <c r="EX31" s="270">
        <v>0</v>
      </c>
      <c r="EY31" s="273">
        <v>0</v>
      </c>
      <c r="EZ31" s="274">
        <v>0</v>
      </c>
      <c r="FA31" s="269">
        <v>0</v>
      </c>
      <c r="FB31" s="270">
        <v>0</v>
      </c>
      <c r="FC31" s="271">
        <v>0</v>
      </c>
      <c r="FD31" s="470">
        <v>0</v>
      </c>
      <c r="FE31" s="270">
        <v>0</v>
      </c>
      <c r="FF31" s="270">
        <v>0</v>
      </c>
      <c r="FG31" s="270">
        <v>0</v>
      </c>
      <c r="FH31" s="270">
        <v>0</v>
      </c>
      <c r="FI31" s="270">
        <v>0</v>
      </c>
      <c r="FJ31" s="273">
        <v>0</v>
      </c>
      <c r="FK31" s="274">
        <v>0</v>
      </c>
      <c r="FL31" s="269">
        <v>0</v>
      </c>
      <c r="FM31" s="270">
        <v>0</v>
      </c>
      <c r="FN31" s="271">
        <v>0</v>
      </c>
      <c r="FO31" s="470">
        <v>0</v>
      </c>
      <c r="FP31" s="270">
        <v>0</v>
      </c>
      <c r="FQ31" s="270">
        <v>0</v>
      </c>
      <c r="FR31" s="270">
        <v>0</v>
      </c>
      <c r="FS31" s="270">
        <v>696</v>
      </c>
      <c r="FT31" s="270">
        <v>0</v>
      </c>
      <c r="FU31" s="273">
        <v>696</v>
      </c>
      <c r="FV31" s="274">
        <v>696</v>
      </c>
      <c r="FW31" s="269">
        <v>0</v>
      </c>
      <c r="FX31" s="270">
        <v>0</v>
      </c>
      <c r="FY31" s="271">
        <v>0</v>
      </c>
      <c r="FZ31" s="272">
        <v>0</v>
      </c>
      <c r="GA31" s="270">
        <v>0</v>
      </c>
      <c r="GB31" s="270">
        <v>0</v>
      </c>
      <c r="GC31" s="270">
        <v>0</v>
      </c>
      <c r="GD31" s="270">
        <v>1880</v>
      </c>
      <c r="GE31" s="270">
        <v>0</v>
      </c>
      <c r="GF31" s="273">
        <v>1880</v>
      </c>
      <c r="GG31" s="274">
        <v>1880</v>
      </c>
      <c r="GH31" s="269">
        <v>0</v>
      </c>
      <c r="GI31" s="270">
        <v>0</v>
      </c>
      <c r="GJ31" s="271">
        <v>0</v>
      </c>
      <c r="GK31" s="272">
        <v>0</v>
      </c>
      <c r="GL31" s="270">
        <v>0</v>
      </c>
      <c r="GM31" s="270">
        <v>0</v>
      </c>
      <c r="GN31" s="270">
        <v>0</v>
      </c>
      <c r="GO31" s="270">
        <v>0</v>
      </c>
      <c r="GP31" s="270">
        <v>0</v>
      </c>
      <c r="GQ31" s="273">
        <v>0</v>
      </c>
      <c r="GR31" s="274">
        <v>0</v>
      </c>
      <c r="GS31" s="269">
        <v>0</v>
      </c>
      <c r="GT31" s="270">
        <v>0</v>
      </c>
      <c r="GU31" s="271">
        <v>0</v>
      </c>
      <c r="GV31" s="272">
        <v>0</v>
      </c>
      <c r="GW31" s="270">
        <v>0</v>
      </c>
      <c r="GX31" s="270">
        <v>0</v>
      </c>
      <c r="GY31" s="270">
        <v>0</v>
      </c>
      <c r="GZ31" s="270">
        <v>0</v>
      </c>
      <c r="HA31" s="270">
        <v>0</v>
      </c>
      <c r="HB31" s="273">
        <v>0</v>
      </c>
      <c r="HC31" s="274">
        <v>0</v>
      </c>
      <c r="HD31" s="269">
        <v>0</v>
      </c>
      <c r="HE31" s="270">
        <v>0</v>
      </c>
      <c r="HF31" s="271">
        <v>0</v>
      </c>
      <c r="HG31" s="470">
        <v>0</v>
      </c>
      <c r="HH31" s="270">
        <v>0</v>
      </c>
      <c r="HI31" s="270">
        <v>0</v>
      </c>
      <c r="HJ31" s="270">
        <v>0</v>
      </c>
      <c r="HK31" s="270">
        <v>0</v>
      </c>
      <c r="HL31" s="270">
        <v>0</v>
      </c>
      <c r="HM31" s="273">
        <v>0</v>
      </c>
      <c r="HN31" s="274">
        <v>0</v>
      </c>
      <c r="HO31" s="269">
        <v>0</v>
      </c>
      <c r="HP31" s="270">
        <v>0</v>
      </c>
      <c r="HQ31" s="271">
        <v>0</v>
      </c>
      <c r="HR31" s="272">
        <v>0</v>
      </c>
      <c r="HS31" s="270">
        <v>0</v>
      </c>
      <c r="HT31" s="270">
        <v>32922</v>
      </c>
      <c r="HU31" s="270">
        <v>511429</v>
      </c>
      <c r="HV31" s="270">
        <v>340779</v>
      </c>
      <c r="HW31" s="270">
        <v>188077</v>
      </c>
      <c r="HX31" s="273">
        <v>1073207</v>
      </c>
      <c r="HY31" s="274">
        <v>1073207</v>
      </c>
    </row>
    <row r="32" spans="2:233" ht="21" customHeight="1" x14ac:dyDescent="0.2">
      <c r="B32" s="437" t="s">
        <v>29</v>
      </c>
      <c r="C32" s="269">
        <v>0</v>
      </c>
      <c r="D32" s="270">
        <v>0</v>
      </c>
      <c r="E32" s="271">
        <v>0</v>
      </c>
      <c r="F32" s="272">
        <v>0</v>
      </c>
      <c r="G32" s="270">
        <v>49290</v>
      </c>
      <c r="H32" s="270">
        <v>101210</v>
      </c>
      <c r="I32" s="270">
        <v>320315</v>
      </c>
      <c r="J32" s="270">
        <v>454065</v>
      </c>
      <c r="K32" s="270">
        <v>203280</v>
      </c>
      <c r="L32" s="273">
        <v>1128160</v>
      </c>
      <c r="M32" s="274">
        <v>1128160</v>
      </c>
      <c r="N32" s="269">
        <v>0</v>
      </c>
      <c r="O32" s="270">
        <v>0</v>
      </c>
      <c r="P32" s="271">
        <v>0</v>
      </c>
      <c r="Q32" s="470">
        <v>0</v>
      </c>
      <c r="R32" s="270">
        <v>0</v>
      </c>
      <c r="S32" s="270">
        <v>35495</v>
      </c>
      <c r="T32" s="270">
        <v>234685</v>
      </c>
      <c r="U32" s="270">
        <v>219610</v>
      </c>
      <c r="V32" s="270">
        <v>164145</v>
      </c>
      <c r="W32" s="273">
        <v>653935</v>
      </c>
      <c r="X32" s="274">
        <v>653935</v>
      </c>
      <c r="Y32" s="269">
        <v>0</v>
      </c>
      <c r="Z32" s="270">
        <v>0</v>
      </c>
      <c r="AA32" s="271">
        <v>0</v>
      </c>
      <c r="AB32" s="470">
        <v>0</v>
      </c>
      <c r="AC32" s="270">
        <v>49290</v>
      </c>
      <c r="AD32" s="270">
        <v>62620</v>
      </c>
      <c r="AE32" s="270">
        <v>40355</v>
      </c>
      <c r="AF32" s="270">
        <v>117865</v>
      </c>
      <c r="AG32" s="270">
        <v>32705</v>
      </c>
      <c r="AH32" s="273">
        <v>302835</v>
      </c>
      <c r="AI32" s="274">
        <v>302835</v>
      </c>
      <c r="AJ32" s="269">
        <v>0</v>
      </c>
      <c r="AK32" s="270">
        <v>0</v>
      </c>
      <c r="AL32" s="271">
        <v>0</v>
      </c>
      <c r="AM32" s="470">
        <v>0</v>
      </c>
      <c r="AN32" s="270">
        <v>0</v>
      </c>
      <c r="AO32" s="270">
        <v>0</v>
      </c>
      <c r="AP32" s="270">
        <v>0</v>
      </c>
      <c r="AQ32" s="270">
        <v>0</v>
      </c>
      <c r="AR32" s="270">
        <v>0</v>
      </c>
      <c r="AS32" s="273">
        <v>0</v>
      </c>
      <c r="AT32" s="274">
        <v>0</v>
      </c>
      <c r="AU32" s="269">
        <v>0</v>
      </c>
      <c r="AV32" s="270">
        <v>0</v>
      </c>
      <c r="AW32" s="271">
        <v>0</v>
      </c>
      <c r="AX32" s="470">
        <v>0</v>
      </c>
      <c r="AY32" s="270">
        <v>0</v>
      </c>
      <c r="AZ32" s="270">
        <v>0</v>
      </c>
      <c r="BA32" s="270">
        <v>0</v>
      </c>
      <c r="BB32" s="270">
        <v>0</v>
      </c>
      <c r="BC32" s="270">
        <v>0</v>
      </c>
      <c r="BD32" s="273">
        <v>0</v>
      </c>
      <c r="BE32" s="274">
        <v>0</v>
      </c>
      <c r="BF32" s="269">
        <v>0</v>
      </c>
      <c r="BG32" s="270">
        <v>0</v>
      </c>
      <c r="BH32" s="271">
        <v>0</v>
      </c>
      <c r="BI32" s="470">
        <v>0</v>
      </c>
      <c r="BJ32" s="270">
        <v>0</v>
      </c>
      <c r="BK32" s="270">
        <v>0</v>
      </c>
      <c r="BL32" s="270">
        <v>43245</v>
      </c>
      <c r="BM32" s="270">
        <v>90395</v>
      </c>
      <c r="BN32" s="270">
        <v>5270</v>
      </c>
      <c r="BO32" s="273">
        <v>138910</v>
      </c>
      <c r="BP32" s="274">
        <v>138910</v>
      </c>
      <c r="BQ32" s="269">
        <v>0</v>
      </c>
      <c r="BR32" s="270">
        <v>0</v>
      </c>
      <c r="BS32" s="271">
        <v>0</v>
      </c>
      <c r="BT32" s="272">
        <v>0</v>
      </c>
      <c r="BU32" s="270">
        <v>0</v>
      </c>
      <c r="BV32" s="270">
        <v>3095</v>
      </c>
      <c r="BW32" s="270">
        <v>2030</v>
      </c>
      <c r="BX32" s="270">
        <v>23660</v>
      </c>
      <c r="BY32" s="270">
        <v>1160</v>
      </c>
      <c r="BZ32" s="273">
        <v>29945</v>
      </c>
      <c r="CA32" s="274">
        <v>29945</v>
      </c>
      <c r="CB32" s="269">
        <v>0</v>
      </c>
      <c r="CC32" s="270">
        <v>0</v>
      </c>
      <c r="CD32" s="271">
        <v>0</v>
      </c>
      <c r="CE32" s="272">
        <v>0</v>
      </c>
      <c r="CF32" s="270">
        <v>0</v>
      </c>
      <c r="CG32" s="270">
        <v>0</v>
      </c>
      <c r="CH32" s="270">
        <v>0</v>
      </c>
      <c r="CI32" s="270">
        <v>2535</v>
      </c>
      <c r="CJ32" s="270">
        <v>0</v>
      </c>
      <c r="CK32" s="273">
        <v>2535</v>
      </c>
      <c r="CL32" s="274">
        <v>2535</v>
      </c>
      <c r="CM32" s="269">
        <v>0</v>
      </c>
      <c r="CN32" s="270">
        <v>0</v>
      </c>
      <c r="CO32" s="271">
        <v>0</v>
      </c>
      <c r="CP32" s="272">
        <v>0</v>
      </c>
      <c r="CQ32" s="270">
        <v>0</v>
      </c>
      <c r="CR32" s="270">
        <v>0</v>
      </c>
      <c r="CS32" s="270">
        <v>0</v>
      </c>
      <c r="CT32" s="270">
        <v>0</v>
      </c>
      <c r="CU32" s="270">
        <v>0</v>
      </c>
      <c r="CV32" s="273">
        <v>0</v>
      </c>
      <c r="CW32" s="274">
        <v>0</v>
      </c>
      <c r="CX32" s="269">
        <v>0</v>
      </c>
      <c r="CY32" s="270">
        <v>0</v>
      </c>
      <c r="CZ32" s="271">
        <v>0</v>
      </c>
      <c r="DA32" s="470">
        <v>0</v>
      </c>
      <c r="DB32" s="270">
        <v>0</v>
      </c>
      <c r="DC32" s="270">
        <v>0</v>
      </c>
      <c r="DD32" s="270">
        <v>0</v>
      </c>
      <c r="DE32" s="270">
        <v>0</v>
      </c>
      <c r="DF32" s="270">
        <v>0</v>
      </c>
      <c r="DG32" s="273">
        <v>0</v>
      </c>
      <c r="DH32" s="274">
        <v>0</v>
      </c>
      <c r="DI32" s="269">
        <v>0</v>
      </c>
      <c r="DJ32" s="270">
        <v>0</v>
      </c>
      <c r="DK32" s="271">
        <v>0</v>
      </c>
      <c r="DL32" s="272">
        <v>0</v>
      </c>
      <c r="DM32" s="270">
        <v>434</v>
      </c>
      <c r="DN32" s="270">
        <v>44593</v>
      </c>
      <c r="DO32" s="270">
        <v>277312</v>
      </c>
      <c r="DP32" s="270">
        <v>349370</v>
      </c>
      <c r="DQ32" s="270">
        <v>170909</v>
      </c>
      <c r="DR32" s="273">
        <v>842618</v>
      </c>
      <c r="DS32" s="275">
        <v>842618</v>
      </c>
      <c r="DT32" s="269">
        <v>0</v>
      </c>
      <c r="DU32" s="270">
        <v>0</v>
      </c>
      <c r="DV32" s="271">
        <v>0</v>
      </c>
      <c r="DW32" s="470">
        <v>0</v>
      </c>
      <c r="DX32" s="270">
        <v>0</v>
      </c>
      <c r="DY32" s="270">
        <v>26505</v>
      </c>
      <c r="DZ32" s="270">
        <v>150567</v>
      </c>
      <c r="EA32" s="270">
        <v>208068</v>
      </c>
      <c r="EB32" s="270">
        <v>144367</v>
      </c>
      <c r="EC32" s="273">
        <v>529507</v>
      </c>
      <c r="ED32" s="274">
        <v>529507</v>
      </c>
      <c r="EE32" s="269">
        <v>0</v>
      </c>
      <c r="EF32" s="270">
        <v>0</v>
      </c>
      <c r="EG32" s="271">
        <v>0</v>
      </c>
      <c r="EH32" s="470">
        <v>0</v>
      </c>
      <c r="EI32" s="270">
        <v>434</v>
      </c>
      <c r="EJ32" s="270">
        <v>11749</v>
      </c>
      <c r="EK32" s="270">
        <v>816</v>
      </c>
      <c r="EL32" s="270">
        <v>24449</v>
      </c>
      <c r="EM32" s="270">
        <v>217</v>
      </c>
      <c r="EN32" s="273">
        <v>37665</v>
      </c>
      <c r="EO32" s="274">
        <v>37665</v>
      </c>
      <c r="EP32" s="269">
        <v>0</v>
      </c>
      <c r="EQ32" s="270">
        <v>0</v>
      </c>
      <c r="ER32" s="271">
        <v>0</v>
      </c>
      <c r="ES32" s="470">
        <v>0</v>
      </c>
      <c r="ET32" s="270">
        <v>0</v>
      </c>
      <c r="EU32" s="270">
        <v>0</v>
      </c>
      <c r="EV32" s="270">
        <v>0</v>
      </c>
      <c r="EW32" s="270">
        <v>0</v>
      </c>
      <c r="EX32" s="270">
        <v>0</v>
      </c>
      <c r="EY32" s="273">
        <v>0</v>
      </c>
      <c r="EZ32" s="274">
        <v>0</v>
      </c>
      <c r="FA32" s="269">
        <v>0</v>
      </c>
      <c r="FB32" s="270">
        <v>0</v>
      </c>
      <c r="FC32" s="271">
        <v>0</v>
      </c>
      <c r="FD32" s="470">
        <v>0</v>
      </c>
      <c r="FE32" s="270">
        <v>0</v>
      </c>
      <c r="FF32" s="270">
        <v>0</v>
      </c>
      <c r="FG32" s="270">
        <v>0</v>
      </c>
      <c r="FH32" s="270">
        <v>0</v>
      </c>
      <c r="FI32" s="270">
        <v>0</v>
      </c>
      <c r="FJ32" s="273">
        <v>0</v>
      </c>
      <c r="FK32" s="274">
        <v>0</v>
      </c>
      <c r="FL32" s="269">
        <v>0</v>
      </c>
      <c r="FM32" s="270">
        <v>0</v>
      </c>
      <c r="FN32" s="271">
        <v>0</v>
      </c>
      <c r="FO32" s="470">
        <v>0</v>
      </c>
      <c r="FP32" s="270">
        <v>0</v>
      </c>
      <c r="FQ32" s="270">
        <v>0</v>
      </c>
      <c r="FR32" s="270">
        <v>123070</v>
      </c>
      <c r="FS32" s="270">
        <v>95804</v>
      </c>
      <c r="FT32" s="270">
        <v>21762</v>
      </c>
      <c r="FU32" s="273">
        <v>240636</v>
      </c>
      <c r="FV32" s="274">
        <v>240636</v>
      </c>
      <c r="FW32" s="269">
        <v>0</v>
      </c>
      <c r="FX32" s="270">
        <v>0</v>
      </c>
      <c r="FY32" s="271">
        <v>0</v>
      </c>
      <c r="FZ32" s="272">
        <v>0</v>
      </c>
      <c r="GA32" s="270">
        <v>0</v>
      </c>
      <c r="GB32" s="270">
        <v>6339</v>
      </c>
      <c r="GC32" s="270">
        <v>2859</v>
      </c>
      <c r="GD32" s="270">
        <v>21028</v>
      </c>
      <c r="GE32" s="270">
        <v>4563</v>
      </c>
      <c r="GF32" s="273">
        <v>34789</v>
      </c>
      <c r="GG32" s="274">
        <v>34789</v>
      </c>
      <c r="GH32" s="269">
        <v>0</v>
      </c>
      <c r="GI32" s="270">
        <v>0</v>
      </c>
      <c r="GJ32" s="271">
        <v>0</v>
      </c>
      <c r="GK32" s="272">
        <v>0</v>
      </c>
      <c r="GL32" s="270">
        <v>0</v>
      </c>
      <c r="GM32" s="270">
        <v>0</v>
      </c>
      <c r="GN32" s="270">
        <v>0</v>
      </c>
      <c r="GO32" s="270">
        <v>21</v>
      </c>
      <c r="GP32" s="270">
        <v>0</v>
      </c>
      <c r="GQ32" s="273">
        <v>21</v>
      </c>
      <c r="GR32" s="274">
        <v>21</v>
      </c>
      <c r="GS32" s="269">
        <v>0</v>
      </c>
      <c r="GT32" s="270">
        <v>0</v>
      </c>
      <c r="GU32" s="271">
        <v>0</v>
      </c>
      <c r="GV32" s="272">
        <v>0</v>
      </c>
      <c r="GW32" s="270">
        <v>0</v>
      </c>
      <c r="GX32" s="270">
        <v>0</v>
      </c>
      <c r="GY32" s="270">
        <v>0</v>
      </c>
      <c r="GZ32" s="270">
        <v>0</v>
      </c>
      <c r="HA32" s="270">
        <v>0</v>
      </c>
      <c r="HB32" s="273">
        <v>0</v>
      </c>
      <c r="HC32" s="274">
        <v>0</v>
      </c>
      <c r="HD32" s="269">
        <v>0</v>
      </c>
      <c r="HE32" s="270">
        <v>0</v>
      </c>
      <c r="HF32" s="271">
        <v>0</v>
      </c>
      <c r="HG32" s="470">
        <v>0</v>
      </c>
      <c r="HH32" s="270">
        <v>0</v>
      </c>
      <c r="HI32" s="270">
        <v>0</v>
      </c>
      <c r="HJ32" s="270">
        <v>0</v>
      </c>
      <c r="HK32" s="270">
        <v>0</v>
      </c>
      <c r="HL32" s="270">
        <v>0</v>
      </c>
      <c r="HM32" s="273">
        <v>0</v>
      </c>
      <c r="HN32" s="274">
        <v>0</v>
      </c>
      <c r="HO32" s="269">
        <v>0</v>
      </c>
      <c r="HP32" s="270">
        <v>0</v>
      </c>
      <c r="HQ32" s="271">
        <v>0</v>
      </c>
      <c r="HR32" s="272">
        <v>0</v>
      </c>
      <c r="HS32" s="270">
        <v>49724</v>
      </c>
      <c r="HT32" s="270">
        <v>145803</v>
      </c>
      <c r="HU32" s="270">
        <v>597627</v>
      </c>
      <c r="HV32" s="270">
        <v>803435</v>
      </c>
      <c r="HW32" s="270">
        <v>374189</v>
      </c>
      <c r="HX32" s="273">
        <v>1970778</v>
      </c>
      <c r="HY32" s="274">
        <v>1970778</v>
      </c>
    </row>
    <row r="33" spans="2:233" ht="21" customHeight="1" x14ac:dyDescent="0.2">
      <c r="B33" s="437" t="s">
        <v>30</v>
      </c>
      <c r="C33" s="269">
        <v>0</v>
      </c>
      <c r="D33" s="270">
        <v>0</v>
      </c>
      <c r="E33" s="271">
        <v>0</v>
      </c>
      <c r="F33" s="272">
        <v>0</v>
      </c>
      <c r="G33" s="270">
        <v>87265</v>
      </c>
      <c r="H33" s="270">
        <v>39120</v>
      </c>
      <c r="I33" s="270">
        <v>190290</v>
      </c>
      <c r="J33" s="270">
        <v>345151</v>
      </c>
      <c r="K33" s="270">
        <v>224870</v>
      </c>
      <c r="L33" s="273">
        <v>886696</v>
      </c>
      <c r="M33" s="274">
        <v>886696</v>
      </c>
      <c r="N33" s="269">
        <v>0</v>
      </c>
      <c r="O33" s="270">
        <v>0</v>
      </c>
      <c r="P33" s="271">
        <v>0</v>
      </c>
      <c r="Q33" s="470">
        <v>0</v>
      </c>
      <c r="R33" s="270">
        <v>0</v>
      </c>
      <c r="S33" s="270">
        <v>27280</v>
      </c>
      <c r="T33" s="270">
        <v>155845</v>
      </c>
      <c r="U33" s="270">
        <v>299586</v>
      </c>
      <c r="V33" s="270">
        <v>172600</v>
      </c>
      <c r="W33" s="273">
        <v>655311</v>
      </c>
      <c r="X33" s="274">
        <v>655311</v>
      </c>
      <c r="Y33" s="269">
        <v>0</v>
      </c>
      <c r="Z33" s="270">
        <v>0</v>
      </c>
      <c r="AA33" s="271">
        <v>0</v>
      </c>
      <c r="AB33" s="470">
        <v>0</v>
      </c>
      <c r="AC33" s="270">
        <v>87265</v>
      </c>
      <c r="AD33" s="270">
        <v>7820</v>
      </c>
      <c r="AE33" s="270">
        <v>32705</v>
      </c>
      <c r="AF33" s="270">
        <v>45565</v>
      </c>
      <c r="AG33" s="270">
        <v>5270</v>
      </c>
      <c r="AH33" s="273">
        <v>178625</v>
      </c>
      <c r="AI33" s="274">
        <v>178625</v>
      </c>
      <c r="AJ33" s="269">
        <v>0</v>
      </c>
      <c r="AK33" s="270">
        <v>0</v>
      </c>
      <c r="AL33" s="271">
        <v>0</v>
      </c>
      <c r="AM33" s="470">
        <v>0</v>
      </c>
      <c r="AN33" s="270">
        <v>0</v>
      </c>
      <c r="AO33" s="270">
        <v>0</v>
      </c>
      <c r="AP33" s="270">
        <v>0</v>
      </c>
      <c r="AQ33" s="270">
        <v>0</v>
      </c>
      <c r="AR33" s="270">
        <v>0</v>
      </c>
      <c r="AS33" s="273">
        <v>0</v>
      </c>
      <c r="AT33" s="274">
        <v>0</v>
      </c>
      <c r="AU33" s="269">
        <v>0</v>
      </c>
      <c r="AV33" s="270">
        <v>0</v>
      </c>
      <c r="AW33" s="271">
        <v>0</v>
      </c>
      <c r="AX33" s="470">
        <v>0</v>
      </c>
      <c r="AY33" s="270">
        <v>0</v>
      </c>
      <c r="AZ33" s="270">
        <v>0</v>
      </c>
      <c r="BA33" s="270">
        <v>0</v>
      </c>
      <c r="BB33" s="270">
        <v>0</v>
      </c>
      <c r="BC33" s="270">
        <v>45415</v>
      </c>
      <c r="BD33" s="273">
        <v>45415</v>
      </c>
      <c r="BE33" s="274">
        <v>45415</v>
      </c>
      <c r="BF33" s="269">
        <v>0</v>
      </c>
      <c r="BG33" s="270">
        <v>0</v>
      </c>
      <c r="BH33" s="271">
        <v>0</v>
      </c>
      <c r="BI33" s="470">
        <v>0</v>
      </c>
      <c r="BJ33" s="270">
        <v>0</v>
      </c>
      <c r="BK33" s="270">
        <v>0</v>
      </c>
      <c r="BL33" s="270">
        <v>0</v>
      </c>
      <c r="BM33" s="270">
        <v>0</v>
      </c>
      <c r="BN33" s="270">
        <v>0</v>
      </c>
      <c r="BO33" s="273">
        <v>0</v>
      </c>
      <c r="BP33" s="274">
        <v>0</v>
      </c>
      <c r="BQ33" s="269">
        <v>0</v>
      </c>
      <c r="BR33" s="270">
        <v>0</v>
      </c>
      <c r="BS33" s="271">
        <v>0</v>
      </c>
      <c r="BT33" s="272">
        <v>0</v>
      </c>
      <c r="BU33" s="270">
        <v>0</v>
      </c>
      <c r="BV33" s="270">
        <v>4020</v>
      </c>
      <c r="BW33" s="270">
        <v>1740</v>
      </c>
      <c r="BX33" s="270">
        <v>0</v>
      </c>
      <c r="BY33" s="270">
        <v>1585</v>
      </c>
      <c r="BZ33" s="273">
        <v>7345</v>
      </c>
      <c r="CA33" s="274">
        <v>7345</v>
      </c>
      <c r="CB33" s="269">
        <v>0</v>
      </c>
      <c r="CC33" s="270">
        <v>0</v>
      </c>
      <c r="CD33" s="271">
        <v>0</v>
      </c>
      <c r="CE33" s="272">
        <v>0</v>
      </c>
      <c r="CF33" s="270">
        <v>0</v>
      </c>
      <c r="CG33" s="270">
        <v>0</v>
      </c>
      <c r="CH33" s="270">
        <v>0</v>
      </c>
      <c r="CI33" s="270">
        <v>0</v>
      </c>
      <c r="CJ33" s="270">
        <v>0</v>
      </c>
      <c r="CK33" s="273">
        <v>0</v>
      </c>
      <c r="CL33" s="274">
        <v>0</v>
      </c>
      <c r="CM33" s="269">
        <v>0</v>
      </c>
      <c r="CN33" s="270">
        <v>0</v>
      </c>
      <c r="CO33" s="271">
        <v>0</v>
      </c>
      <c r="CP33" s="272">
        <v>0</v>
      </c>
      <c r="CQ33" s="270">
        <v>0</v>
      </c>
      <c r="CR33" s="270">
        <v>0</v>
      </c>
      <c r="CS33" s="270">
        <v>0</v>
      </c>
      <c r="CT33" s="270">
        <v>0</v>
      </c>
      <c r="CU33" s="270">
        <v>0</v>
      </c>
      <c r="CV33" s="273">
        <v>0</v>
      </c>
      <c r="CW33" s="274">
        <v>0</v>
      </c>
      <c r="CX33" s="269">
        <v>0</v>
      </c>
      <c r="CY33" s="270">
        <v>0</v>
      </c>
      <c r="CZ33" s="271">
        <v>0</v>
      </c>
      <c r="DA33" s="470">
        <v>0</v>
      </c>
      <c r="DB33" s="270">
        <v>0</v>
      </c>
      <c r="DC33" s="270">
        <v>0</v>
      </c>
      <c r="DD33" s="270">
        <v>0</v>
      </c>
      <c r="DE33" s="270">
        <v>0</v>
      </c>
      <c r="DF33" s="270">
        <v>0</v>
      </c>
      <c r="DG33" s="273">
        <v>0</v>
      </c>
      <c r="DH33" s="274">
        <v>0</v>
      </c>
      <c r="DI33" s="269">
        <v>0</v>
      </c>
      <c r="DJ33" s="270">
        <v>0</v>
      </c>
      <c r="DK33" s="271">
        <v>0</v>
      </c>
      <c r="DL33" s="272">
        <v>0</v>
      </c>
      <c r="DM33" s="270">
        <v>36518</v>
      </c>
      <c r="DN33" s="270">
        <v>64091</v>
      </c>
      <c r="DO33" s="270">
        <v>265647</v>
      </c>
      <c r="DP33" s="270">
        <v>386993</v>
      </c>
      <c r="DQ33" s="270">
        <v>193405</v>
      </c>
      <c r="DR33" s="273">
        <v>946654</v>
      </c>
      <c r="DS33" s="275">
        <v>946654</v>
      </c>
      <c r="DT33" s="269">
        <v>0</v>
      </c>
      <c r="DU33" s="270">
        <v>0</v>
      </c>
      <c r="DV33" s="271">
        <v>0</v>
      </c>
      <c r="DW33" s="470">
        <v>0</v>
      </c>
      <c r="DX33" s="270">
        <v>0</v>
      </c>
      <c r="DY33" s="270">
        <v>36611</v>
      </c>
      <c r="DZ33" s="270">
        <v>256215</v>
      </c>
      <c r="EA33" s="270">
        <v>386398</v>
      </c>
      <c r="EB33" s="270">
        <v>178642</v>
      </c>
      <c r="EC33" s="273">
        <v>857866</v>
      </c>
      <c r="ED33" s="274">
        <v>857866</v>
      </c>
      <c r="EE33" s="269">
        <v>0</v>
      </c>
      <c r="EF33" s="270">
        <v>0</v>
      </c>
      <c r="EG33" s="271">
        <v>0</v>
      </c>
      <c r="EH33" s="470">
        <v>0</v>
      </c>
      <c r="EI33" s="270">
        <v>36518</v>
      </c>
      <c r="EJ33" s="270">
        <v>21545</v>
      </c>
      <c r="EK33" s="270">
        <v>217</v>
      </c>
      <c r="EL33" s="270">
        <v>595</v>
      </c>
      <c r="EM33" s="270">
        <v>434</v>
      </c>
      <c r="EN33" s="273">
        <v>59309</v>
      </c>
      <c r="EO33" s="274">
        <v>59309</v>
      </c>
      <c r="EP33" s="269">
        <v>0</v>
      </c>
      <c r="EQ33" s="270">
        <v>0</v>
      </c>
      <c r="ER33" s="271">
        <v>0</v>
      </c>
      <c r="ES33" s="470">
        <v>0</v>
      </c>
      <c r="ET33" s="270">
        <v>0</v>
      </c>
      <c r="EU33" s="270">
        <v>0</v>
      </c>
      <c r="EV33" s="270">
        <v>0</v>
      </c>
      <c r="EW33" s="270">
        <v>0</v>
      </c>
      <c r="EX33" s="270">
        <v>0</v>
      </c>
      <c r="EY33" s="273">
        <v>0</v>
      </c>
      <c r="EZ33" s="274">
        <v>0</v>
      </c>
      <c r="FA33" s="269">
        <v>0</v>
      </c>
      <c r="FB33" s="270">
        <v>0</v>
      </c>
      <c r="FC33" s="271">
        <v>0</v>
      </c>
      <c r="FD33" s="470">
        <v>0</v>
      </c>
      <c r="FE33" s="270">
        <v>0</v>
      </c>
      <c r="FF33" s="270">
        <v>0</v>
      </c>
      <c r="FG33" s="270">
        <v>0</v>
      </c>
      <c r="FH33" s="270">
        <v>0</v>
      </c>
      <c r="FI33" s="270">
        <v>11904</v>
      </c>
      <c r="FJ33" s="273">
        <v>11904</v>
      </c>
      <c r="FK33" s="274">
        <v>11904</v>
      </c>
      <c r="FL33" s="269">
        <v>0</v>
      </c>
      <c r="FM33" s="270">
        <v>0</v>
      </c>
      <c r="FN33" s="271">
        <v>0</v>
      </c>
      <c r="FO33" s="470">
        <v>0</v>
      </c>
      <c r="FP33" s="270">
        <v>0</v>
      </c>
      <c r="FQ33" s="270">
        <v>0</v>
      </c>
      <c r="FR33" s="270">
        <v>0</v>
      </c>
      <c r="FS33" s="270">
        <v>0</v>
      </c>
      <c r="FT33" s="270">
        <v>0</v>
      </c>
      <c r="FU33" s="273">
        <v>0</v>
      </c>
      <c r="FV33" s="274">
        <v>0</v>
      </c>
      <c r="FW33" s="269">
        <v>0</v>
      </c>
      <c r="FX33" s="270">
        <v>0</v>
      </c>
      <c r="FY33" s="271">
        <v>0</v>
      </c>
      <c r="FZ33" s="272">
        <v>0</v>
      </c>
      <c r="GA33" s="270">
        <v>0</v>
      </c>
      <c r="GB33" s="270">
        <v>5935</v>
      </c>
      <c r="GC33" s="270">
        <v>9215</v>
      </c>
      <c r="GD33" s="270">
        <v>0</v>
      </c>
      <c r="GE33" s="270">
        <v>2425</v>
      </c>
      <c r="GF33" s="273">
        <v>17575</v>
      </c>
      <c r="GG33" s="274">
        <v>17575</v>
      </c>
      <c r="GH33" s="269">
        <v>0</v>
      </c>
      <c r="GI33" s="270">
        <v>0</v>
      </c>
      <c r="GJ33" s="271">
        <v>0</v>
      </c>
      <c r="GK33" s="272">
        <v>0</v>
      </c>
      <c r="GL33" s="270">
        <v>0</v>
      </c>
      <c r="GM33" s="270">
        <v>0</v>
      </c>
      <c r="GN33" s="270">
        <v>0</v>
      </c>
      <c r="GO33" s="270">
        <v>0</v>
      </c>
      <c r="GP33" s="270">
        <v>0</v>
      </c>
      <c r="GQ33" s="273">
        <v>0</v>
      </c>
      <c r="GR33" s="274">
        <v>0</v>
      </c>
      <c r="GS33" s="269">
        <v>0</v>
      </c>
      <c r="GT33" s="270">
        <v>0</v>
      </c>
      <c r="GU33" s="271">
        <v>0</v>
      </c>
      <c r="GV33" s="272">
        <v>0</v>
      </c>
      <c r="GW33" s="270">
        <v>0</v>
      </c>
      <c r="GX33" s="270">
        <v>0</v>
      </c>
      <c r="GY33" s="270">
        <v>0</v>
      </c>
      <c r="GZ33" s="270">
        <v>0</v>
      </c>
      <c r="HA33" s="270">
        <v>0</v>
      </c>
      <c r="HB33" s="273">
        <v>0</v>
      </c>
      <c r="HC33" s="274">
        <v>0</v>
      </c>
      <c r="HD33" s="269">
        <v>0</v>
      </c>
      <c r="HE33" s="270">
        <v>0</v>
      </c>
      <c r="HF33" s="271">
        <v>0</v>
      </c>
      <c r="HG33" s="470">
        <v>0</v>
      </c>
      <c r="HH33" s="270">
        <v>0</v>
      </c>
      <c r="HI33" s="270">
        <v>0</v>
      </c>
      <c r="HJ33" s="270">
        <v>0</v>
      </c>
      <c r="HK33" s="270">
        <v>0</v>
      </c>
      <c r="HL33" s="270">
        <v>0</v>
      </c>
      <c r="HM33" s="273">
        <v>0</v>
      </c>
      <c r="HN33" s="274">
        <v>0</v>
      </c>
      <c r="HO33" s="269">
        <v>0</v>
      </c>
      <c r="HP33" s="270">
        <v>0</v>
      </c>
      <c r="HQ33" s="271">
        <v>0</v>
      </c>
      <c r="HR33" s="272">
        <v>0</v>
      </c>
      <c r="HS33" s="270">
        <v>123783</v>
      </c>
      <c r="HT33" s="270">
        <v>103211</v>
      </c>
      <c r="HU33" s="270">
        <v>455937</v>
      </c>
      <c r="HV33" s="270">
        <v>732144</v>
      </c>
      <c r="HW33" s="270">
        <v>418275</v>
      </c>
      <c r="HX33" s="273">
        <v>1833350</v>
      </c>
      <c r="HY33" s="274">
        <v>1833350</v>
      </c>
    </row>
    <row r="34" spans="2:233" ht="21" customHeight="1" x14ac:dyDescent="0.2">
      <c r="B34" s="437" t="s">
        <v>31</v>
      </c>
      <c r="C34" s="269">
        <v>0</v>
      </c>
      <c r="D34" s="270">
        <v>0</v>
      </c>
      <c r="E34" s="271">
        <v>0</v>
      </c>
      <c r="F34" s="272">
        <v>0</v>
      </c>
      <c r="G34" s="270">
        <v>63055</v>
      </c>
      <c r="H34" s="270">
        <v>123060</v>
      </c>
      <c r="I34" s="270">
        <v>226785</v>
      </c>
      <c r="J34" s="270">
        <v>226130</v>
      </c>
      <c r="K34" s="270">
        <v>145970</v>
      </c>
      <c r="L34" s="273">
        <v>785000</v>
      </c>
      <c r="M34" s="274">
        <v>785000</v>
      </c>
      <c r="N34" s="269">
        <v>0</v>
      </c>
      <c r="O34" s="270">
        <v>0</v>
      </c>
      <c r="P34" s="271">
        <v>0</v>
      </c>
      <c r="Q34" s="470">
        <v>0</v>
      </c>
      <c r="R34" s="270">
        <v>27280</v>
      </c>
      <c r="S34" s="270">
        <v>57350</v>
      </c>
      <c r="T34" s="270">
        <v>218010</v>
      </c>
      <c r="U34" s="270">
        <v>122335</v>
      </c>
      <c r="V34" s="270">
        <v>113925</v>
      </c>
      <c r="W34" s="273">
        <v>538900</v>
      </c>
      <c r="X34" s="274">
        <v>538900</v>
      </c>
      <c r="Y34" s="269">
        <v>0</v>
      </c>
      <c r="Z34" s="270">
        <v>0</v>
      </c>
      <c r="AA34" s="271">
        <v>0</v>
      </c>
      <c r="AB34" s="470">
        <v>0</v>
      </c>
      <c r="AC34" s="270">
        <v>2635</v>
      </c>
      <c r="AD34" s="270">
        <v>51925</v>
      </c>
      <c r="AE34" s="270">
        <v>7905</v>
      </c>
      <c r="AF34" s="270">
        <v>89565</v>
      </c>
      <c r="AG34" s="270">
        <v>2550</v>
      </c>
      <c r="AH34" s="273">
        <v>154580</v>
      </c>
      <c r="AI34" s="274">
        <v>154580</v>
      </c>
      <c r="AJ34" s="269">
        <v>0</v>
      </c>
      <c r="AK34" s="270">
        <v>0</v>
      </c>
      <c r="AL34" s="271">
        <v>0</v>
      </c>
      <c r="AM34" s="470">
        <v>0</v>
      </c>
      <c r="AN34" s="270">
        <v>0</v>
      </c>
      <c r="AO34" s="270">
        <v>0</v>
      </c>
      <c r="AP34" s="270">
        <v>0</v>
      </c>
      <c r="AQ34" s="270">
        <v>0</v>
      </c>
      <c r="AR34" s="270">
        <v>0</v>
      </c>
      <c r="AS34" s="273">
        <v>0</v>
      </c>
      <c r="AT34" s="274">
        <v>0</v>
      </c>
      <c r="AU34" s="269">
        <v>0</v>
      </c>
      <c r="AV34" s="270">
        <v>0</v>
      </c>
      <c r="AW34" s="271">
        <v>0</v>
      </c>
      <c r="AX34" s="470">
        <v>0</v>
      </c>
      <c r="AY34" s="270">
        <v>32705</v>
      </c>
      <c r="AZ34" s="270">
        <v>0</v>
      </c>
      <c r="BA34" s="270">
        <v>0</v>
      </c>
      <c r="BB34" s="270">
        <v>0</v>
      </c>
      <c r="BC34" s="270">
        <v>29495</v>
      </c>
      <c r="BD34" s="273">
        <v>62200</v>
      </c>
      <c r="BE34" s="274">
        <v>62200</v>
      </c>
      <c r="BF34" s="269">
        <v>0</v>
      </c>
      <c r="BG34" s="270">
        <v>0</v>
      </c>
      <c r="BH34" s="271">
        <v>0</v>
      </c>
      <c r="BI34" s="470">
        <v>0</v>
      </c>
      <c r="BJ34" s="270">
        <v>0</v>
      </c>
      <c r="BK34" s="270">
        <v>0</v>
      </c>
      <c r="BL34" s="270">
        <v>0</v>
      </c>
      <c r="BM34" s="270">
        <v>0</v>
      </c>
      <c r="BN34" s="270">
        <v>0</v>
      </c>
      <c r="BO34" s="273">
        <v>0</v>
      </c>
      <c r="BP34" s="274">
        <v>0</v>
      </c>
      <c r="BQ34" s="269">
        <v>0</v>
      </c>
      <c r="BR34" s="270">
        <v>0</v>
      </c>
      <c r="BS34" s="271">
        <v>0</v>
      </c>
      <c r="BT34" s="272">
        <v>0</v>
      </c>
      <c r="BU34" s="270">
        <v>435</v>
      </c>
      <c r="BV34" s="270">
        <v>13785</v>
      </c>
      <c r="BW34" s="270">
        <v>870</v>
      </c>
      <c r="BX34" s="270">
        <v>14230</v>
      </c>
      <c r="BY34" s="270">
        <v>0</v>
      </c>
      <c r="BZ34" s="273">
        <v>29320</v>
      </c>
      <c r="CA34" s="274">
        <v>29320</v>
      </c>
      <c r="CB34" s="269">
        <v>0</v>
      </c>
      <c r="CC34" s="270">
        <v>0</v>
      </c>
      <c r="CD34" s="271">
        <v>0</v>
      </c>
      <c r="CE34" s="272">
        <v>0</v>
      </c>
      <c r="CF34" s="270">
        <v>0</v>
      </c>
      <c r="CG34" s="270">
        <v>0</v>
      </c>
      <c r="CH34" s="270">
        <v>0</v>
      </c>
      <c r="CI34" s="270">
        <v>0</v>
      </c>
      <c r="CJ34" s="270">
        <v>0</v>
      </c>
      <c r="CK34" s="273">
        <v>0</v>
      </c>
      <c r="CL34" s="274">
        <v>0</v>
      </c>
      <c r="CM34" s="269">
        <v>0</v>
      </c>
      <c r="CN34" s="270">
        <v>0</v>
      </c>
      <c r="CO34" s="271">
        <v>0</v>
      </c>
      <c r="CP34" s="272">
        <v>0</v>
      </c>
      <c r="CQ34" s="270">
        <v>0</v>
      </c>
      <c r="CR34" s="270">
        <v>0</v>
      </c>
      <c r="CS34" s="270">
        <v>0</v>
      </c>
      <c r="CT34" s="270">
        <v>0</v>
      </c>
      <c r="CU34" s="270">
        <v>0</v>
      </c>
      <c r="CV34" s="273">
        <v>0</v>
      </c>
      <c r="CW34" s="274">
        <v>0</v>
      </c>
      <c r="CX34" s="269">
        <v>0</v>
      </c>
      <c r="CY34" s="270">
        <v>0</v>
      </c>
      <c r="CZ34" s="271">
        <v>0</v>
      </c>
      <c r="DA34" s="470">
        <v>0</v>
      </c>
      <c r="DB34" s="270">
        <v>0</v>
      </c>
      <c r="DC34" s="270">
        <v>0</v>
      </c>
      <c r="DD34" s="270">
        <v>0</v>
      </c>
      <c r="DE34" s="270">
        <v>0</v>
      </c>
      <c r="DF34" s="270">
        <v>0</v>
      </c>
      <c r="DG34" s="273">
        <v>0</v>
      </c>
      <c r="DH34" s="274">
        <v>0</v>
      </c>
      <c r="DI34" s="269">
        <v>0</v>
      </c>
      <c r="DJ34" s="270">
        <v>0</v>
      </c>
      <c r="DK34" s="271">
        <v>0</v>
      </c>
      <c r="DL34" s="272">
        <v>0</v>
      </c>
      <c r="DM34" s="270">
        <v>38449</v>
      </c>
      <c r="DN34" s="270">
        <v>42593</v>
      </c>
      <c r="DO34" s="270">
        <v>228860</v>
      </c>
      <c r="DP34" s="270">
        <v>255798</v>
      </c>
      <c r="DQ34" s="270">
        <v>187736</v>
      </c>
      <c r="DR34" s="273">
        <v>753436</v>
      </c>
      <c r="DS34" s="275">
        <v>753436</v>
      </c>
      <c r="DT34" s="269">
        <v>0</v>
      </c>
      <c r="DU34" s="270">
        <v>0</v>
      </c>
      <c r="DV34" s="271">
        <v>0</v>
      </c>
      <c r="DW34" s="470">
        <v>0</v>
      </c>
      <c r="DX34" s="270">
        <v>36611</v>
      </c>
      <c r="DY34" s="270">
        <v>30070</v>
      </c>
      <c r="DZ34" s="270">
        <v>225401</v>
      </c>
      <c r="EA34" s="270">
        <v>238457</v>
      </c>
      <c r="EB34" s="270">
        <v>187302</v>
      </c>
      <c r="EC34" s="273">
        <v>717841</v>
      </c>
      <c r="ED34" s="274">
        <v>717841</v>
      </c>
      <c r="EE34" s="269">
        <v>0</v>
      </c>
      <c r="EF34" s="270">
        <v>0</v>
      </c>
      <c r="EG34" s="271">
        <v>0</v>
      </c>
      <c r="EH34" s="470">
        <v>0</v>
      </c>
      <c r="EI34" s="270">
        <v>217</v>
      </c>
      <c r="EJ34" s="270">
        <v>589</v>
      </c>
      <c r="EK34" s="270">
        <v>651</v>
      </c>
      <c r="EL34" s="270">
        <v>595</v>
      </c>
      <c r="EM34" s="270">
        <v>217</v>
      </c>
      <c r="EN34" s="273">
        <v>2269</v>
      </c>
      <c r="EO34" s="274">
        <v>2269</v>
      </c>
      <c r="EP34" s="269">
        <v>0</v>
      </c>
      <c r="EQ34" s="270">
        <v>0</v>
      </c>
      <c r="ER34" s="271">
        <v>0</v>
      </c>
      <c r="ES34" s="470">
        <v>0</v>
      </c>
      <c r="ET34" s="270">
        <v>0</v>
      </c>
      <c r="EU34" s="270">
        <v>0</v>
      </c>
      <c r="EV34" s="270">
        <v>0</v>
      </c>
      <c r="EW34" s="270">
        <v>0</v>
      </c>
      <c r="EX34" s="270">
        <v>0</v>
      </c>
      <c r="EY34" s="273">
        <v>0</v>
      </c>
      <c r="EZ34" s="274">
        <v>0</v>
      </c>
      <c r="FA34" s="269">
        <v>0</v>
      </c>
      <c r="FB34" s="270">
        <v>0</v>
      </c>
      <c r="FC34" s="271">
        <v>0</v>
      </c>
      <c r="FD34" s="470">
        <v>0</v>
      </c>
      <c r="FE34" s="270">
        <v>217</v>
      </c>
      <c r="FF34" s="270">
        <v>0</v>
      </c>
      <c r="FG34" s="270">
        <v>0</v>
      </c>
      <c r="FH34" s="270">
        <v>0</v>
      </c>
      <c r="FI34" s="270">
        <v>217</v>
      </c>
      <c r="FJ34" s="273">
        <v>434</v>
      </c>
      <c r="FK34" s="274">
        <v>434</v>
      </c>
      <c r="FL34" s="269">
        <v>0</v>
      </c>
      <c r="FM34" s="270">
        <v>0</v>
      </c>
      <c r="FN34" s="271">
        <v>0</v>
      </c>
      <c r="FO34" s="470">
        <v>0</v>
      </c>
      <c r="FP34" s="270">
        <v>0</v>
      </c>
      <c r="FQ34" s="270">
        <v>0</v>
      </c>
      <c r="FR34" s="270">
        <v>0</v>
      </c>
      <c r="FS34" s="270">
        <v>0</v>
      </c>
      <c r="FT34" s="270">
        <v>0</v>
      </c>
      <c r="FU34" s="273">
        <v>0</v>
      </c>
      <c r="FV34" s="274">
        <v>0</v>
      </c>
      <c r="FW34" s="269">
        <v>0</v>
      </c>
      <c r="FX34" s="270">
        <v>0</v>
      </c>
      <c r="FY34" s="271">
        <v>0</v>
      </c>
      <c r="FZ34" s="272">
        <v>0</v>
      </c>
      <c r="GA34" s="270">
        <v>1404</v>
      </c>
      <c r="GB34" s="270">
        <v>11934</v>
      </c>
      <c r="GC34" s="270">
        <v>2808</v>
      </c>
      <c r="GD34" s="270">
        <v>16746</v>
      </c>
      <c r="GE34" s="270">
        <v>0</v>
      </c>
      <c r="GF34" s="273">
        <v>32892</v>
      </c>
      <c r="GG34" s="274">
        <v>32892</v>
      </c>
      <c r="GH34" s="269">
        <v>0</v>
      </c>
      <c r="GI34" s="270">
        <v>0</v>
      </c>
      <c r="GJ34" s="271">
        <v>0</v>
      </c>
      <c r="GK34" s="272">
        <v>0</v>
      </c>
      <c r="GL34" s="270">
        <v>0</v>
      </c>
      <c r="GM34" s="270">
        <v>0</v>
      </c>
      <c r="GN34" s="270">
        <v>0</v>
      </c>
      <c r="GO34" s="270">
        <v>0</v>
      </c>
      <c r="GP34" s="270">
        <v>0</v>
      </c>
      <c r="GQ34" s="273">
        <v>0</v>
      </c>
      <c r="GR34" s="274">
        <v>0</v>
      </c>
      <c r="GS34" s="269">
        <v>0</v>
      </c>
      <c r="GT34" s="270">
        <v>0</v>
      </c>
      <c r="GU34" s="271">
        <v>0</v>
      </c>
      <c r="GV34" s="272">
        <v>0</v>
      </c>
      <c r="GW34" s="270">
        <v>0</v>
      </c>
      <c r="GX34" s="270">
        <v>0</v>
      </c>
      <c r="GY34" s="270">
        <v>0</v>
      </c>
      <c r="GZ34" s="270">
        <v>0</v>
      </c>
      <c r="HA34" s="270">
        <v>0</v>
      </c>
      <c r="HB34" s="273">
        <v>0</v>
      </c>
      <c r="HC34" s="274">
        <v>0</v>
      </c>
      <c r="HD34" s="269">
        <v>0</v>
      </c>
      <c r="HE34" s="270">
        <v>0</v>
      </c>
      <c r="HF34" s="271">
        <v>0</v>
      </c>
      <c r="HG34" s="470">
        <v>0</v>
      </c>
      <c r="HH34" s="270">
        <v>0</v>
      </c>
      <c r="HI34" s="270">
        <v>0</v>
      </c>
      <c r="HJ34" s="270">
        <v>0</v>
      </c>
      <c r="HK34" s="270">
        <v>0</v>
      </c>
      <c r="HL34" s="270">
        <v>0</v>
      </c>
      <c r="HM34" s="273">
        <v>0</v>
      </c>
      <c r="HN34" s="274">
        <v>0</v>
      </c>
      <c r="HO34" s="269">
        <v>0</v>
      </c>
      <c r="HP34" s="270">
        <v>0</v>
      </c>
      <c r="HQ34" s="271">
        <v>0</v>
      </c>
      <c r="HR34" s="272">
        <v>0</v>
      </c>
      <c r="HS34" s="270">
        <v>101504</v>
      </c>
      <c r="HT34" s="270">
        <v>165653</v>
      </c>
      <c r="HU34" s="270">
        <v>455645</v>
      </c>
      <c r="HV34" s="270">
        <v>481928</v>
      </c>
      <c r="HW34" s="270">
        <v>333706</v>
      </c>
      <c r="HX34" s="273">
        <v>1538436</v>
      </c>
      <c r="HY34" s="274">
        <v>1538436</v>
      </c>
    </row>
    <row r="35" spans="2:233" ht="21" customHeight="1" x14ac:dyDescent="0.2">
      <c r="B35" s="437" t="s">
        <v>32</v>
      </c>
      <c r="C35" s="269">
        <v>0</v>
      </c>
      <c r="D35" s="270">
        <v>0</v>
      </c>
      <c r="E35" s="271">
        <v>0</v>
      </c>
      <c r="F35" s="272">
        <v>0</v>
      </c>
      <c r="G35" s="270">
        <v>38130</v>
      </c>
      <c r="H35" s="270">
        <v>41445</v>
      </c>
      <c r="I35" s="270">
        <v>298995</v>
      </c>
      <c r="J35" s="270">
        <v>470025</v>
      </c>
      <c r="K35" s="270">
        <v>235900</v>
      </c>
      <c r="L35" s="273">
        <v>1084495</v>
      </c>
      <c r="M35" s="274">
        <v>1084495</v>
      </c>
      <c r="N35" s="269">
        <v>0</v>
      </c>
      <c r="O35" s="270">
        <v>0</v>
      </c>
      <c r="P35" s="271">
        <v>0</v>
      </c>
      <c r="Q35" s="470">
        <v>0</v>
      </c>
      <c r="R35" s="270">
        <v>35495</v>
      </c>
      <c r="S35" s="270">
        <v>0</v>
      </c>
      <c r="T35" s="270">
        <v>39845</v>
      </c>
      <c r="U35" s="270">
        <v>255440</v>
      </c>
      <c r="V35" s="270">
        <v>159285</v>
      </c>
      <c r="W35" s="273">
        <v>490065</v>
      </c>
      <c r="X35" s="274">
        <v>490065</v>
      </c>
      <c r="Y35" s="269">
        <v>0</v>
      </c>
      <c r="Z35" s="270">
        <v>0</v>
      </c>
      <c r="AA35" s="271">
        <v>0</v>
      </c>
      <c r="AB35" s="470">
        <v>0</v>
      </c>
      <c r="AC35" s="270">
        <v>2635</v>
      </c>
      <c r="AD35" s="270">
        <v>32705</v>
      </c>
      <c r="AE35" s="270">
        <v>52680</v>
      </c>
      <c r="AF35" s="270">
        <v>133455</v>
      </c>
      <c r="AG35" s="270">
        <v>12130</v>
      </c>
      <c r="AH35" s="273">
        <v>233605</v>
      </c>
      <c r="AI35" s="274">
        <v>233605</v>
      </c>
      <c r="AJ35" s="269">
        <v>0</v>
      </c>
      <c r="AK35" s="270">
        <v>0</v>
      </c>
      <c r="AL35" s="271">
        <v>0</v>
      </c>
      <c r="AM35" s="470">
        <v>0</v>
      </c>
      <c r="AN35" s="270">
        <v>0</v>
      </c>
      <c r="AO35" s="270">
        <v>0</v>
      </c>
      <c r="AP35" s="270">
        <v>0</v>
      </c>
      <c r="AQ35" s="270">
        <v>0</v>
      </c>
      <c r="AR35" s="270">
        <v>0</v>
      </c>
      <c r="AS35" s="273">
        <v>0</v>
      </c>
      <c r="AT35" s="274">
        <v>0</v>
      </c>
      <c r="AU35" s="269">
        <v>0</v>
      </c>
      <c r="AV35" s="270">
        <v>0</v>
      </c>
      <c r="AW35" s="271">
        <v>0</v>
      </c>
      <c r="AX35" s="470">
        <v>0</v>
      </c>
      <c r="AY35" s="270">
        <v>0</v>
      </c>
      <c r="AZ35" s="270">
        <v>0</v>
      </c>
      <c r="BA35" s="270">
        <v>0</v>
      </c>
      <c r="BB35" s="270">
        <v>0</v>
      </c>
      <c r="BC35" s="270">
        <v>32705</v>
      </c>
      <c r="BD35" s="273">
        <v>32705</v>
      </c>
      <c r="BE35" s="274">
        <v>32705</v>
      </c>
      <c r="BF35" s="269">
        <v>0</v>
      </c>
      <c r="BG35" s="270">
        <v>0</v>
      </c>
      <c r="BH35" s="271">
        <v>0</v>
      </c>
      <c r="BI35" s="470">
        <v>0</v>
      </c>
      <c r="BJ35" s="270">
        <v>0</v>
      </c>
      <c r="BK35" s="270">
        <v>0</v>
      </c>
      <c r="BL35" s="270">
        <v>182745</v>
      </c>
      <c r="BM35" s="270">
        <v>68045</v>
      </c>
      <c r="BN35" s="270">
        <v>25690</v>
      </c>
      <c r="BO35" s="273">
        <v>276480</v>
      </c>
      <c r="BP35" s="274">
        <v>276480</v>
      </c>
      <c r="BQ35" s="269">
        <v>0</v>
      </c>
      <c r="BR35" s="270">
        <v>0</v>
      </c>
      <c r="BS35" s="271">
        <v>0</v>
      </c>
      <c r="BT35" s="272">
        <v>0</v>
      </c>
      <c r="BU35" s="270">
        <v>0</v>
      </c>
      <c r="BV35" s="270">
        <v>5215</v>
      </c>
      <c r="BW35" s="270">
        <v>23725</v>
      </c>
      <c r="BX35" s="270">
        <v>13085</v>
      </c>
      <c r="BY35" s="270">
        <v>6090</v>
      </c>
      <c r="BZ35" s="273">
        <v>48115</v>
      </c>
      <c r="CA35" s="274">
        <v>48115</v>
      </c>
      <c r="CB35" s="269">
        <v>0</v>
      </c>
      <c r="CC35" s="270">
        <v>0</v>
      </c>
      <c r="CD35" s="271">
        <v>0</v>
      </c>
      <c r="CE35" s="272">
        <v>0</v>
      </c>
      <c r="CF35" s="270">
        <v>0</v>
      </c>
      <c r="CG35" s="270">
        <v>3525</v>
      </c>
      <c r="CH35" s="270">
        <v>0</v>
      </c>
      <c r="CI35" s="270">
        <v>0</v>
      </c>
      <c r="CJ35" s="270">
        <v>0</v>
      </c>
      <c r="CK35" s="273">
        <v>3525</v>
      </c>
      <c r="CL35" s="274">
        <v>3525</v>
      </c>
      <c r="CM35" s="269">
        <v>0</v>
      </c>
      <c r="CN35" s="270">
        <v>0</v>
      </c>
      <c r="CO35" s="271">
        <v>0</v>
      </c>
      <c r="CP35" s="272">
        <v>0</v>
      </c>
      <c r="CQ35" s="270">
        <v>0</v>
      </c>
      <c r="CR35" s="270">
        <v>0</v>
      </c>
      <c r="CS35" s="270">
        <v>0</v>
      </c>
      <c r="CT35" s="270">
        <v>0</v>
      </c>
      <c r="CU35" s="270">
        <v>0</v>
      </c>
      <c r="CV35" s="273">
        <v>0</v>
      </c>
      <c r="CW35" s="274">
        <v>0</v>
      </c>
      <c r="CX35" s="269">
        <v>0</v>
      </c>
      <c r="CY35" s="270">
        <v>0</v>
      </c>
      <c r="CZ35" s="271">
        <v>0</v>
      </c>
      <c r="DA35" s="470">
        <v>0</v>
      </c>
      <c r="DB35" s="270">
        <v>0</v>
      </c>
      <c r="DC35" s="270">
        <v>0</v>
      </c>
      <c r="DD35" s="270">
        <v>0</v>
      </c>
      <c r="DE35" s="270">
        <v>0</v>
      </c>
      <c r="DF35" s="270">
        <v>0</v>
      </c>
      <c r="DG35" s="273">
        <v>0</v>
      </c>
      <c r="DH35" s="274">
        <v>0</v>
      </c>
      <c r="DI35" s="269">
        <v>0</v>
      </c>
      <c r="DJ35" s="270">
        <v>0</v>
      </c>
      <c r="DK35" s="271">
        <v>0</v>
      </c>
      <c r="DL35" s="272">
        <v>0</v>
      </c>
      <c r="DM35" s="270">
        <v>26722</v>
      </c>
      <c r="DN35" s="270">
        <v>12289</v>
      </c>
      <c r="DO35" s="270">
        <v>277783</v>
      </c>
      <c r="DP35" s="270">
        <v>470871</v>
      </c>
      <c r="DQ35" s="270">
        <v>221207</v>
      </c>
      <c r="DR35" s="273">
        <v>1008872</v>
      </c>
      <c r="DS35" s="275">
        <v>1008872</v>
      </c>
      <c r="DT35" s="269">
        <v>0</v>
      </c>
      <c r="DU35" s="270">
        <v>0</v>
      </c>
      <c r="DV35" s="271">
        <v>0</v>
      </c>
      <c r="DW35" s="470">
        <v>0</v>
      </c>
      <c r="DX35" s="270">
        <v>26505</v>
      </c>
      <c r="DY35" s="270">
        <v>0</v>
      </c>
      <c r="DZ35" s="270">
        <v>77506</v>
      </c>
      <c r="EA35" s="270">
        <v>356761</v>
      </c>
      <c r="EB35" s="270">
        <v>176638</v>
      </c>
      <c r="EC35" s="273">
        <v>637410</v>
      </c>
      <c r="ED35" s="274">
        <v>637410</v>
      </c>
      <c r="EE35" s="269">
        <v>0</v>
      </c>
      <c r="EF35" s="270">
        <v>0</v>
      </c>
      <c r="EG35" s="271">
        <v>0</v>
      </c>
      <c r="EH35" s="470">
        <v>0</v>
      </c>
      <c r="EI35" s="270">
        <v>217</v>
      </c>
      <c r="EJ35" s="270">
        <v>186</v>
      </c>
      <c r="EK35" s="270">
        <v>11865</v>
      </c>
      <c r="EL35" s="270">
        <v>48422</v>
      </c>
      <c r="EM35" s="270">
        <v>280</v>
      </c>
      <c r="EN35" s="273">
        <v>60970</v>
      </c>
      <c r="EO35" s="274">
        <v>60970</v>
      </c>
      <c r="EP35" s="269">
        <v>0</v>
      </c>
      <c r="EQ35" s="270">
        <v>0</v>
      </c>
      <c r="ER35" s="271">
        <v>0</v>
      </c>
      <c r="ES35" s="470">
        <v>0</v>
      </c>
      <c r="ET35" s="270">
        <v>0</v>
      </c>
      <c r="EU35" s="270">
        <v>0</v>
      </c>
      <c r="EV35" s="270">
        <v>0</v>
      </c>
      <c r="EW35" s="270">
        <v>0</v>
      </c>
      <c r="EX35" s="270">
        <v>0</v>
      </c>
      <c r="EY35" s="273">
        <v>0</v>
      </c>
      <c r="EZ35" s="274">
        <v>0</v>
      </c>
      <c r="FA35" s="269">
        <v>0</v>
      </c>
      <c r="FB35" s="270">
        <v>0</v>
      </c>
      <c r="FC35" s="271">
        <v>0</v>
      </c>
      <c r="FD35" s="470">
        <v>0</v>
      </c>
      <c r="FE35" s="270">
        <v>0</v>
      </c>
      <c r="FF35" s="270">
        <v>0</v>
      </c>
      <c r="FG35" s="270">
        <v>0</v>
      </c>
      <c r="FH35" s="270">
        <v>0</v>
      </c>
      <c r="FI35" s="270">
        <v>217</v>
      </c>
      <c r="FJ35" s="273">
        <v>217</v>
      </c>
      <c r="FK35" s="274">
        <v>217</v>
      </c>
      <c r="FL35" s="269">
        <v>0</v>
      </c>
      <c r="FM35" s="270">
        <v>0</v>
      </c>
      <c r="FN35" s="271">
        <v>0</v>
      </c>
      <c r="FO35" s="470">
        <v>0</v>
      </c>
      <c r="FP35" s="270">
        <v>0</v>
      </c>
      <c r="FQ35" s="270">
        <v>0</v>
      </c>
      <c r="FR35" s="270">
        <v>161386</v>
      </c>
      <c r="FS35" s="270">
        <v>57443</v>
      </c>
      <c r="FT35" s="270">
        <v>21762</v>
      </c>
      <c r="FU35" s="273">
        <v>240591</v>
      </c>
      <c r="FV35" s="274">
        <v>240591</v>
      </c>
      <c r="FW35" s="269">
        <v>0</v>
      </c>
      <c r="FX35" s="270">
        <v>0</v>
      </c>
      <c r="FY35" s="271">
        <v>0</v>
      </c>
      <c r="FZ35" s="272">
        <v>0</v>
      </c>
      <c r="GA35" s="270">
        <v>0</v>
      </c>
      <c r="GB35" s="270">
        <v>7363</v>
      </c>
      <c r="GC35" s="270">
        <v>27026</v>
      </c>
      <c r="GD35" s="270">
        <v>8245</v>
      </c>
      <c r="GE35" s="270">
        <v>22310</v>
      </c>
      <c r="GF35" s="273">
        <v>64944</v>
      </c>
      <c r="GG35" s="274">
        <v>64944</v>
      </c>
      <c r="GH35" s="269">
        <v>0</v>
      </c>
      <c r="GI35" s="270">
        <v>0</v>
      </c>
      <c r="GJ35" s="271">
        <v>0</v>
      </c>
      <c r="GK35" s="272">
        <v>0</v>
      </c>
      <c r="GL35" s="270">
        <v>0</v>
      </c>
      <c r="GM35" s="270">
        <v>4740</v>
      </c>
      <c r="GN35" s="270">
        <v>0</v>
      </c>
      <c r="GO35" s="270">
        <v>0</v>
      </c>
      <c r="GP35" s="270">
        <v>0</v>
      </c>
      <c r="GQ35" s="273">
        <v>4740</v>
      </c>
      <c r="GR35" s="274">
        <v>4740</v>
      </c>
      <c r="GS35" s="269">
        <v>0</v>
      </c>
      <c r="GT35" s="270">
        <v>0</v>
      </c>
      <c r="GU35" s="271">
        <v>0</v>
      </c>
      <c r="GV35" s="272">
        <v>0</v>
      </c>
      <c r="GW35" s="270">
        <v>0</v>
      </c>
      <c r="GX35" s="270">
        <v>0</v>
      </c>
      <c r="GY35" s="270">
        <v>0</v>
      </c>
      <c r="GZ35" s="270">
        <v>0</v>
      </c>
      <c r="HA35" s="270">
        <v>0</v>
      </c>
      <c r="HB35" s="273">
        <v>0</v>
      </c>
      <c r="HC35" s="274">
        <v>0</v>
      </c>
      <c r="HD35" s="269">
        <v>0</v>
      </c>
      <c r="HE35" s="270">
        <v>0</v>
      </c>
      <c r="HF35" s="271">
        <v>0</v>
      </c>
      <c r="HG35" s="470">
        <v>0</v>
      </c>
      <c r="HH35" s="270">
        <v>0</v>
      </c>
      <c r="HI35" s="270">
        <v>0</v>
      </c>
      <c r="HJ35" s="270">
        <v>0</v>
      </c>
      <c r="HK35" s="270">
        <v>0</v>
      </c>
      <c r="HL35" s="270">
        <v>0</v>
      </c>
      <c r="HM35" s="273">
        <v>0</v>
      </c>
      <c r="HN35" s="274">
        <v>0</v>
      </c>
      <c r="HO35" s="269">
        <v>0</v>
      </c>
      <c r="HP35" s="270">
        <v>0</v>
      </c>
      <c r="HQ35" s="271">
        <v>0</v>
      </c>
      <c r="HR35" s="272">
        <v>0</v>
      </c>
      <c r="HS35" s="270">
        <v>64852</v>
      </c>
      <c r="HT35" s="270">
        <v>53734</v>
      </c>
      <c r="HU35" s="270">
        <v>576778</v>
      </c>
      <c r="HV35" s="270">
        <v>940896</v>
      </c>
      <c r="HW35" s="270">
        <v>457107</v>
      </c>
      <c r="HX35" s="273">
        <v>2093367</v>
      </c>
      <c r="HY35" s="274">
        <v>2093367</v>
      </c>
    </row>
    <row r="36" spans="2:233" ht="21" customHeight="1" x14ac:dyDescent="0.2">
      <c r="B36" s="437" t="s">
        <v>33</v>
      </c>
      <c r="C36" s="269">
        <v>0</v>
      </c>
      <c r="D36" s="270">
        <v>0</v>
      </c>
      <c r="E36" s="271">
        <v>0</v>
      </c>
      <c r="F36" s="272">
        <v>0</v>
      </c>
      <c r="G36" s="270">
        <v>58350</v>
      </c>
      <c r="H36" s="270">
        <v>219125</v>
      </c>
      <c r="I36" s="270">
        <v>371360</v>
      </c>
      <c r="J36" s="270">
        <v>668870</v>
      </c>
      <c r="K36" s="270">
        <v>220730</v>
      </c>
      <c r="L36" s="273">
        <v>1538435</v>
      </c>
      <c r="M36" s="274">
        <v>1538435</v>
      </c>
      <c r="N36" s="269">
        <v>0</v>
      </c>
      <c r="O36" s="270">
        <v>0</v>
      </c>
      <c r="P36" s="271">
        <v>0</v>
      </c>
      <c r="Q36" s="470">
        <v>0</v>
      </c>
      <c r="R36" s="270">
        <v>0</v>
      </c>
      <c r="S36" s="270">
        <v>59985</v>
      </c>
      <c r="T36" s="270">
        <v>220410</v>
      </c>
      <c r="U36" s="270">
        <v>368945</v>
      </c>
      <c r="V36" s="270">
        <v>190655</v>
      </c>
      <c r="W36" s="273">
        <v>839995</v>
      </c>
      <c r="X36" s="274">
        <v>839995</v>
      </c>
      <c r="Y36" s="269">
        <v>0</v>
      </c>
      <c r="Z36" s="270">
        <v>0</v>
      </c>
      <c r="AA36" s="271">
        <v>0</v>
      </c>
      <c r="AB36" s="470">
        <v>0</v>
      </c>
      <c r="AC36" s="270">
        <v>53080</v>
      </c>
      <c r="AD36" s="270">
        <v>62775</v>
      </c>
      <c r="AE36" s="270">
        <v>18465</v>
      </c>
      <c r="AF36" s="270">
        <v>264430</v>
      </c>
      <c r="AG36" s="270">
        <v>27000</v>
      </c>
      <c r="AH36" s="273">
        <v>425750</v>
      </c>
      <c r="AI36" s="274">
        <v>425750</v>
      </c>
      <c r="AJ36" s="269">
        <v>0</v>
      </c>
      <c r="AK36" s="270">
        <v>0</v>
      </c>
      <c r="AL36" s="271">
        <v>0</v>
      </c>
      <c r="AM36" s="470">
        <v>0</v>
      </c>
      <c r="AN36" s="270">
        <v>0</v>
      </c>
      <c r="AO36" s="270">
        <v>0</v>
      </c>
      <c r="AP36" s="270">
        <v>0</v>
      </c>
      <c r="AQ36" s="270">
        <v>0</v>
      </c>
      <c r="AR36" s="270">
        <v>0</v>
      </c>
      <c r="AS36" s="273">
        <v>0</v>
      </c>
      <c r="AT36" s="274">
        <v>0</v>
      </c>
      <c r="AU36" s="269">
        <v>0</v>
      </c>
      <c r="AV36" s="270">
        <v>0</v>
      </c>
      <c r="AW36" s="271">
        <v>0</v>
      </c>
      <c r="AX36" s="470">
        <v>0</v>
      </c>
      <c r="AY36" s="270">
        <v>5270</v>
      </c>
      <c r="AZ36" s="270">
        <v>89290</v>
      </c>
      <c r="BA36" s="270">
        <v>73085</v>
      </c>
      <c r="BB36" s="270">
        <v>35495</v>
      </c>
      <c r="BC36" s="270">
        <v>1190</v>
      </c>
      <c r="BD36" s="273">
        <v>204330</v>
      </c>
      <c r="BE36" s="274">
        <v>204330</v>
      </c>
      <c r="BF36" s="269">
        <v>0</v>
      </c>
      <c r="BG36" s="270">
        <v>0</v>
      </c>
      <c r="BH36" s="271">
        <v>0</v>
      </c>
      <c r="BI36" s="470">
        <v>0</v>
      </c>
      <c r="BJ36" s="270">
        <v>0</v>
      </c>
      <c r="BK36" s="270">
        <v>0</v>
      </c>
      <c r="BL36" s="270">
        <v>0</v>
      </c>
      <c r="BM36" s="270">
        <v>0</v>
      </c>
      <c r="BN36" s="270">
        <v>0</v>
      </c>
      <c r="BO36" s="273">
        <v>0</v>
      </c>
      <c r="BP36" s="274">
        <v>0</v>
      </c>
      <c r="BQ36" s="269">
        <v>0</v>
      </c>
      <c r="BR36" s="270">
        <v>0</v>
      </c>
      <c r="BS36" s="271">
        <v>0</v>
      </c>
      <c r="BT36" s="272">
        <v>0</v>
      </c>
      <c r="BU36" s="270">
        <v>0</v>
      </c>
      <c r="BV36" s="270">
        <v>7075</v>
      </c>
      <c r="BW36" s="270">
        <v>59400</v>
      </c>
      <c r="BX36" s="270">
        <v>0</v>
      </c>
      <c r="BY36" s="270">
        <v>1885</v>
      </c>
      <c r="BZ36" s="273">
        <v>68360</v>
      </c>
      <c r="CA36" s="274">
        <v>68360</v>
      </c>
      <c r="CB36" s="269">
        <v>0</v>
      </c>
      <c r="CC36" s="270">
        <v>0</v>
      </c>
      <c r="CD36" s="271">
        <v>0</v>
      </c>
      <c r="CE36" s="272">
        <v>0</v>
      </c>
      <c r="CF36" s="270">
        <v>0</v>
      </c>
      <c r="CG36" s="270">
        <v>0</v>
      </c>
      <c r="CH36" s="270">
        <v>0</v>
      </c>
      <c r="CI36" s="270">
        <v>0</v>
      </c>
      <c r="CJ36" s="270">
        <v>0</v>
      </c>
      <c r="CK36" s="273">
        <v>0</v>
      </c>
      <c r="CL36" s="274">
        <v>0</v>
      </c>
      <c r="CM36" s="269">
        <v>0</v>
      </c>
      <c r="CN36" s="270">
        <v>0</v>
      </c>
      <c r="CO36" s="271">
        <v>0</v>
      </c>
      <c r="CP36" s="272">
        <v>0</v>
      </c>
      <c r="CQ36" s="270">
        <v>0</v>
      </c>
      <c r="CR36" s="270">
        <v>0</v>
      </c>
      <c r="CS36" s="270">
        <v>0</v>
      </c>
      <c r="CT36" s="270">
        <v>0</v>
      </c>
      <c r="CU36" s="270">
        <v>0</v>
      </c>
      <c r="CV36" s="273">
        <v>0</v>
      </c>
      <c r="CW36" s="274">
        <v>0</v>
      </c>
      <c r="CX36" s="269">
        <v>0</v>
      </c>
      <c r="CY36" s="270">
        <v>0</v>
      </c>
      <c r="CZ36" s="271">
        <v>0</v>
      </c>
      <c r="DA36" s="470">
        <v>0</v>
      </c>
      <c r="DB36" s="270">
        <v>0</v>
      </c>
      <c r="DC36" s="270">
        <v>0</v>
      </c>
      <c r="DD36" s="270">
        <v>0</v>
      </c>
      <c r="DE36" s="270">
        <v>0</v>
      </c>
      <c r="DF36" s="270">
        <v>0</v>
      </c>
      <c r="DG36" s="273">
        <v>0</v>
      </c>
      <c r="DH36" s="274">
        <v>0</v>
      </c>
      <c r="DI36" s="269">
        <v>0</v>
      </c>
      <c r="DJ36" s="270">
        <v>0</v>
      </c>
      <c r="DK36" s="271">
        <v>0</v>
      </c>
      <c r="DL36" s="272">
        <v>0</v>
      </c>
      <c r="DM36" s="270">
        <v>1218</v>
      </c>
      <c r="DN36" s="270">
        <v>80879</v>
      </c>
      <c r="DO36" s="270">
        <v>415774</v>
      </c>
      <c r="DP36" s="270">
        <v>427607</v>
      </c>
      <c r="DQ36" s="270">
        <v>205820</v>
      </c>
      <c r="DR36" s="273">
        <v>1131298</v>
      </c>
      <c r="DS36" s="275">
        <v>1131298</v>
      </c>
      <c r="DT36" s="269">
        <v>0</v>
      </c>
      <c r="DU36" s="270">
        <v>0</v>
      </c>
      <c r="DV36" s="271">
        <v>0</v>
      </c>
      <c r="DW36" s="470">
        <v>0</v>
      </c>
      <c r="DX36" s="270">
        <v>0</v>
      </c>
      <c r="DY36" s="270">
        <v>51646</v>
      </c>
      <c r="DZ36" s="270">
        <v>323268</v>
      </c>
      <c r="EA36" s="270">
        <v>390810</v>
      </c>
      <c r="EB36" s="270">
        <v>195390</v>
      </c>
      <c r="EC36" s="273">
        <v>961114</v>
      </c>
      <c r="ED36" s="274">
        <v>961114</v>
      </c>
      <c r="EE36" s="269">
        <v>0</v>
      </c>
      <c r="EF36" s="270">
        <v>0</v>
      </c>
      <c r="EG36" s="271">
        <v>0</v>
      </c>
      <c r="EH36" s="470">
        <v>0</v>
      </c>
      <c r="EI36" s="270">
        <v>784</v>
      </c>
      <c r="EJ36" s="270">
        <v>12121</v>
      </c>
      <c r="EK36" s="270">
        <v>938</v>
      </c>
      <c r="EL36" s="270">
        <v>25110</v>
      </c>
      <c r="EM36" s="270">
        <v>581</v>
      </c>
      <c r="EN36" s="273">
        <v>39534</v>
      </c>
      <c r="EO36" s="274">
        <v>39534</v>
      </c>
      <c r="EP36" s="269">
        <v>0</v>
      </c>
      <c r="EQ36" s="270">
        <v>0</v>
      </c>
      <c r="ER36" s="271">
        <v>0</v>
      </c>
      <c r="ES36" s="470">
        <v>0</v>
      </c>
      <c r="ET36" s="270">
        <v>0</v>
      </c>
      <c r="EU36" s="270">
        <v>0</v>
      </c>
      <c r="EV36" s="270">
        <v>0</v>
      </c>
      <c r="EW36" s="270">
        <v>0</v>
      </c>
      <c r="EX36" s="270">
        <v>0</v>
      </c>
      <c r="EY36" s="273">
        <v>0</v>
      </c>
      <c r="EZ36" s="274">
        <v>0</v>
      </c>
      <c r="FA36" s="269">
        <v>0</v>
      </c>
      <c r="FB36" s="270">
        <v>0</v>
      </c>
      <c r="FC36" s="271">
        <v>0</v>
      </c>
      <c r="FD36" s="470">
        <v>0</v>
      </c>
      <c r="FE36" s="270">
        <v>434</v>
      </c>
      <c r="FF36" s="270">
        <v>12492</v>
      </c>
      <c r="FG36" s="270">
        <v>12338</v>
      </c>
      <c r="FH36" s="270">
        <v>11687</v>
      </c>
      <c r="FI36" s="270">
        <v>105</v>
      </c>
      <c r="FJ36" s="273">
        <v>37056</v>
      </c>
      <c r="FK36" s="274">
        <v>37056</v>
      </c>
      <c r="FL36" s="269">
        <v>0</v>
      </c>
      <c r="FM36" s="270">
        <v>0</v>
      </c>
      <c r="FN36" s="271">
        <v>0</v>
      </c>
      <c r="FO36" s="470">
        <v>0</v>
      </c>
      <c r="FP36" s="270">
        <v>0</v>
      </c>
      <c r="FQ36" s="270">
        <v>0</v>
      </c>
      <c r="FR36" s="270">
        <v>0</v>
      </c>
      <c r="FS36" s="270">
        <v>0</v>
      </c>
      <c r="FT36" s="270">
        <v>0</v>
      </c>
      <c r="FU36" s="273">
        <v>0</v>
      </c>
      <c r="FV36" s="274">
        <v>0</v>
      </c>
      <c r="FW36" s="269">
        <v>0</v>
      </c>
      <c r="FX36" s="270">
        <v>0</v>
      </c>
      <c r="FY36" s="271">
        <v>0</v>
      </c>
      <c r="FZ36" s="272">
        <v>0</v>
      </c>
      <c r="GA36" s="270">
        <v>0</v>
      </c>
      <c r="GB36" s="270">
        <v>4620</v>
      </c>
      <c r="GC36" s="270">
        <v>79230</v>
      </c>
      <c r="GD36" s="270">
        <v>0</v>
      </c>
      <c r="GE36" s="270">
        <v>9744</v>
      </c>
      <c r="GF36" s="273">
        <v>93594</v>
      </c>
      <c r="GG36" s="274">
        <v>93594</v>
      </c>
      <c r="GH36" s="269">
        <v>0</v>
      </c>
      <c r="GI36" s="270">
        <v>0</v>
      </c>
      <c r="GJ36" s="271">
        <v>0</v>
      </c>
      <c r="GK36" s="272">
        <v>0</v>
      </c>
      <c r="GL36" s="270">
        <v>0</v>
      </c>
      <c r="GM36" s="270">
        <v>0</v>
      </c>
      <c r="GN36" s="270">
        <v>0</v>
      </c>
      <c r="GO36" s="270">
        <v>0</v>
      </c>
      <c r="GP36" s="270">
        <v>0</v>
      </c>
      <c r="GQ36" s="273">
        <v>0</v>
      </c>
      <c r="GR36" s="274">
        <v>0</v>
      </c>
      <c r="GS36" s="269">
        <v>0</v>
      </c>
      <c r="GT36" s="270">
        <v>0</v>
      </c>
      <c r="GU36" s="271">
        <v>0</v>
      </c>
      <c r="GV36" s="272">
        <v>0</v>
      </c>
      <c r="GW36" s="270">
        <v>0</v>
      </c>
      <c r="GX36" s="270">
        <v>0</v>
      </c>
      <c r="GY36" s="270">
        <v>0</v>
      </c>
      <c r="GZ36" s="270">
        <v>0</v>
      </c>
      <c r="HA36" s="270">
        <v>0</v>
      </c>
      <c r="HB36" s="273">
        <v>0</v>
      </c>
      <c r="HC36" s="274">
        <v>0</v>
      </c>
      <c r="HD36" s="269">
        <v>0</v>
      </c>
      <c r="HE36" s="270">
        <v>0</v>
      </c>
      <c r="HF36" s="271">
        <v>0</v>
      </c>
      <c r="HG36" s="470">
        <v>0</v>
      </c>
      <c r="HH36" s="270">
        <v>0</v>
      </c>
      <c r="HI36" s="270">
        <v>0</v>
      </c>
      <c r="HJ36" s="270">
        <v>0</v>
      </c>
      <c r="HK36" s="270">
        <v>0</v>
      </c>
      <c r="HL36" s="270">
        <v>0</v>
      </c>
      <c r="HM36" s="273">
        <v>0</v>
      </c>
      <c r="HN36" s="274">
        <v>0</v>
      </c>
      <c r="HO36" s="269">
        <v>0</v>
      </c>
      <c r="HP36" s="270">
        <v>0</v>
      </c>
      <c r="HQ36" s="271">
        <v>0</v>
      </c>
      <c r="HR36" s="272">
        <v>0</v>
      </c>
      <c r="HS36" s="270">
        <v>59568</v>
      </c>
      <c r="HT36" s="270">
        <v>300004</v>
      </c>
      <c r="HU36" s="270">
        <v>787134</v>
      </c>
      <c r="HV36" s="270">
        <v>1096477</v>
      </c>
      <c r="HW36" s="270">
        <v>426550</v>
      </c>
      <c r="HX36" s="273">
        <v>2669733</v>
      </c>
      <c r="HY36" s="274">
        <v>2669733</v>
      </c>
    </row>
    <row r="37" spans="2:233" ht="21" customHeight="1" x14ac:dyDescent="0.2">
      <c r="B37" s="437" t="s">
        <v>34</v>
      </c>
      <c r="C37" s="269">
        <v>0</v>
      </c>
      <c r="D37" s="270">
        <v>0</v>
      </c>
      <c r="E37" s="271">
        <v>0</v>
      </c>
      <c r="F37" s="272">
        <v>0</v>
      </c>
      <c r="G37" s="270">
        <v>129217</v>
      </c>
      <c r="H37" s="270">
        <v>54705</v>
      </c>
      <c r="I37" s="270">
        <v>144989</v>
      </c>
      <c r="J37" s="270">
        <v>273110</v>
      </c>
      <c r="K37" s="270">
        <v>177585</v>
      </c>
      <c r="L37" s="273">
        <v>779606</v>
      </c>
      <c r="M37" s="274">
        <v>779606</v>
      </c>
      <c r="N37" s="269">
        <v>0</v>
      </c>
      <c r="O37" s="270">
        <v>0</v>
      </c>
      <c r="P37" s="271">
        <v>0</v>
      </c>
      <c r="Q37" s="470">
        <v>0</v>
      </c>
      <c r="R37" s="270">
        <v>0</v>
      </c>
      <c r="S37" s="270">
        <v>0</v>
      </c>
      <c r="T37" s="270">
        <v>56600</v>
      </c>
      <c r="U37" s="270">
        <v>242465</v>
      </c>
      <c r="V37" s="270">
        <v>142245</v>
      </c>
      <c r="W37" s="273">
        <v>441310</v>
      </c>
      <c r="X37" s="274">
        <v>441310</v>
      </c>
      <c r="Y37" s="269">
        <v>0</v>
      </c>
      <c r="Z37" s="270">
        <v>0</v>
      </c>
      <c r="AA37" s="271">
        <v>0</v>
      </c>
      <c r="AB37" s="470">
        <v>0</v>
      </c>
      <c r="AC37" s="270">
        <v>125395</v>
      </c>
      <c r="AD37" s="270">
        <v>54560</v>
      </c>
      <c r="AE37" s="270">
        <v>76260</v>
      </c>
      <c r="AF37" s="270">
        <v>30065</v>
      </c>
      <c r="AG37" s="270">
        <v>2635</v>
      </c>
      <c r="AH37" s="273">
        <v>288915</v>
      </c>
      <c r="AI37" s="274">
        <v>288915</v>
      </c>
      <c r="AJ37" s="269">
        <v>0</v>
      </c>
      <c r="AK37" s="270">
        <v>0</v>
      </c>
      <c r="AL37" s="271">
        <v>0</v>
      </c>
      <c r="AM37" s="470">
        <v>0</v>
      </c>
      <c r="AN37" s="270">
        <v>0</v>
      </c>
      <c r="AO37" s="270">
        <v>0</v>
      </c>
      <c r="AP37" s="270">
        <v>0</v>
      </c>
      <c r="AQ37" s="270">
        <v>0</v>
      </c>
      <c r="AR37" s="270">
        <v>0</v>
      </c>
      <c r="AS37" s="273">
        <v>0</v>
      </c>
      <c r="AT37" s="274">
        <v>0</v>
      </c>
      <c r="AU37" s="269">
        <v>0</v>
      </c>
      <c r="AV37" s="270">
        <v>0</v>
      </c>
      <c r="AW37" s="271">
        <v>0</v>
      </c>
      <c r="AX37" s="470">
        <v>0</v>
      </c>
      <c r="AY37" s="270">
        <v>0</v>
      </c>
      <c r="AZ37" s="270">
        <v>0</v>
      </c>
      <c r="BA37" s="270">
        <v>0</v>
      </c>
      <c r="BB37" s="270">
        <v>0</v>
      </c>
      <c r="BC37" s="270">
        <v>32705</v>
      </c>
      <c r="BD37" s="273">
        <v>32705</v>
      </c>
      <c r="BE37" s="274">
        <v>32705</v>
      </c>
      <c r="BF37" s="269">
        <v>0</v>
      </c>
      <c r="BG37" s="270">
        <v>0</v>
      </c>
      <c r="BH37" s="271">
        <v>0</v>
      </c>
      <c r="BI37" s="470">
        <v>0</v>
      </c>
      <c r="BJ37" s="270">
        <v>0</v>
      </c>
      <c r="BK37" s="270">
        <v>0</v>
      </c>
      <c r="BL37" s="270">
        <v>0</v>
      </c>
      <c r="BM37" s="270">
        <v>0</v>
      </c>
      <c r="BN37" s="270">
        <v>0</v>
      </c>
      <c r="BO37" s="273">
        <v>0</v>
      </c>
      <c r="BP37" s="274">
        <v>0</v>
      </c>
      <c r="BQ37" s="269">
        <v>0</v>
      </c>
      <c r="BR37" s="270">
        <v>0</v>
      </c>
      <c r="BS37" s="271">
        <v>0</v>
      </c>
      <c r="BT37" s="272">
        <v>0</v>
      </c>
      <c r="BU37" s="270">
        <v>3822</v>
      </c>
      <c r="BV37" s="270">
        <v>145</v>
      </c>
      <c r="BW37" s="270">
        <v>3114</v>
      </c>
      <c r="BX37" s="270">
        <v>580</v>
      </c>
      <c r="BY37" s="270">
        <v>0</v>
      </c>
      <c r="BZ37" s="273">
        <v>7661</v>
      </c>
      <c r="CA37" s="274">
        <v>7661</v>
      </c>
      <c r="CB37" s="269">
        <v>0</v>
      </c>
      <c r="CC37" s="270">
        <v>0</v>
      </c>
      <c r="CD37" s="271">
        <v>0</v>
      </c>
      <c r="CE37" s="272">
        <v>0</v>
      </c>
      <c r="CF37" s="270">
        <v>0</v>
      </c>
      <c r="CG37" s="270">
        <v>0</v>
      </c>
      <c r="CH37" s="270">
        <v>9015</v>
      </c>
      <c r="CI37" s="270">
        <v>0</v>
      </c>
      <c r="CJ37" s="270">
        <v>0</v>
      </c>
      <c r="CK37" s="273">
        <v>9015</v>
      </c>
      <c r="CL37" s="274">
        <v>9015</v>
      </c>
      <c r="CM37" s="269">
        <v>0</v>
      </c>
      <c r="CN37" s="270">
        <v>0</v>
      </c>
      <c r="CO37" s="271">
        <v>0</v>
      </c>
      <c r="CP37" s="272">
        <v>0</v>
      </c>
      <c r="CQ37" s="270">
        <v>0</v>
      </c>
      <c r="CR37" s="270">
        <v>0</v>
      </c>
      <c r="CS37" s="270">
        <v>0</v>
      </c>
      <c r="CT37" s="270">
        <v>0</v>
      </c>
      <c r="CU37" s="270">
        <v>0</v>
      </c>
      <c r="CV37" s="273">
        <v>0</v>
      </c>
      <c r="CW37" s="274">
        <v>0</v>
      </c>
      <c r="CX37" s="269">
        <v>0</v>
      </c>
      <c r="CY37" s="270">
        <v>0</v>
      </c>
      <c r="CZ37" s="271">
        <v>0</v>
      </c>
      <c r="DA37" s="470">
        <v>0</v>
      </c>
      <c r="DB37" s="270">
        <v>0</v>
      </c>
      <c r="DC37" s="270">
        <v>0</v>
      </c>
      <c r="DD37" s="270">
        <v>0</v>
      </c>
      <c r="DE37" s="270">
        <v>0</v>
      </c>
      <c r="DF37" s="270">
        <v>0</v>
      </c>
      <c r="DG37" s="273">
        <v>0</v>
      </c>
      <c r="DH37" s="274">
        <v>0</v>
      </c>
      <c r="DI37" s="269">
        <v>0</v>
      </c>
      <c r="DJ37" s="270">
        <v>0</v>
      </c>
      <c r="DK37" s="271">
        <v>0</v>
      </c>
      <c r="DL37" s="272">
        <v>0</v>
      </c>
      <c r="DM37" s="270">
        <v>6984</v>
      </c>
      <c r="DN37" s="270">
        <v>1838</v>
      </c>
      <c r="DO37" s="270">
        <v>132191</v>
      </c>
      <c r="DP37" s="270">
        <v>315179</v>
      </c>
      <c r="DQ37" s="270">
        <v>129278</v>
      </c>
      <c r="DR37" s="273">
        <v>585470</v>
      </c>
      <c r="DS37" s="275">
        <v>585470</v>
      </c>
      <c r="DT37" s="269">
        <v>0</v>
      </c>
      <c r="DU37" s="270">
        <v>0</v>
      </c>
      <c r="DV37" s="271">
        <v>0</v>
      </c>
      <c r="DW37" s="470">
        <v>0</v>
      </c>
      <c r="DX37" s="270">
        <v>0</v>
      </c>
      <c r="DY37" s="270">
        <v>0</v>
      </c>
      <c r="DZ37" s="270">
        <v>100643</v>
      </c>
      <c r="EA37" s="270">
        <v>311293</v>
      </c>
      <c r="EB37" s="270">
        <v>128844</v>
      </c>
      <c r="EC37" s="273">
        <v>540780</v>
      </c>
      <c r="ED37" s="274">
        <v>540780</v>
      </c>
      <c r="EE37" s="269">
        <v>0</v>
      </c>
      <c r="EF37" s="270">
        <v>0</v>
      </c>
      <c r="EG37" s="271">
        <v>0</v>
      </c>
      <c r="EH37" s="470">
        <v>0</v>
      </c>
      <c r="EI37" s="270">
        <v>1054</v>
      </c>
      <c r="EJ37" s="270">
        <v>868</v>
      </c>
      <c r="EK37" s="270">
        <v>23808</v>
      </c>
      <c r="EL37" s="270">
        <v>406</v>
      </c>
      <c r="EM37" s="270">
        <v>217</v>
      </c>
      <c r="EN37" s="273">
        <v>26353</v>
      </c>
      <c r="EO37" s="274">
        <v>26353</v>
      </c>
      <c r="EP37" s="269">
        <v>0</v>
      </c>
      <c r="EQ37" s="270">
        <v>0</v>
      </c>
      <c r="ER37" s="271">
        <v>0</v>
      </c>
      <c r="ES37" s="470">
        <v>0</v>
      </c>
      <c r="ET37" s="270">
        <v>0</v>
      </c>
      <c r="EU37" s="270">
        <v>0</v>
      </c>
      <c r="EV37" s="270">
        <v>0</v>
      </c>
      <c r="EW37" s="270">
        <v>0</v>
      </c>
      <c r="EX37" s="270">
        <v>0</v>
      </c>
      <c r="EY37" s="273">
        <v>0</v>
      </c>
      <c r="EZ37" s="274">
        <v>0</v>
      </c>
      <c r="FA37" s="269">
        <v>0</v>
      </c>
      <c r="FB37" s="270">
        <v>0</v>
      </c>
      <c r="FC37" s="271">
        <v>0</v>
      </c>
      <c r="FD37" s="470">
        <v>0</v>
      </c>
      <c r="FE37" s="270">
        <v>0</v>
      </c>
      <c r="FF37" s="270">
        <v>0</v>
      </c>
      <c r="FG37" s="270">
        <v>0</v>
      </c>
      <c r="FH37" s="270">
        <v>0</v>
      </c>
      <c r="FI37" s="270">
        <v>217</v>
      </c>
      <c r="FJ37" s="273">
        <v>217</v>
      </c>
      <c r="FK37" s="274">
        <v>217</v>
      </c>
      <c r="FL37" s="269">
        <v>0</v>
      </c>
      <c r="FM37" s="270">
        <v>0</v>
      </c>
      <c r="FN37" s="271">
        <v>0</v>
      </c>
      <c r="FO37" s="470">
        <v>0</v>
      </c>
      <c r="FP37" s="270">
        <v>0</v>
      </c>
      <c r="FQ37" s="270">
        <v>0</v>
      </c>
      <c r="FR37" s="270">
        <v>0</v>
      </c>
      <c r="FS37" s="270">
        <v>0</v>
      </c>
      <c r="FT37" s="270">
        <v>0</v>
      </c>
      <c r="FU37" s="273">
        <v>0</v>
      </c>
      <c r="FV37" s="274">
        <v>0</v>
      </c>
      <c r="FW37" s="269">
        <v>0</v>
      </c>
      <c r="FX37" s="270">
        <v>0</v>
      </c>
      <c r="FY37" s="271">
        <v>0</v>
      </c>
      <c r="FZ37" s="272">
        <v>0</v>
      </c>
      <c r="GA37" s="270">
        <v>5930</v>
      </c>
      <c r="GB37" s="270">
        <v>970</v>
      </c>
      <c r="GC37" s="270">
        <v>4724</v>
      </c>
      <c r="GD37" s="270">
        <v>3480</v>
      </c>
      <c r="GE37" s="270">
        <v>0</v>
      </c>
      <c r="GF37" s="273">
        <v>15104</v>
      </c>
      <c r="GG37" s="274">
        <v>15104</v>
      </c>
      <c r="GH37" s="269">
        <v>0</v>
      </c>
      <c r="GI37" s="270">
        <v>0</v>
      </c>
      <c r="GJ37" s="271">
        <v>0</v>
      </c>
      <c r="GK37" s="272">
        <v>0</v>
      </c>
      <c r="GL37" s="270">
        <v>0</v>
      </c>
      <c r="GM37" s="270">
        <v>0</v>
      </c>
      <c r="GN37" s="270">
        <v>3016</v>
      </c>
      <c r="GO37" s="270">
        <v>0</v>
      </c>
      <c r="GP37" s="270">
        <v>0</v>
      </c>
      <c r="GQ37" s="273">
        <v>3016</v>
      </c>
      <c r="GR37" s="274">
        <v>3016</v>
      </c>
      <c r="GS37" s="269">
        <v>0</v>
      </c>
      <c r="GT37" s="270">
        <v>0</v>
      </c>
      <c r="GU37" s="271">
        <v>0</v>
      </c>
      <c r="GV37" s="272">
        <v>0</v>
      </c>
      <c r="GW37" s="270">
        <v>0</v>
      </c>
      <c r="GX37" s="270">
        <v>0</v>
      </c>
      <c r="GY37" s="270">
        <v>0</v>
      </c>
      <c r="GZ37" s="270">
        <v>0</v>
      </c>
      <c r="HA37" s="270">
        <v>0</v>
      </c>
      <c r="HB37" s="273">
        <v>0</v>
      </c>
      <c r="HC37" s="274">
        <v>0</v>
      </c>
      <c r="HD37" s="269">
        <v>0</v>
      </c>
      <c r="HE37" s="270">
        <v>0</v>
      </c>
      <c r="HF37" s="271">
        <v>0</v>
      </c>
      <c r="HG37" s="470">
        <v>0</v>
      </c>
      <c r="HH37" s="270">
        <v>0</v>
      </c>
      <c r="HI37" s="270">
        <v>0</v>
      </c>
      <c r="HJ37" s="270">
        <v>0</v>
      </c>
      <c r="HK37" s="270">
        <v>0</v>
      </c>
      <c r="HL37" s="270">
        <v>0</v>
      </c>
      <c r="HM37" s="273">
        <v>0</v>
      </c>
      <c r="HN37" s="274">
        <v>0</v>
      </c>
      <c r="HO37" s="269">
        <v>0</v>
      </c>
      <c r="HP37" s="270">
        <v>0</v>
      </c>
      <c r="HQ37" s="271">
        <v>0</v>
      </c>
      <c r="HR37" s="272">
        <v>0</v>
      </c>
      <c r="HS37" s="270">
        <v>136201</v>
      </c>
      <c r="HT37" s="270">
        <v>56543</v>
      </c>
      <c r="HU37" s="270">
        <v>277180</v>
      </c>
      <c r="HV37" s="270">
        <v>588289</v>
      </c>
      <c r="HW37" s="270">
        <v>306863</v>
      </c>
      <c r="HX37" s="273">
        <v>1365076</v>
      </c>
      <c r="HY37" s="274">
        <v>1365076</v>
      </c>
    </row>
    <row r="38" spans="2:233" ht="21" customHeight="1" x14ac:dyDescent="0.2">
      <c r="B38" s="437" t="s">
        <v>35</v>
      </c>
      <c r="C38" s="269">
        <v>0</v>
      </c>
      <c r="D38" s="270">
        <v>0</v>
      </c>
      <c r="E38" s="271">
        <v>0</v>
      </c>
      <c r="F38" s="272">
        <v>0</v>
      </c>
      <c r="G38" s="270">
        <v>208426</v>
      </c>
      <c r="H38" s="270">
        <v>312443</v>
      </c>
      <c r="I38" s="270">
        <v>732014</v>
      </c>
      <c r="J38" s="270">
        <v>520590</v>
      </c>
      <c r="K38" s="270">
        <v>315584</v>
      </c>
      <c r="L38" s="273">
        <v>2089057</v>
      </c>
      <c r="M38" s="274">
        <v>2089057</v>
      </c>
      <c r="N38" s="269">
        <v>0</v>
      </c>
      <c r="O38" s="270">
        <v>0</v>
      </c>
      <c r="P38" s="271">
        <v>0</v>
      </c>
      <c r="Q38" s="470">
        <v>0</v>
      </c>
      <c r="R38" s="270">
        <v>2635</v>
      </c>
      <c r="S38" s="270">
        <v>24645</v>
      </c>
      <c r="T38" s="270">
        <v>298420</v>
      </c>
      <c r="U38" s="270">
        <v>331970</v>
      </c>
      <c r="V38" s="270">
        <v>186870</v>
      </c>
      <c r="W38" s="273">
        <v>844540</v>
      </c>
      <c r="X38" s="274">
        <v>844540</v>
      </c>
      <c r="Y38" s="269">
        <v>0</v>
      </c>
      <c r="Z38" s="270">
        <v>0</v>
      </c>
      <c r="AA38" s="271">
        <v>0</v>
      </c>
      <c r="AB38" s="470">
        <v>0</v>
      </c>
      <c r="AC38" s="270">
        <v>166005</v>
      </c>
      <c r="AD38" s="270">
        <v>283520</v>
      </c>
      <c r="AE38" s="270">
        <v>246165</v>
      </c>
      <c r="AF38" s="270">
        <v>69150</v>
      </c>
      <c r="AG38" s="270">
        <v>20920</v>
      </c>
      <c r="AH38" s="273">
        <v>785760</v>
      </c>
      <c r="AI38" s="274">
        <v>785760</v>
      </c>
      <c r="AJ38" s="269">
        <v>0</v>
      </c>
      <c r="AK38" s="270">
        <v>0</v>
      </c>
      <c r="AL38" s="271">
        <v>0</v>
      </c>
      <c r="AM38" s="470">
        <v>0</v>
      </c>
      <c r="AN38" s="270">
        <v>0</v>
      </c>
      <c r="AO38" s="270">
        <v>0</v>
      </c>
      <c r="AP38" s="270">
        <v>0</v>
      </c>
      <c r="AQ38" s="270">
        <v>0</v>
      </c>
      <c r="AR38" s="270">
        <v>0</v>
      </c>
      <c r="AS38" s="273">
        <v>0</v>
      </c>
      <c r="AT38" s="274">
        <v>0</v>
      </c>
      <c r="AU38" s="269">
        <v>0</v>
      </c>
      <c r="AV38" s="270">
        <v>0</v>
      </c>
      <c r="AW38" s="271">
        <v>0</v>
      </c>
      <c r="AX38" s="470">
        <v>0</v>
      </c>
      <c r="AY38" s="270">
        <v>32705</v>
      </c>
      <c r="AZ38" s="270">
        <v>0</v>
      </c>
      <c r="BA38" s="270">
        <v>141980</v>
      </c>
      <c r="BB38" s="270">
        <v>88600</v>
      </c>
      <c r="BC38" s="270">
        <v>100340</v>
      </c>
      <c r="BD38" s="273">
        <v>363625</v>
      </c>
      <c r="BE38" s="274">
        <v>363625</v>
      </c>
      <c r="BF38" s="269">
        <v>0</v>
      </c>
      <c r="BG38" s="270">
        <v>0</v>
      </c>
      <c r="BH38" s="271">
        <v>0</v>
      </c>
      <c r="BI38" s="470">
        <v>0</v>
      </c>
      <c r="BJ38" s="270">
        <v>0</v>
      </c>
      <c r="BK38" s="270">
        <v>0</v>
      </c>
      <c r="BL38" s="270">
        <v>0</v>
      </c>
      <c r="BM38" s="270">
        <v>0</v>
      </c>
      <c r="BN38" s="270">
        <v>0</v>
      </c>
      <c r="BO38" s="273">
        <v>0</v>
      </c>
      <c r="BP38" s="274">
        <v>0</v>
      </c>
      <c r="BQ38" s="269">
        <v>0</v>
      </c>
      <c r="BR38" s="270">
        <v>0</v>
      </c>
      <c r="BS38" s="271">
        <v>0</v>
      </c>
      <c r="BT38" s="272">
        <v>0</v>
      </c>
      <c r="BU38" s="270">
        <v>7081</v>
      </c>
      <c r="BV38" s="270">
        <v>4278</v>
      </c>
      <c r="BW38" s="270">
        <v>45449</v>
      </c>
      <c r="BX38" s="270">
        <v>30870</v>
      </c>
      <c r="BY38" s="270">
        <v>7454</v>
      </c>
      <c r="BZ38" s="273">
        <v>95132</v>
      </c>
      <c r="CA38" s="274">
        <v>95132</v>
      </c>
      <c r="CB38" s="269">
        <v>0</v>
      </c>
      <c r="CC38" s="270">
        <v>0</v>
      </c>
      <c r="CD38" s="271">
        <v>0</v>
      </c>
      <c r="CE38" s="272">
        <v>0</v>
      </c>
      <c r="CF38" s="270">
        <v>0</v>
      </c>
      <c r="CG38" s="270">
        <v>0</v>
      </c>
      <c r="CH38" s="270">
        <v>0</v>
      </c>
      <c r="CI38" s="270">
        <v>0</v>
      </c>
      <c r="CJ38" s="270">
        <v>0</v>
      </c>
      <c r="CK38" s="273">
        <v>0</v>
      </c>
      <c r="CL38" s="274">
        <v>0</v>
      </c>
      <c r="CM38" s="269">
        <v>0</v>
      </c>
      <c r="CN38" s="270">
        <v>0</v>
      </c>
      <c r="CO38" s="271">
        <v>0</v>
      </c>
      <c r="CP38" s="272">
        <v>0</v>
      </c>
      <c r="CQ38" s="270">
        <v>0</v>
      </c>
      <c r="CR38" s="270">
        <v>0</v>
      </c>
      <c r="CS38" s="270">
        <v>0</v>
      </c>
      <c r="CT38" s="270">
        <v>0</v>
      </c>
      <c r="CU38" s="270">
        <v>0</v>
      </c>
      <c r="CV38" s="273">
        <v>0</v>
      </c>
      <c r="CW38" s="274">
        <v>0</v>
      </c>
      <c r="CX38" s="269">
        <v>0</v>
      </c>
      <c r="CY38" s="270">
        <v>0</v>
      </c>
      <c r="CZ38" s="271">
        <v>0</v>
      </c>
      <c r="DA38" s="470">
        <v>0</v>
      </c>
      <c r="DB38" s="270">
        <v>0</v>
      </c>
      <c r="DC38" s="270">
        <v>0</v>
      </c>
      <c r="DD38" s="270">
        <v>0</v>
      </c>
      <c r="DE38" s="270">
        <v>0</v>
      </c>
      <c r="DF38" s="270">
        <v>0</v>
      </c>
      <c r="DG38" s="273">
        <v>0</v>
      </c>
      <c r="DH38" s="274">
        <v>0</v>
      </c>
      <c r="DI38" s="269">
        <v>0</v>
      </c>
      <c r="DJ38" s="270">
        <v>0</v>
      </c>
      <c r="DK38" s="271">
        <v>0</v>
      </c>
      <c r="DL38" s="272">
        <v>0</v>
      </c>
      <c r="DM38" s="270">
        <v>55508</v>
      </c>
      <c r="DN38" s="270">
        <v>43994</v>
      </c>
      <c r="DO38" s="270">
        <v>416216</v>
      </c>
      <c r="DP38" s="270">
        <v>454714</v>
      </c>
      <c r="DQ38" s="270">
        <v>288309</v>
      </c>
      <c r="DR38" s="273">
        <v>1258741</v>
      </c>
      <c r="DS38" s="275">
        <v>1258741</v>
      </c>
      <c r="DT38" s="269">
        <v>0</v>
      </c>
      <c r="DU38" s="270">
        <v>0</v>
      </c>
      <c r="DV38" s="271">
        <v>0</v>
      </c>
      <c r="DW38" s="470">
        <v>0</v>
      </c>
      <c r="DX38" s="270">
        <v>15035</v>
      </c>
      <c r="DY38" s="270">
        <v>21576</v>
      </c>
      <c r="DZ38" s="270">
        <v>288058</v>
      </c>
      <c r="EA38" s="270">
        <v>414348</v>
      </c>
      <c r="EB38" s="270">
        <v>246625</v>
      </c>
      <c r="EC38" s="273">
        <v>985642</v>
      </c>
      <c r="ED38" s="274">
        <v>985642</v>
      </c>
      <c r="EE38" s="269">
        <v>0</v>
      </c>
      <c r="EF38" s="270">
        <v>0</v>
      </c>
      <c r="EG38" s="271">
        <v>0</v>
      </c>
      <c r="EH38" s="470">
        <v>0</v>
      </c>
      <c r="EI38" s="270">
        <v>23281</v>
      </c>
      <c r="EJ38" s="270">
        <v>17674</v>
      </c>
      <c r="EK38" s="270">
        <v>2415</v>
      </c>
      <c r="EL38" s="270">
        <v>749</v>
      </c>
      <c r="EM38" s="270">
        <v>378</v>
      </c>
      <c r="EN38" s="273">
        <v>44497</v>
      </c>
      <c r="EO38" s="274">
        <v>44497</v>
      </c>
      <c r="EP38" s="269">
        <v>0</v>
      </c>
      <c r="EQ38" s="270">
        <v>0</v>
      </c>
      <c r="ER38" s="271">
        <v>0</v>
      </c>
      <c r="ES38" s="470">
        <v>0</v>
      </c>
      <c r="ET38" s="270">
        <v>0</v>
      </c>
      <c r="EU38" s="270">
        <v>0</v>
      </c>
      <c r="EV38" s="270">
        <v>0</v>
      </c>
      <c r="EW38" s="270">
        <v>0</v>
      </c>
      <c r="EX38" s="270">
        <v>0</v>
      </c>
      <c r="EY38" s="273">
        <v>0</v>
      </c>
      <c r="EZ38" s="274">
        <v>0</v>
      </c>
      <c r="FA38" s="269">
        <v>0</v>
      </c>
      <c r="FB38" s="270">
        <v>0</v>
      </c>
      <c r="FC38" s="271">
        <v>0</v>
      </c>
      <c r="FD38" s="470">
        <v>0</v>
      </c>
      <c r="FE38" s="270">
        <v>217</v>
      </c>
      <c r="FF38" s="270">
        <v>0</v>
      </c>
      <c r="FG38" s="270">
        <v>46748</v>
      </c>
      <c r="FH38" s="270">
        <v>20792</v>
      </c>
      <c r="FI38" s="270">
        <v>32576</v>
      </c>
      <c r="FJ38" s="273">
        <v>100333</v>
      </c>
      <c r="FK38" s="274">
        <v>100333</v>
      </c>
      <c r="FL38" s="269">
        <v>0</v>
      </c>
      <c r="FM38" s="270">
        <v>0</v>
      </c>
      <c r="FN38" s="271">
        <v>0</v>
      </c>
      <c r="FO38" s="470">
        <v>0</v>
      </c>
      <c r="FP38" s="270">
        <v>0</v>
      </c>
      <c r="FQ38" s="270">
        <v>0</v>
      </c>
      <c r="FR38" s="270">
        <v>0</v>
      </c>
      <c r="FS38" s="270">
        <v>0</v>
      </c>
      <c r="FT38" s="270">
        <v>0</v>
      </c>
      <c r="FU38" s="273">
        <v>0</v>
      </c>
      <c r="FV38" s="274">
        <v>0</v>
      </c>
      <c r="FW38" s="269">
        <v>0</v>
      </c>
      <c r="FX38" s="270">
        <v>0</v>
      </c>
      <c r="FY38" s="271">
        <v>0</v>
      </c>
      <c r="FZ38" s="272">
        <v>0</v>
      </c>
      <c r="GA38" s="270">
        <v>16975</v>
      </c>
      <c r="GB38" s="270">
        <v>4744</v>
      </c>
      <c r="GC38" s="270">
        <v>78995</v>
      </c>
      <c r="GD38" s="270">
        <v>18825</v>
      </c>
      <c r="GE38" s="270">
        <v>8730</v>
      </c>
      <c r="GF38" s="273">
        <v>128269</v>
      </c>
      <c r="GG38" s="274">
        <v>128269</v>
      </c>
      <c r="GH38" s="269">
        <v>0</v>
      </c>
      <c r="GI38" s="270">
        <v>0</v>
      </c>
      <c r="GJ38" s="271">
        <v>0</v>
      </c>
      <c r="GK38" s="272">
        <v>0</v>
      </c>
      <c r="GL38" s="270">
        <v>0</v>
      </c>
      <c r="GM38" s="270">
        <v>0</v>
      </c>
      <c r="GN38" s="270">
        <v>0</v>
      </c>
      <c r="GO38" s="270">
        <v>0</v>
      </c>
      <c r="GP38" s="270">
        <v>0</v>
      </c>
      <c r="GQ38" s="273">
        <v>0</v>
      </c>
      <c r="GR38" s="274">
        <v>0</v>
      </c>
      <c r="GS38" s="269">
        <v>0</v>
      </c>
      <c r="GT38" s="270">
        <v>0</v>
      </c>
      <c r="GU38" s="271">
        <v>0</v>
      </c>
      <c r="GV38" s="272">
        <v>0</v>
      </c>
      <c r="GW38" s="270">
        <v>0</v>
      </c>
      <c r="GX38" s="270">
        <v>0</v>
      </c>
      <c r="GY38" s="270">
        <v>0</v>
      </c>
      <c r="GZ38" s="270">
        <v>0</v>
      </c>
      <c r="HA38" s="270">
        <v>0</v>
      </c>
      <c r="HB38" s="273">
        <v>0</v>
      </c>
      <c r="HC38" s="274">
        <v>0</v>
      </c>
      <c r="HD38" s="269">
        <v>0</v>
      </c>
      <c r="HE38" s="270">
        <v>0</v>
      </c>
      <c r="HF38" s="271">
        <v>0</v>
      </c>
      <c r="HG38" s="470">
        <v>0</v>
      </c>
      <c r="HH38" s="270">
        <v>0</v>
      </c>
      <c r="HI38" s="270">
        <v>0</v>
      </c>
      <c r="HJ38" s="270">
        <v>0</v>
      </c>
      <c r="HK38" s="270">
        <v>0</v>
      </c>
      <c r="HL38" s="270">
        <v>0</v>
      </c>
      <c r="HM38" s="273">
        <v>0</v>
      </c>
      <c r="HN38" s="274">
        <v>0</v>
      </c>
      <c r="HO38" s="269">
        <v>0</v>
      </c>
      <c r="HP38" s="270">
        <v>0</v>
      </c>
      <c r="HQ38" s="271">
        <v>0</v>
      </c>
      <c r="HR38" s="272">
        <v>0</v>
      </c>
      <c r="HS38" s="270">
        <v>263934</v>
      </c>
      <c r="HT38" s="270">
        <v>356437</v>
      </c>
      <c r="HU38" s="270">
        <v>1148230</v>
      </c>
      <c r="HV38" s="270">
        <v>975304</v>
      </c>
      <c r="HW38" s="270">
        <v>603893</v>
      </c>
      <c r="HX38" s="273">
        <v>3347798</v>
      </c>
      <c r="HY38" s="274">
        <v>3347798</v>
      </c>
    </row>
    <row r="39" spans="2:233" ht="21" customHeight="1" x14ac:dyDescent="0.2">
      <c r="B39" s="437" t="s">
        <v>36</v>
      </c>
      <c r="C39" s="269">
        <v>0</v>
      </c>
      <c r="D39" s="270">
        <v>0</v>
      </c>
      <c r="E39" s="271">
        <v>0</v>
      </c>
      <c r="F39" s="272">
        <v>0</v>
      </c>
      <c r="G39" s="270">
        <v>97122</v>
      </c>
      <c r="H39" s="270">
        <v>174404</v>
      </c>
      <c r="I39" s="270">
        <v>851558</v>
      </c>
      <c r="J39" s="270">
        <v>1195282</v>
      </c>
      <c r="K39" s="270">
        <v>533935</v>
      </c>
      <c r="L39" s="273">
        <v>2852301</v>
      </c>
      <c r="M39" s="274">
        <v>2852301</v>
      </c>
      <c r="N39" s="269">
        <v>0</v>
      </c>
      <c r="O39" s="270">
        <v>0</v>
      </c>
      <c r="P39" s="271">
        <v>0</v>
      </c>
      <c r="Q39" s="470">
        <v>0</v>
      </c>
      <c r="R39" s="270">
        <v>0</v>
      </c>
      <c r="S39" s="270">
        <v>32705</v>
      </c>
      <c r="T39" s="270">
        <v>552029</v>
      </c>
      <c r="U39" s="270">
        <v>704485</v>
      </c>
      <c r="V39" s="270">
        <v>326570</v>
      </c>
      <c r="W39" s="273">
        <v>1615789</v>
      </c>
      <c r="X39" s="274">
        <v>1615789</v>
      </c>
      <c r="Y39" s="269">
        <v>0</v>
      </c>
      <c r="Z39" s="270">
        <v>0</v>
      </c>
      <c r="AA39" s="271">
        <v>0</v>
      </c>
      <c r="AB39" s="470">
        <v>0</v>
      </c>
      <c r="AC39" s="270">
        <v>73102</v>
      </c>
      <c r="AD39" s="270">
        <v>87025</v>
      </c>
      <c r="AE39" s="270">
        <v>276785</v>
      </c>
      <c r="AF39" s="270">
        <v>296555</v>
      </c>
      <c r="AG39" s="270">
        <v>168960</v>
      </c>
      <c r="AH39" s="273">
        <v>902427</v>
      </c>
      <c r="AI39" s="274">
        <v>902427</v>
      </c>
      <c r="AJ39" s="269">
        <v>0</v>
      </c>
      <c r="AK39" s="270">
        <v>0</v>
      </c>
      <c r="AL39" s="271">
        <v>0</v>
      </c>
      <c r="AM39" s="470">
        <v>0</v>
      </c>
      <c r="AN39" s="270">
        <v>0</v>
      </c>
      <c r="AO39" s="270">
        <v>0</v>
      </c>
      <c r="AP39" s="270">
        <v>0</v>
      </c>
      <c r="AQ39" s="270">
        <v>2635</v>
      </c>
      <c r="AR39" s="270">
        <v>2040</v>
      </c>
      <c r="AS39" s="273">
        <v>4675</v>
      </c>
      <c r="AT39" s="274">
        <v>4675</v>
      </c>
      <c r="AU39" s="269">
        <v>0</v>
      </c>
      <c r="AV39" s="270">
        <v>0</v>
      </c>
      <c r="AW39" s="271">
        <v>0</v>
      </c>
      <c r="AX39" s="470">
        <v>0</v>
      </c>
      <c r="AY39" s="270">
        <v>0</v>
      </c>
      <c r="AZ39" s="270">
        <v>0</v>
      </c>
      <c r="BA39" s="270">
        <v>0</v>
      </c>
      <c r="BB39" s="270">
        <v>122420</v>
      </c>
      <c r="BC39" s="270">
        <v>2550</v>
      </c>
      <c r="BD39" s="273">
        <v>124970</v>
      </c>
      <c r="BE39" s="274">
        <v>124970</v>
      </c>
      <c r="BF39" s="269">
        <v>0</v>
      </c>
      <c r="BG39" s="270">
        <v>0</v>
      </c>
      <c r="BH39" s="271">
        <v>0</v>
      </c>
      <c r="BI39" s="470">
        <v>0</v>
      </c>
      <c r="BJ39" s="270">
        <v>0</v>
      </c>
      <c r="BK39" s="270">
        <v>0</v>
      </c>
      <c r="BL39" s="270">
        <v>0</v>
      </c>
      <c r="BM39" s="270">
        <v>0</v>
      </c>
      <c r="BN39" s="270">
        <v>0</v>
      </c>
      <c r="BO39" s="273">
        <v>0</v>
      </c>
      <c r="BP39" s="274">
        <v>0</v>
      </c>
      <c r="BQ39" s="269">
        <v>0</v>
      </c>
      <c r="BR39" s="270">
        <v>0</v>
      </c>
      <c r="BS39" s="271">
        <v>0</v>
      </c>
      <c r="BT39" s="272">
        <v>0</v>
      </c>
      <c r="BU39" s="270">
        <v>16685</v>
      </c>
      <c r="BV39" s="270">
        <v>54674</v>
      </c>
      <c r="BW39" s="270">
        <v>22744</v>
      </c>
      <c r="BX39" s="270">
        <v>69187</v>
      </c>
      <c r="BY39" s="270">
        <v>33815</v>
      </c>
      <c r="BZ39" s="273">
        <v>197105</v>
      </c>
      <c r="CA39" s="274">
        <v>197105</v>
      </c>
      <c r="CB39" s="269">
        <v>0</v>
      </c>
      <c r="CC39" s="270">
        <v>0</v>
      </c>
      <c r="CD39" s="271">
        <v>0</v>
      </c>
      <c r="CE39" s="272">
        <v>0</v>
      </c>
      <c r="CF39" s="270">
        <v>7335</v>
      </c>
      <c r="CG39" s="270">
        <v>0</v>
      </c>
      <c r="CH39" s="270">
        <v>0</v>
      </c>
      <c r="CI39" s="270">
        <v>0</v>
      </c>
      <c r="CJ39" s="270">
        <v>0</v>
      </c>
      <c r="CK39" s="273">
        <v>7335</v>
      </c>
      <c r="CL39" s="274">
        <v>7335</v>
      </c>
      <c r="CM39" s="269">
        <v>0</v>
      </c>
      <c r="CN39" s="270">
        <v>0</v>
      </c>
      <c r="CO39" s="271">
        <v>0</v>
      </c>
      <c r="CP39" s="272">
        <v>0</v>
      </c>
      <c r="CQ39" s="270">
        <v>0</v>
      </c>
      <c r="CR39" s="270">
        <v>0</v>
      </c>
      <c r="CS39" s="270">
        <v>0</v>
      </c>
      <c r="CT39" s="270">
        <v>0</v>
      </c>
      <c r="CU39" s="270">
        <v>0</v>
      </c>
      <c r="CV39" s="273">
        <v>0</v>
      </c>
      <c r="CW39" s="274">
        <v>0</v>
      </c>
      <c r="CX39" s="269">
        <v>0</v>
      </c>
      <c r="CY39" s="270">
        <v>0</v>
      </c>
      <c r="CZ39" s="271">
        <v>0</v>
      </c>
      <c r="DA39" s="470">
        <v>0</v>
      </c>
      <c r="DB39" s="270">
        <v>0</v>
      </c>
      <c r="DC39" s="270">
        <v>0</v>
      </c>
      <c r="DD39" s="270">
        <v>0</v>
      </c>
      <c r="DE39" s="270">
        <v>0</v>
      </c>
      <c r="DF39" s="270">
        <v>0</v>
      </c>
      <c r="DG39" s="273">
        <v>0</v>
      </c>
      <c r="DH39" s="274">
        <v>0</v>
      </c>
      <c r="DI39" s="269">
        <v>0</v>
      </c>
      <c r="DJ39" s="270">
        <v>0</v>
      </c>
      <c r="DK39" s="271">
        <v>0</v>
      </c>
      <c r="DL39" s="272">
        <v>0</v>
      </c>
      <c r="DM39" s="270">
        <v>13010</v>
      </c>
      <c r="DN39" s="270">
        <v>87717</v>
      </c>
      <c r="DO39" s="270">
        <v>696364</v>
      </c>
      <c r="DP39" s="270">
        <v>1012103</v>
      </c>
      <c r="DQ39" s="270">
        <v>613979</v>
      </c>
      <c r="DR39" s="273">
        <v>2423173</v>
      </c>
      <c r="DS39" s="275">
        <v>2423173</v>
      </c>
      <c r="DT39" s="269">
        <v>0</v>
      </c>
      <c r="DU39" s="270">
        <v>0</v>
      </c>
      <c r="DV39" s="271">
        <v>0</v>
      </c>
      <c r="DW39" s="470">
        <v>0</v>
      </c>
      <c r="DX39" s="270">
        <v>0</v>
      </c>
      <c r="DY39" s="270">
        <v>15035</v>
      </c>
      <c r="DZ39" s="270">
        <v>664856</v>
      </c>
      <c r="EA39" s="270">
        <v>887372</v>
      </c>
      <c r="EB39" s="270">
        <v>579020</v>
      </c>
      <c r="EC39" s="273">
        <v>2146283</v>
      </c>
      <c r="ED39" s="274">
        <v>2146283</v>
      </c>
      <c r="EE39" s="269">
        <v>0</v>
      </c>
      <c r="EF39" s="270">
        <v>0</v>
      </c>
      <c r="EG39" s="271">
        <v>0</v>
      </c>
      <c r="EH39" s="470">
        <v>0</v>
      </c>
      <c r="EI39" s="270">
        <v>1512</v>
      </c>
      <c r="EJ39" s="270">
        <v>1736</v>
      </c>
      <c r="EK39" s="270">
        <v>3661</v>
      </c>
      <c r="EL39" s="270">
        <v>27146</v>
      </c>
      <c r="EM39" s="270">
        <v>3779</v>
      </c>
      <c r="EN39" s="273">
        <v>37834</v>
      </c>
      <c r="EO39" s="274">
        <v>37834</v>
      </c>
      <c r="EP39" s="269">
        <v>0</v>
      </c>
      <c r="EQ39" s="270">
        <v>0</v>
      </c>
      <c r="ER39" s="271">
        <v>0</v>
      </c>
      <c r="ES39" s="470">
        <v>0</v>
      </c>
      <c r="ET39" s="270">
        <v>0</v>
      </c>
      <c r="EU39" s="270">
        <v>0</v>
      </c>
      <c r="EV39" s="270">
        <v>0</v>
      </c>
      <c r="EW39" s="270">
        <v>0</v>
      </c>
      <c r="EX39" s="270">
        <v>0</v>
      </c>
      <c r="EY39" s="273">
        <v>0</v>
      </c>
      <c r="EZ39" s="274">
        <v>0</v>
      </c>
      <c r="FA39" s="269">
        <v>0</v>
      </c>
      <c r="FB39" s="270">
        <v>0</v>
      </c>
      <c r="FC39" s="271">
        <v>0</v>
      </c>
      <c r="FD39" s="470">
        <v>0</v>
      </c>
      <c r="FE39" s="270">
        <v>0</v>
      </c>
      <c r="FF39" s="270">
        <v>0</v>
      </c>
      <c r="FG39" s="270">
        <v>0</v>
      </c>
      <c r="FH39" s="270">
        <v>12772</v>
      </c>
      <c r="FI39" s="270">
        <v>217</v>
      </c>
      <c r="FJ39" s="273">
        <v>12989</v>
      </c>
      <c r="FK39" s="274">
        <v>12989</v>
      </c>
      <c r="FL39" s="269">
        <v>0</v>
      </c>
      <c r="FM39" s="270">
        <v>0</v>
      </c>
      <c r="FN39" s="271">
        <v>0</v>
      </c>
      <c r="FO39" s="470">
        <v>0</v>
      </c>
      <c r="FP39" s="270">
        <v>0</v>
      </c>
      <c r="FQ39" s="270">
        <v>0</v>
      </c>
      <c r="FR39" s="270">
        <v>0</v>
      </c>
      <c r="FS39" s="270">
        <v>0</v>
      </c>
      <c r="FT39" s="270">
        <v>0</v>
      </c>
      <c r="FU39" s="273">
        <v>0</v>
      </c>
      <c r="FV39" s="274">
        <v>0</v>
      </c>
      <c r="FW39" s="269">
        <v>0</v>
      </c>
      <c r="FX39" s="270">
        <v>0</v>
      </c>
      <c r="FY39" s="271">
        <v>0</v>
      </c>
      <c r="FZ39" s="272">
        <v>0</v>
      </c>
      <c r="GA39" s="270">
        <v>11435</v>
      </c>
      <c r="GB39" s="270">
        <v>70946</v>
      </c>
      <c r="GC39" s="270">
        <v>27847</v>
      </c>
      <c r="GD39" s="270">
        <v>84813</v>
      </c>
      <c r="GE39" s="270">
        <v>30963</v>
      </c>
      <c r="GF39" s="273">
        <v>226004</v>
      </c>
      <c r="GG39" s="274">
        <v>226004</v>
      </c>
      <c r="GH39" s="269">
        <v>0</v>
      </c>
      <c r="GI39" s="270">
        <v>0</v>
      </c>
      <c r="GJ39" s="271">
        <v>0</v>
      </c>
      <c r="GK39" s="272">
        <v>0</v>
      </c>
      <c r="GL39" s="270">
        <v>63</v>
      </c>
      <c r="GM39" s="270">
        <v>0</v>
      </c>
      <c r="GN39" s="270">
        <v>0</v>
      </c>
      <c r="GO39" s="270">
        <v>0</v>
      </c>
      <c r="GP39" s="270">
        <v>0</v>
      </c>
      <c r="GQ39" s="273">
        <v>63</v>
      </c>
      <c r="GR39" s="274">
        <v>63</v>
      </c>
      <c r="GS39" s="269">
        <v>0</v>
      </c>
      <c r="GT39" s="270">
        <v>0</v>
      </c>
      <c r="GU39" s="271">
        <v>0</v>
      </c>
      <c r="GV39" s="272">
        <v>0</v>
      </c>
      <c r="GW39" s="270">
        <v>0</v>
      </c>
      <c r="GX39" s="270">
        <v>0</v>
      </c>
      <c r="GY39" s="270">
        <v>0</v>
      </c>
      <c r="GZ39" s="270">
        <v>0</v>
      </c>
      <c r="HA39" s="270">
        <v>0</v>
      </c>
      <c r="HB39" s="273">
        <v>0</v>
      </c>
      <c r="HC39" s="274">
        <v>0</v>
      </c>
      <c r="HD39" s="269">
        <v>0</v>
      </c>
      <c r="HE39" s="270">
        <v>0</v>
      </c>
      <c r="HF39" s="271">
        <v>0</v>
      </c>
      <c r="HG39" s="470">
        <v>0</v>
      </c>
      <c r="HH39" s="270">
        <v>0</v>
      </c>
      <c r="HI39" s="270">
        <v>0</v>
      </c>
      <c r="HJ39" s="270">
        <v>0</v>
      </c>
      <c r="HK39" s="270">
        <v>0</v>
      </c>
      <c r="HL39" s="270">
        <v>0</v>
      </c>
      <c r="HM39" s="273">
        <v>0</v>
      </c>
      <c r="HN39" s="274">
        <v>0</v>
      </c>
      <c r="HO39" s="269">
        <v>0</v>
      </c>
      <c r="HP39" s="270">
        <v>0</v>
      </c>
      <c r="HQ39" s="271">
        <v>0</v>
      </c>
      <c r="HR39" s="272">
        <v>0</v>
      </c>
      <c r="HS39" s="270">
        <v>110132</v>
      </c>
      <c r="HT39" s="270">
        <v>262121</v>
      </c>
      <c r="HU39" s="270">
        <v>1547922</v>
      </c>
      <c r="HV39" s="270">
        <v>2207385</v>
      </c>
      <c r="HW39" s="270">
        <v>1147914</v>
      </c>
      <c r="HX39" s="273">
        <v>5275474</v>
      </c>
      <c r="HY39" s="274">
        <v>5275474</v>
      </c>
    </row>
    <row r="40" spans="2:233" ht="21" customHeight="1" thickBot="1" x14ac:dyDescent="0.25">
      <c r="B40" s="438" t="s">
        <v>37</v>
      </c>
      <c r="C40" s="276">
        <v>0</v>
      </c>
      <c r="D40" s="277">
        <v>0</v>
      </c>
      <c r="E40" s="278">
        <v>0</v>
      </c>
      <c r="F40" s="279">
        <v>0</v>
      </c>
      <c r="G40" s="277">
        <v>0</v>
      </c>
      <c r="H40" s="277">
        <v>32705</v>
      </c>
      <c r="I40" s="277">
        <v>110600</v>
      </c>
      <c r="J40" s="277">
        <v>64575</v>
      </c>
      <c r="K40" s="277">
        <v>65255</v>
      </c>
      <c r="L40" s="280">
        <v>273135</v>
      </c>
      <c r="M40" s="281">
        <v>273135</v>
      </c>
      <c r="N40" s="276">
        <v>0</v>
      </c>
      <c r="O40" s="277">
        <v>0</v>
      </c>
      <c r="P40" s="278">
        <v>0</v>
      </c>
      <c r="Q40" s="471">
        <v>0</v>
      </c>
      <c r="R40" s="277">
        <v>0</v>
      </c>
      <c r="S40" s="277">
        <v>0</v>
      </c>
      <c r="T40" s="277">
        <v>37975</v>
      </c>
      <c r="U40" s="277">
        <v>31870</v>
      </c>
      <c r="V40" s="277">
        <v>40610</v>
      </c>
      <c r="W40" s="280">
        <v>110455</v>
      </c>
      <c r="X40" s="281">
        <v>110455</v>
      </c>
      <c r="Y40" s="276">
        <v>0</v>
      </c>
      <c r="Z40" s="277">
        <v>0</v>
      </c>
      <c r="AA40" s="278">
        <v>0</v>
      </c>
      <c r="AB40" s="471">
        <v>0</v>
      </c>
      <c r="AC40" s="277">
        <v>0</v>
      </c>
      <c r="AD40" s="277">
        <v>32705</v>
      </c>
      <c r="AE40" s="277">
        <v>68045</v>
      </c>
      <c r="AF40" s="277">
        <v>32705</v>
      </c>
      <c r="AG40" s="277">
        <v>24645</v>
      </c>
      <c r="AH40" s="280">
        <v>158100</v>
      </c>
      <c r="AI40" s="281">
        <v>158100</v>
      </c>
      <c r="AJ40" s="276">
        <v>0</v>
      </c>
      <c r="AK40" s="277">
        <v>0</v>
      </c>
      <c r="AL40" s="278">
        <v>0</v>
      </c>
      <c r="AM40" s="471">
        <v>0</v>
      </c>
      <c r="AN40" s="277">
        <v>0</v>
      </c>
      <c r="AO40" s="277">
        <v>0</v>
      </c>
      <c r="AP40" s="277">
        <v>0</v>
      </c>
      <c r="AQ40" s="277">
        <v>0</v>
      </c>
      <c r="AR40" s="277">
        <v>0</v>
      </c>
      <c r="AS40" s="280">
        <v>0</v>
      </c>
      <c r="AT40" s="281">
        <v>0</v>
      </c>
      <c r="AU40" s="276">
        <v>0</v>
      </c>
      <c r="AV40" s="277">
        <v>0</v>
      </c>
      <c r="AW40" s="278">
        <v>0</v>
      </c>
      <c r="AX40" s="471">
        <v>0</v>
      </c>
      <c r="AY40" s="277">
        <v>0</v>
      </c>
      <c r="AZ40" s="277">
        <v>0</v>
      </c>
      <c r="BA40" s="277">
        <v>0</v>
      </c>
      <c r="BB40" s="277">
        <v>0</v>
      </c>
      <c r="BC40" s="277">
        <v>0</v>
      </c>
      <c r="BD40" s="280">
        <v>0</v>
      </c>
      <c r="BE40" s="281">
        <v>0</v>
      </c>
      <c r="BF40" s="276">
        <v>0</v>
      </c>
      <c r="BG40" s="277">
        <v>0</v>
      </c>
      <c r="BH40" s="278">
        <v>0</v>
      </c>
      <c r="BI40" s="471">
        <v>0</v>
      </c>
      <c r="BJ40" s="277">
        <v>0</v>
      </c>
      <c r="BK40" s="277">
        <v>0</v>
      </c>
      <c r="BL40" s="277">
        <v>0</v>
      </c>
      <c r="BM40" s="277">
        <v>0</v>
      </c>
      <c r="BN40" s="277">
        <v>0</v>
      </c>
      <c r="BO40" s="280">
        <v>0</v>
      </c>
      <c r="BP40" s="281">
        <v>0</v>
      </c>
      <c r="BQ40" s="276">
        <v>0</v>
      </c>
      <c r="BR40" s="277">
        <v>0</v>
      </c>
      <c r="BS40" s="278">
        <v>0</v>
      </c>
      <c r="BT40" s="279">
        <v>0</v>
      </c>
      <c r="BU40" s="277">
        <v>0</v>
      </c>
      <c r="BV40" s="277">
        <v>0</v>
      </c>
      <c r="BW40" s="277">
        <v>4580</v>
      </c>
      <c r="BX40" s="277">
        <v>0</v>
      </c>
      <c r="BY40" s="277">
        <v>0</v>
      </c>
      <c r="BZ40" s="280">
        <v>4580</v>
      </c>
      <c r="CA40" s="281">
        <v>4580</v>
      </c>
      <c r="CB40" s="276">
        <v>0</v>
      </c>
      <c r="CC40" s="277">
        <v>0</v>
      </c>
      <c r="CD40" s="278">
        <v>0</v>
      </c>
      <c r="CE40" s="279">
        <v>0</v>
      </c>
      <c r="CF40" s="277">
        <v>0</v>
      </c>
      <c r="CG40" s="277">
        <v>0</v>
      </c>
      <c r="CH40" s="277">
        <v>0</v>
      </c>
      <c r="CI40" s="277">
        <v>0</v>
      </c>
      <c r="CJ40" s="277">
        <v>0</v>
      </c>
      <c r="CK40" s="280">
        <v>0</v>
      </c>
      <c r="CL40" s="281">
        <v>0</v>
      </c>
      <c r="CM40" s="276">
        <v>0</v>
      </c>
      <c r="CN40" s="277">
        <v>0</v>
      </c>
      <c r="CO40" s="278">
        <v>0</v>
      </c>
      <c r="CP40" s="279">
        <v>0</v>
      </c>
      <c r="CQ40" s="277">
        <v>0</v>
      </c>
      <c r="CR40" s="277">
        <v>0</v>
      </c>
      <c r="CS40" s="277">
        <v>0</v>
      </c>
      <c r="CT40" s="277">
        <v>0</v>
      </c>
      <c r="CU40" s="277">
        <v>0</v>
      </c>
      <c r="CV40" s="280">
        <v>0</v>
      </c>
      <c r="CW40" s="281">
        <v>0</v>
      </c>
      <c r="CX40" s="276">
        <v>0</v>
      </c>
      <c r="CY40" s="277">
        <v>0</v>
      </c>
      <c r="CZ40" s="278">
        <v>0</v>
      </c>
      <c r="DA40" s="471">
        <v>0</v>
      </c>
      <c r="DB40" s="277">
        <v>0</v>
      </c>
      <c r="DC40" s="277">
        <v>0</v>
      </c>
      <c r="DD40" s="277">
        <v>0</v>
      </c>
      <c r="DE40" s="277">
        <v>0</v>
      </c>
      <c r="DF40" s="277">
        <v>0</v>
      </c>
      <c r="DG40" s="280">
        <v>0</v>
      </c>
      <c r="DH40" s="281">
        <v>0</v>
      </c>
      <c r="DI40" s="276">
        <v>0</v>
      </c>
      <c r="DJ40" s="277">
        <v>0</v>
      </c>
      <c r="DK40" s="278">
        <v>0</v>
      </c>
      <c r="DL40" s="279">
        <v>0</v>
      </c>
      <c r="DM40" s="277">
        <v>0</v>
      </c>
      <c r="DN40" s="277">
        <v>217</v>
      </c>
      <c r="DO40" s="277">
        <v>61798</v>
      </c>
      <c r="DP40" s="277">
        <v>63018</v>
      </c>
      <c r="DQ40" s="277">
        <v>66898</v>
      </c>
      <c r="DR40" s="280">
        <v>191931</v>
      </c>
      <c r="DS40" s="282">
        <v>191931</v>
      </c>
      <c r="DT40" s="276">
        <v>0</v>
      </c>
      <c r="DU40" s="277">
        <v>0</v>
      </c>
      <c r="DV40" s="278">
        <v>0</v>
      </c>
      <c r="DW40" s="471">
        <v>0</v>
      </c>
      <c r="DX40" s="277">
        <v>0</v>
      </c>
      <c r="DY40" s="277">
        <v>0</v>
      </c>
      <c r="DZ40" s="277">
        <v>58187</v>
      </c>
      <c r="EA40" s="277">
        <v>62801</v>
      </c>
      <c r="EB40" s="277">
        <v>66681</v>
      </c>
      <c r="EC40" s="280">
        <v>187669</v>
      </c>
      <c r="ED40" s="281">
        <v>187669</v>
      </c>
      <c r="EE40" s="276">
        <v>0</v>
      </c>
      <c r="EF40" s="277">
        <v>0</v>
      </c>
      <c r="EG40" s="278">
        <v>0</v>
      </c>
      <c r="EH40" s="471">
        <v>0</v>
      </c>
      <c r="EI40" s="277">
        <v>0</v>
      </c>
      <c r="EJ40" s="277">
        <v>217</v>
      </c>
      <c r="EK40" s="277">
        <v>651</v>
      </c>
      <c r="EL40" s="277">
        <v>217</v>
      </c>
      <c r="EM40" s="277">
        <v>217</v>
      </c>
      <c r="EN40" s="280">
        <v>1302</v>
      </c>
      <c r="EO40" s="281">
        <v>1302</v>
      </c>
      <c r="EP40" s="276">
        <v>0</v>
      </c>
      <c r="EQ40" s="277">
        <v>0</v>
      </c>
      <c r="ER40" s="278">
        <v>0</v>
      </c>
      <c r="ES40" s="471">
        <v>0</v>
      </c>
      <c r="ET40" s="277">
        <v>0</v>
      </c>
      <c r="EU40" s="277">
        <v>0</v>
      </c>
      <c r="EV40" s="277">
        <v>0</v>
      </c>
      <c r="EW40" s="277">
        <v>0</v>
      </c>
      <c r="EX40" s="277">
        <v>0</v>
      </c>
      <c r="EY40" s="280">
        <v>0</v>
      </c>
      <c r="EZ40" s="281">
        <v>0</v>
      </c>
      <c r="FA40" s="276">
        <v>0</v>
      </c>
      <c r="FB40" s="277">
        <v>0</v>
      </c>
      <c r="FC40" s="278">
        <v>0</v>
      </c>
      <c r="FD40" s="471">
        <v>0</v>
      </c>
      <c r="FE40" s="277">
        <v>0</v>
      </c>
      <c r="FF40" s="277">
        <v>0</v>
      </c>
      <c r="FG40" s="277">
        <v>0</v>
      </c>
      <c r="FH40" s="277">
        <v>0</v>
      </c>
      <c r="FI40" s="277">
        <v>0</v>
      </c>
      <c r="FJ40" s="280">
        <v>0</v>
      </c>
      <c r="FK40" s="281">
        <v>0</v>
      </c>
      <c r="FL40" s="276">
        <v>0</v>
      </c>
      <c r="FM40" s="277">
        <v>0</v>
      </c>
      <c r="FN40" s="278">
        <v>0</v>
      </c>
      <c r="FO40" s="471">
        <v>0</v>
      </c>
      <c r="FP40" s="277">
        <v>0</v>
      </c>
      <c r="FQ40" s="277">
        <v>0</v>
      </c>
      <c r="FR40" s="277">
        <v>0</v>
      </c>
      <c r="FS40" s="277">
        <v>0</v>
      </c>
      <c r="FT40" s="277">
        <v>0</v>
      </c>
      <c r="FU40" s="280">
        <v>0</v>
      </c>
      <c r="FV40" s="281">
        <v>0</v>
      </c>
      <c r="FW40" s="276">
        <v>0</v>
      </c>
      <c r="FX40" s="277">
        <v>0</v>
      </c>
      <c r="FY40" s="278">
        <v>0</v>
      </c>
      <c r="FZ40" s="279">
        <v>0</v>
      </c>
      <c r="GA40" s="277">
        <v>0</v>
      </c>
      <c r="GB40" s="277">
        <v>0</v>
      </c>
      <c r="GC40" s="277">
        <v>2960</v>
      </c>
      <c r="GD40" s="277">
        <v>0</v>
      </c>
      <c r="GE40" s="277">
        <v>0</v>
      </c>
      <c r="GF40" s="280">
        <v>2960</v>
      </c>
      <c r="GG40" s="281">
        <v>2960</v>
      </c>
      <c r="GH40" s="276">
        <v>0</v>
      </c>
      <c r="GI40" s="277">
        <v>0</v>
      </c>
      <c r="GJ40" s="278">
        <v>0</v>
      </c>
      <c r="GK40" s="279">
        <v>0</v>
      </c>
      <c r="GL40" s="277">
        <v>0</v>
      </c>
      <c r="GM40" s="277">
        <v>0</v>
      </c>
      <c r="GN40" s="277">
        <v>0</v>
      </c>
      <c r="GO40" s="277">
        <v>0</v>
      </c>
      <c r="GP40" s="277">
        <v>0</v>
      </c>
      <c r="GQ40" s="280">
        <v>0</v>
      </c>
      <c r="GR40" s="281">
        <v>0</v>
      </c>
      <c r="GS40" s="276">
        <v>0</v>
      </c>
      <c r="GT40" s="277">
        <v>0</v>
      </c>
      <c r="GU40" s="278">
        <v>0</v>
      </c>
      <c r="GV40" s="279">
        <v>0</v>
      </c>
      <c r="GW40" s="277">
        <v>0</v>
      </c>
      <c r="GX40" s="277">
        <v>0</v>
      </c>
      <c r="GY40" s="277">
        <v>0</v>
      </c>
      <c r="GZ40" s="277">
        <v>0</v>
      </c>
      <c r="HA40" s="277">
        <v>0</v>
      </c>
      <c r="HB40" s="280">
        <v>0</v>
      </c>
      <c r="HC40" s="281">
        <v>0</v>
      </c>
      <c r="HD40" s="276">
        <v>0</v>
      </c>
      <c r="HE40" s="277">
        <v>0</v>
      </c>
      <c r="HF40" s="278">
        <v>0</v>
      </c>
      <c r="HG40" s="471">
        <v>0</v>
      </c>
      <c r="HH40" s="277">
        <v>0</v>
      </c>
      <c r="HI40" s="277">
        <v>0</v>
      </c>
      <c r="HJ40" s="277">
        <v>0</v>
      </c>
      <c r="HK40" s="277">
        <v>0</v>
      </c>
      <c r="HL40" s="277">
        <v>0</v>
      </c>
      <c r="HM40" s="280">
        <v>0</v>
      </c>
      <c r="HN40" s="281">
        <v>0</v>
      </c>
      <c r="HO40" s="276">
        <v>0</v>
      </c>
      <c r="HP40" s="277">
        <v>0</v>
      </c>
      <c r="HQ40" s="278">
        <v>0</v>
      </c>
      <c r="HR40" s="279">
        <v>0</v>
      </c>
      <c r="HS40" s="277">
        <v>0</v>
      </c>
      <c r="HT40" s="277">
        <v>32922</v>
      </c>
      <c r="HU40" s="277">
        <v>172398</v>
      </c>
      <c r="HV40" s="277">
        <v>127593</v>
      </c>
      <c r="HW40" s="277">
        <v>132153</v>
      </c>
      <c r="HX40" s="280">
        <v>465066</v>
      </c>
      <c r="HY40" s="281">
        <v>465066</v>
      </c>
    </row>
    <row r="41" spans="2:233" x14ac:dyDescent="0.2">
      <c r="B41" s="1" t="s">
        <v>84</v>
      </c>
    </row>
  </sheetData>
  <mergeCells count="88">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0</v>
      </c>
      <c r="F1" s="495">
        <f>第１表!F2</f>
        <v>6</v>
      </c>
      <c r="G1" s="495"/>
      <c r="H1" s="231">
        <f>第１表!G2</f>
        <v>3</v>
      </c>
      <c r="I1" s="494">
        <f>H1</f>
        <v>3</v>
      </c>
      <c r="J1" s="494"/>
    </row>
    <row r="2" spans="2:299" ht="24" customHeight="1" thickBot="1" x14ac:dyDescent="0.25">
      <c r="B2" s="15" t="s">
        <v>130</v>
      </c>
    </row>
    <row r="3" spans="2:299" ht="21" customHeight="1" thickBot="1" x14ac:dyDescent="0.25">
      <c r="B3" s="481" t="s">
        <v>38</v>
      </c>
      <c r="C3" s="476" t="s">
        <v>96</v>
      </c>
      <c r="D3" s="476"/>
      <c r="E3" s="476"/>
      <c r="F3" s="476"/>
      <c r="G3" s="476"/>
      <c r="H3" s="476"/>
      <c r="I3" s="476"/>
      <c r="J3" s="476"/>
      <c r="K3" s="476"/>
      <c r="L3" s="476"/>
      <c r="M3" s="476"/>
      <c r="N3" s="476"/>
      <c r="O3" s="476"/>
      <c r="P3" s="476"/>
      <c r="Q3" s="476"/>
      <c r="R3" s="476"/>
      <c r="S3" s="476"/>
      <c r="T3" s="476"/>
      <c r="U3" s="476"/>
      <c r="V3" s="476"/>
      <c r="W3" s="476"/>
      <c r="X3" s="476"/>
      <c r="Y3" s="476"/>
      <c r="Z3" s="476"/>
      <c r="AA3" s="476"/>
      <c r="AB3" s="476"/>
      <c r="AC3" s="476"/>
      <c r="AD3" s="476"/>
      <c r="AE3" s="476"/>
      <c r="AF3" s="476"/>
      <c r="AG3" s="476"/>
      <c r="AH3" s="476"/>
      <c r="AI3" s="476"/>
      <c r="AJ3" s="476"/>
      <c r="AK3" s="476"/>
      <c r="AL3" s="476"/>
      <c r="AM3" s="476"/>
      <c r="AN3" s="476"/>
      <c r="AO3" s="476"/>
      <c r="AP3" s="476"/>
      <c r="AQ3" s="476"/>
      <c r="AR3" s="476"/>
      <c r="AS3" s="476"/>
      <c r="AT3" s="476"/>
      <c r="AU3" s="476"/>
      <c r="AV3" s="476"/>
      <c r="AW3" s="476"/>
      <c r="AX3" s="476"/>
      <c r="AY3" s="476"/>
      <c r="AZ3" s="476"/>
      <c r="BA3" s="476"/>
      <c r="BB3" s="476"/>
      <c r="BC3" s="476"/>
      <c r="BD3" s="476"/>
      <c r="BE3" s="476"/>
      <c r="BF3" s="476"/>
      <c r="BG3" s="476"/>
      <c r="BH3" s="476"/>
      <c r="BI3" s="476"/>
      <c r="BJ3" s="476"/>
      <c r="BK3" s="476"/>
      <c r="BL3" s="476"/>
      <c r="BM3" s="476"/>
      <c r="BN3" s="476"/>
      <c r="BO3" s="476"/>
      <c r="BP3" s="476"/>
      <c r="BQ3" s="476"/>
      <c r="BR3" s="476"/>
      <c r="BS3" s="476"/>
      <c r="BT3" s="476"/>
      <c r="BU3" s="476"/>
      <c r="BV3" s="476"/>
      <c r="BW3" s="476"/>
      <c r="BX3" s="476"/>
      <c r="BY3" s="476"/>
      <c r="BZ3" s="476"/>
      <c r="CA3" s="476"/>
      <c r="CB3" s="476"/>
      <c r="CC3" s="476"/>
      <c r="CD3" s="476"/>
      <c r="CE3" s="476"/>
      <c r="CF3" s="476"/>
      <c r="CG3" s="476"/>
      <c r="CH3" s="476"/>
      <c r="CI3" s="476"/>
      <c r="CJ3" s="476"/>
      <c r="CK3" s="476"/>
      <c r="CL3" s="476"/>
      <c r="CM3" s="476"/>
      <c r="CN3" s="476"/>
      <c r="CO3" s="476"/>
      <c r="CP3" s="476"/>
      <c r="CQ3" s="476"/>
      <c r="CR3" s="476"/>
      <c r="CS3" s="476"/>
      <c r="CT3" s="476"/>
      <c r="CU3" s="476"/>
      <c r="CV3" s="476"/>
      <c r="CW3" s="477"/>
      <c r="CX3" s="476" t="s">
        <v>103</v>
      </c>
      <c r="CY3" s="476"/>
      <c r="CZ3" s="476"/>
      <c r="DA3" s="476"/>
      <c r="DB3" s="476"/>
      <c r="DC3" s="476"/>
      <c r="DD3" s="476"/>
      <c r="DE3" s="476"/>
      <c r="DF3" s="476"/>
      <c r="DG3" s="476"/>
      <c r="DH3" s="476"/>
      <c r="DI3" s="476"/>
      <c r="DJ3" s="476"/>
      <c r="DK3" s="476"/>
      <c r="DL3" s="476"/>
      <c r="DM3" s="476"/>
      <c r="DN3" s="476"/>
      <c r="DO3" s="476"/>
      <c r="DP3" s="476"/>
      <c r="DQ3" s="476"/>
      <c r="DR3" s="476"/>
      <c r="DS3" s="476"/>
      <c r="DT3" s="476"/>
      <c r="DU3" s="476"/>
      <c r="DV3" s="476"/>
      <c r="DW3" s="476"/>
      <c r="DX3" s="476"/>
      <c r="DY3" s="476"/>
      <c r="DZ3" s="476"/>
      <c r="EA3" s="476"/>
      <c r="EB3" s="476"/>
      <c r="EC3" s="476"/>
      <c r="ED3" s="476"/>
      <c r="EE3" s="476"/>
      <c r="EF3" s="476"/>
      <c r="EG3" s="476"/>
      <c r="EH3" s="476"/>
      <c r="EI3" s="476"/>
      <c r="EJ3" s="476"/>
      <c r="EK3" s="476"/>
      <c r="EL3" s="476"/>
      <c r="EM3" s="476"/>
      <c r="EN3" s="476"/>
      <c r="EO3" s="476"/>
      <c r="EP3" s="476"/>
      <c r="EQ3" s="476"/>
      <c r="ER3" s="476"/>
      <c r="ES3" s="476"/>
      <c r="ET3" s="476"/>
      <c r="EU3" s="476"/>
      <c r="EV3" s="476"/>
      <c r="EW3" s="476"/>
      <c r="EX3" s="476"/>
      <c r="EY3" s="476"/>
      <c r="EZ3" s="476"/>
      <c r="FA3" s="476"/>
      <c r="FB3" s="476"/>
      <c r="FC3" s="476"/>
      <c r="FD3" s="476"/>
      <c r="FE3" s="476"/>
      <c r="FF3" s="476"/>
      <c r="FG3" s="476"/>
      <c r="FH3" s="476"/>
      <c r="FI3" s="476"/>
      <c r="FJ3" s="476"/>
      <c r="FK3" s="476"/>
      <c r="FL3" s="476"/>
      <c r="FM3" s="476"/>
      <c r="FN3" s="476"/>
      <c r="FO3" s="476"/>
      <c r="FP3" s="476"/>
      <c r="FQ3" s="476"/>
      <c r="FR3" s="476"/>
      <c r="FS3" s="476"/>
      <c r="FT3" s="476"/>
      <c r="FU3" s="476"/>
      <c r="FV3" s="476"/>
      <c r="FW3" s="476"/>
      <c r="FX3" s="476"/>
      <c r="FY3" s="476"/>
      <c r="FZ3" s="476"/>
      <c r="GA3" s="476"/>
      <c r="GB3" s="476"/>
      <c r="GC3" s="476"/>
      <c r="GD3" s="476"/>
      <c r="GE3" s="476"/>
      <c r="GF3" s="476"/>
      <c r="GG3" s="476"/>
      <c r="GH3" s="476"/>
      <c r="GI3" s="476"/>
      <c r="GJ3" s="476"/>
      <c r="GK3" s="476"/>
      <c r="GL3" s="476"/>
      <c r="GM3" s="476"/>
      <c r="GN3" s="476"/>
      <c r="GO3" s="476"/>
      <c r="GP3" s="476"/>
      <c r="GQ3" s="476"/>
      <c r="GR3" s="477"/>
      <c r="GS3" s="476" t="s">
        <v>104</v>
      </c>
      <c r="GT3" s="476"/>
      <c r="GU3" s="476"/>
      <c r="GV3" s="476"/>
      <c r="GW3" s="476"/>
      <c r="GX3" s="476"/>
      <c r="GY3" s="476"/>
      <c r="GZ3" s="476"/>
      <c r="HA3" s="476"/>
      <c r="HB3" s="476"/>
      <c r="HC3" s="476"/>
      <c r="HD3" s="476"/>
      <c r="HE3" s="476"/>
      <c r="HF3" s="476"/>
      <c r="HG3" s="476"/>
      <c r="HH3" s="476"/>
      <c r="HI3" s="476"/>
      <c r="HJ3" s="476"/>
      <c r="HK3" s="476"/>
      <c r="HL3" s="476"/>
      <c r="HM3" s="476"/>
      <c r="HN3" s="476"/>
      <c r="HO3" s="476"/>
      <c r="HP3" s="476"/>
      <c r="HQ3" s="476"/>
      <c r="HR3" s="476"/>
      <c r="HS3" s="476"/>
      <c r="HT3" s="476"/>
      <c r="HU3" s="476"/>
      <c r="HV3" s="476"/>
      <c r="HW3" s="476"/>
      <c r="HX3" s="476"/>
      <c r="HY3" s="476"/>
      <c r="HZ3" s="476"/>
      <c r="IA3" s="476"/>
      <c r="IB3" s="476"/>
      <c r="IC3" s="476"/>
      <c r="ID3" s="476"/>
      <c r="IE3" s="476"/>
      <c r="IF3" s="476"/>
      <c r="IG3" s="476"/>
      <c r="IH3" s="476"/>
      <c r="II3" s="476"/>
      <c r="IJ3" s="476"/>
      <c r="IK3" s="476"/>
      <c r="IL3" s="476"/>
      <c r="IM3" s="476"/>
      <c r="IN3" s="476"/>
      <c r="IO3" s="476"/>
      <c r="IP3" s="476"/>
      <c r="IQ3" s="476"/>
      <c r="IR3" s="476"/>
      <c r="IS3" s="476"/>
      <c r="IT3" s="476"/>
      <c r="IU3" s="476"/>
      <c r="IV3" s="476"/>
      <c r="IW3" s="476"/>
      <c r="IX3" s="476"/>
      <c r="IY3" s="476"/>
      <c r="IZ3" s="476"/>
      <c r="JA3" s="476"/>
      <c r="JB3" s="476"/>
      <c r="JC3" s="476"/>
      <c r="JD3" s="476"/>
      <c r="JE3" s="476"/>
      <c r="JF3" s="476"/>
      <c r="JG3" s="476"/>
      <c r="JH3" s="476"/>
      <c r="JI3" s="476"/>
      <c r="JJ3" s="476"/>
      <c r="JK3" s="476"/>
      <c r="JL3" s="476"/>
      <c r="JM3" s="476"/>
      <c r="JN3" s="476"/>
      <c r="JO3" s="476"/>
      <c r="JP3" s="476"/>
      <c r="JQ3" s="476"/>
      <c r="JR3" s="476"/>
      <c r="JS3" s="476"/>
      <c r="JT3" s="476"/>
      <c r="JU3" s="476"/>
      <c r="JV3" s="476"/>
      <c r="JW3" s="476"/>
      <c r="JX3" s="476"/>
      <c r="JY3" s="476"/>
      <c r="JZ3" s="476"/>
      <c r="KA3" s="476"/>
      <c r="KB3" s="476"/>
      <c r="KC3" s="476"/>
      <c r="KD3" s="476"/>
      <c r="KE3" s="476"/>
      <c r="KF3" s="476"/>
      <c r="KG3" s="476"/>
      <c r="KH3" s="476"/>
      <c r="KI3" s="476"/>
      <c r="KJ3" s="476"/>
      <c r="KK3" s="476"/>
      <c r="KL3" s="476"/>
      <c r="KM3" s="477"/>
    </row>
    <row r="4" spans="2:299" ht="21" customHeight="1" thickBot="1" x14ac:dyDescent="0.25">
      <c r="B4" s="493"/>
      <c r="C4" s="478" t="s">
        <v>39</v>
      </c>
      <c r="D4" s="479"/>
      <c r="E4" s="479"/>
      <c r="F4" s="479"/>
      <c r="G4" s="479"/>
      <c r="H4" s="479"/>
      <c r="I4" s="479"/>
      <c r="J4" s="479"/>
      <c r="K4" s="479"/>
      <c r="L4" s="479"/>
      <c r="M4" s="479"/>
      <c r="N4" s="479"/>
      <c r="O4" s="479"/>
      <c r="P4" s="479"/>
      <c r="Q4" s="479"/>
      <c r="R4" s="479"/>
      <c r="S4" s="479"/>
      <c r="T4" s="479"/>
      <c r="U4" s="479"/>
      <c r="V4" s="479"/>
      <c r="W4" s="479"/>
      <c r="X4" s="479"/>
      <c r="Y4" s="479"/>
      <c r="Z4" s="479"/>
      <c r="AA4" s="479"/>
      <c r="AB4" s="479"/>
      <c r="AC4" s="479"/>
      <c r="AD4" s="479"/>
      <c r="AE4" s="479"/>
      <c r="AF4" s="479"/>
      <c r="AG4" s="479"/>
      <c r="AH4" s="479"/>
      <c r="AI4" s="479"/>
      <c r="AJ4" s="479"/>
      <c r="AK4" s="479"/>
      <c r="AL4" s="479"/>
      <c r="AM4" s="479"/>
      <c r="AN4" s="479"/>
      <c r="AO4" s="479"/>
      <c r="AP4" s="479"/>
      <c r="AQ4" s="479"/>
      <c r="AR4" s="479"/>
      <c r="AS4" s="479"/>
      <c r="AT4" s="479"/>
      <c r="AU4" s="479"/>
      <c r="AV4" s="479"/>
      <c r="AW4" s="479"/>
      <c r="AX4" s="479"/>
      <c r="AY4" s="479"/>
      <c r="AZ4" s="479"/>
      <c r="BA4" s="479"/>
      <c r="BB4" s="479"/>
      <c r="BC4" s="479"/>
      <c r="BD4" s="479"/>
      <c r="BE4" s="479"/>
      <c r="BF4" s="479"/>
      <c r="BG4" s="479"/>
      <c r="BH4" s="479"/>
      <c r="BI4" s="479"/>
      <c r="BJ4" s="479"/>
      <c r="BK4" s="479"/>
      <c r="BL4" s="479"/>
      <c r="BM4" s="479"/>
      <c r="BN4" s="479"/>
      <c r="BO4" s="479"/>
      <c r="BP4" s="479"/>
      <c r="BQ4" s="479"/>
      <c r="BR4" s="479"/>
      <c r="BS4" s="479"/>
      <c r="BT4" s="479"/>
      <c r="BU4" s="479"/>
      <c r="BV4" s="479"/>
      <c r="BW4" s="479"/>
      <c r="BX4" s="479"/>
      <c r="BY4" s="479"/>
      <c r="BZ4" s="479"/>
      <c r="CA4" s="480"/>
      <c r="CB4" s="481" t="s">
        <v>40</v>
      </c>
      <c r="CC4" s="482"/>
      <c r="CD4" s="482"/>
      <c r="CE4" s="482"/>
      <c r="CF4" s="482"/>
      <c r="CG4" s="482"/>
      <c r="CH4" s="482"/>
      <c r="CI4" s="482"/>
      <c r="CJ4" s="482"/>
      <c r="CK4" s="482"/>
      <c r="CL4" s="483"/>
      <c r="CM4" s="481" t="s">
        <v>41</v>
      </c>
      <c r="CN4" s="482"/>
      <c r="CO4" s="482"/>
      <c r="CP4" s="482"/>
      <c r="CQ4" s="482"/>
      <c r="CR4" s="482"/>
      <c r="CS4" s="482"/>
      <c r="CT4" s="482"/>
      <c r="CU4" s="482"/>
      <c r="CV4" s="482"/>
      <c r="CW4" s="483"/>
      <c r="CX4" s="478" t="s">
        <v>39</v>
      </c>
      <c r="CY4" s="479"/>
      <c r="CZ4" s="479"/>
      <c r="DA4" s="479"/>
      <c r="DB4" s="479"/>
      <c r="DC4" s="479"/>
      <c r="DD4" s="479"/>
      <c r="DE4" s="479"/>
      <c r="DF4" s="479"/>
      <c r="DG4" s="479"/>
      <c r="DH4" s="479"/>
      <c r="DI4" s="479"/>
      <c r="DJ4" s="479"/>
      <c r="DK4" s="479"/>
      <c r="DL4" s="479"/>
      <c r="DM4" s="479"/>
      <c r="DN4" s="479"/>
      <c r="DO4" s="479"/>
      <c r="DP4" s="479"/>
      <c r="DQ4" s="479"/>
      <c r="DR4" s="479"/>
      <c r="DS4" s="479"/>
      <c r="DT4" s="479"/>
      <c r="DU4" s="479"/>
      <c r="DV4" s="479"/>
      <c r="DW4" s="479"/>
      <c r="DX4" s="479"/>
      <c r="DY4" s="479"/>
      <c r="DZ4" s="479"/>
      <c r="EA4" s="479"/>
      <c r="EB4" s="479"/>
      <c r="EC4" s="479"/>
      <c r="ED4" s="479"/>
      <c r="EE4" s="479"/>
      <c r="EF4" s="479"/>
      <c r="EG4" s="479"/>
      <c r="EH4" s="479"/>
      <c r="EI4" s="479"/>
      <c r="EJ4" s="479"/>
      <c r="EK4" s="479"/>
      <c r="EL4" s="479"/>
      <c r="EM4" s="479"/>
      <c r="EN4" s="479"/>
      <c r="EO4" s="479"/>
      <c r="EP4" s="479"/>
      <c r="EQ4" s="479"/>
      <c r="ER4" s="479"/>
      <c r="ES4" s="479"/>
      <c r="ET4" s="479"/>
      <c r="EU4" s="479"/>
      <c r="EV4" s="479"/>
      <c r="EW4" s="479"/>
      <c r="EX4" s="479"/>
      <c r="EY4" s="479"/>
      <c r="EZ4" s="479"/>
      <c r="FA4" s="479"/>
      <c r="FB4" s="479"/>
      <c r="FC4" s="479"/>
      <c r="FD4" s="479"/>
      <c r="FE4" s="479"/>
      <c r="FF4" s="479"/>
      <c r="FG4" s="479"/>
      <c r="FH4" s="479"/>
      <c r="FI4" s="479"/>
      <c r="FJ4" s="479"/>
      <c r="FK4" s="479"/>
      <c r="FL4" s="479"/>
      <c r="FM4" s="479"/>
      <c r="FN4" s="479"/>
      <c r="FO4" s="479"/>
      <c r="FP4" s="479"/>
      <c r="FQ4" s="479"/>
      <c r="FR4" s="479"/>
      <c r="FS4" s="479"/>
      <c r="FT4" s="479"/>
      <c r="FU4" s="479"/>
      <c r="FV4" s="480"/>
      <c r="FW4" s="481" t="s">
        <v>40</v>
      </c>
      <c r="FX4" s="482"/>
      <c r="FY4" s="482"/>
      <c r="FZ4" s="482"/>
      <c r="GA4" s="482"/>
      <c r="GB4" s="482"/>
      <c r="GC4" s="482"/>
      <c r="GD4" s="482"/>
      <c r="GE4" s="482"/>
      <c r="GF4" s="482"/>
      <c r="GG4" s="483"/>
      <c r="GH4" s="481" t="s">
        <v>41</v>
      </c>
      <c r="GI4" s="482"/>
      <c r="GJ4" s="482"/>
      <c r="GK4" s="482"/>
      <c r="GL4" s="482"/>
      <c r="GM4" s="482"/>
      <c r="GN4" s="482"/>
      <c r="GO4" s="482"/>
      <c r="GP4" s="482"/>
      <c r="GQ4" s="482"/>
      <c r="GR4" s="483"/>
      <c r="GS4" s="478" t="s">
        <v>39</v>
      </c>
      <c r="GT4" s="479"/>
      <c r="GU4" s="479"/>
      <c r="GV4" s="479"/>
      <c r="GW4" s="479"/>
      <c r="GX4" s="479"/>
      <c r="GY4" s="479"/>
      <c r="GZ4" s="479"/>
      <c r="HA4" s="479"/>
      <c r="HB4" s="479"/>
      <c r="HC4" s="479"/>
      <c r="HD4" s="479"/>
      <c r="HE4" s="479"/>
      <c r="HF4" s="479"/>
      <c r="HG4" s="479"/>
      <c r="HH4" s="479"/>
      <c r="HI4" s="479"/>
      <c r="HJ4" s="479"/>
      <c r="HK4" s="479"/>
      <c r="HL4" s="479"/>
      <c r="HM4" s="479"/>
      <c r="HN4" s="479"/>
      <c r="HO4" s="479"/>
      <c r="HP4" s="479"/>
      <c r="HQ4" s="479"/>
      <c r="HR4" s="479"/>
      <c r="HS4" s="479"/>
      <c r="HT4" s="479"/>
      <c r="HU4" s="479"/>
      <c r="HV4" s="479"/>
      <c r="HW4" s="479"/>
      <c r="HX4" s="479"/>
      <c r="HY4" s="479"/>
      <c r="HZ4" s="479"/>
      <c r="IA4" s="479"/>
      <c r="IB4" s="479"/>
      <c r="IC4" s="479"/>
      <c r="ID4" s="479"/>
      <c r="IE4" s="479"/>
      <c r="IF4" s="479"/>
      <c r="IG4" s="479"/>
      <c r="IH4" s="479"/>
      <c r="II4" s="479"/>
      <c r="IJ4" s="479"/>
      <c r="IK4" s="479"/>
      <c r="IL4" s="479"/>
      <c r="IM4" s="479"/>
      <c r="IN4" s="479"/>
      <c r="IO4" s="479"/>
      <c r="IP4" s="479"/>
      <c r="IQ4" s="479"/>
      <c r="IR4" s="479"/>
      <c r="IS4" s="479"/>
      <c r="IT4" s="479"/>
      <c r="IU4" s="479"/>
      <c r="IV4" s="479"/>
      <c r="IW4" s="479"/>
      <c r="IX4" s="479"/>
      <c r="IY4" s="479"/>
      <c r="IZ4" s="479"/>
      <c r="JA4" s="479"/>
      <c r="JB4" s="479"/>
      <c r="JC4" s="479"/>
      <c r="JD4" s="479"/>
      <c r="JE4" s="479"/>
      <c r="JF4" s="479"/>
      <c r="JG4" s="479"/>
      <c r="JH4" s="479"/>
      <c r="JI4" s="479"/>
      <c r="JJ4" s="479"/>
      <c r="JK4" s="479"/>
      <c r="JL4" s="479"/>
      <c r="JM4" s="479"/>
      <c r="JN4" s="479"/>
      <c r="JO4" s="479"/>
      <c r="JP4" s="479"/>
      <c r="JQ4" s="480"/>
      <c r="JR4" s="481" t="s">
        <v>40</v>
      </c>
      <c r="JS4" s="482"/>
      <c r="JT4" s="482"/>
      <c r="JU4" s="482"/>
      <c r="JV4" s="482"/>
      <c r="JW4" s="482"/>
      <c r="JX4" s="482"/>
      <c r="JY4" s="482"/>
      <c r="JZ4" s="482"/>
      <c r="KA4" s="482"/>
      <c r="KB4" s="483"/>
      <c r="KC4" s="481" t="s">
        <v>41</v>
      </c>
      <c r="KD4" s="482"/>
      <c r="KE4" s="482"/>
      <c r="KF4" s="482"/>
      <c r="KG4" s="482"/>
      <c r="KH4" s="482"/>
      <c r="KI4" s="482"/>
      <c r="KJ4" s="482"/>
      <c r="KK4" s="482"/>
      <c r="KL4" s="482"/>
      <c r="KM4" s="483"/>
    </row>
    <row r="5" spans="2:299" ht="21" customHeight="1" thickBot="1" x14ac:dyDescent="0.25">
      <c r="B5" s="487"/>
      <c r="C5" s="487"/>
      <c r="D5" s="488"/>
      <c r="E5" s="488"/>
      <c r="F5" s="488"/>
      <c r="G5" s="488"/>
      <c r="H5" s="488"/>
      <c r="I5" s="488"/>
      <c r="J5" s="488"/>
      <c r="K5" s="488"/>
      <c r="L5" s="488"/>
      <c r="M5" s="489"/>
      <c r="N5" s="490" t="s">
        <v>97</v>
      </c>
      <c r="O5" s="491"/>
      <c r="P5" s="491"/>
      <c r="Q5" s="491"/>
      <c r="R5" s="491"/>
      <c r="S5" s="491"/>
      <c r="T5" s="491"/>
      <c r="U5" s="491"/>
      <c r="V5" s="491"/>
      <c r="W5" s="491"/>
      <c r="X5" s="492"/>
      <c r="Y5" s="490" t="s">
        <v>98</v>
      </c>
      <c r="Z5" s="491"/>
      <c r="AA5" s="491"/>
      <c r="AB5" s="491"/>
      <c r="AC5" s="491"/>
      <c r="AD5" s="491"/>
      <c r="AE5" s="491"/>
      <c r="AF5" s="491"/>
      <c r="AG5" s="491"/>
      <c r="AH5" s="491"/>
      <c r="AI5" s="492"/>
      <c r="AJ5" s="490" t="s">
        <v>99</v>
      </c>
      <c r="AK5" s="491"/>
      <c r="AL5" s="491"/>
      <c r="AM5" s="491"/>
      <c r="AN5" s="491"/>
      <c r="AO5" s="491"/>
      <c r="AP5" s="491"/>
      <c r="AQ5" s="491"/>
      <c r="AR5" s="491"/>
      <c r="AS5" s="491"/>
      <c r="AT5" s="492"/>
      <c r="AU5" s="490" t="s">
        <v>100</v>
      </c>
      <c r="AV5" s="491"/>
      <c r="AW5" s="491"/>
      <c r="AX5" s="491"/>
      <c r="AY5" s="491"/>
      <c r="AZ5" s="491"/>
      <c r="BA5" s="491"/>
      <c r="BB5" s="491"/>
      <c r="BC5" s="491"/>
      <c r="BD5" s="491"/>
      <c r="BE5" s="492"/>
      <c r="BF5" s="490" t="s">
        <v>101</v>
      </c>
      <c r="BG5" s="491"/>
      <c r="BH5" s="491"/>
      <c r="BI5" s="491"/>
      <c r="BJ5" s="491"/>
      <c r="BK5" s="491"/>
      <c r="BL5" s="491"/>
      <c r="BM5" s="491"/>
      <c r="BN5" s="491"/>
      <c r="BO5" s="491"/>
      <c r="BP5" s="492"/>
      <c r="BQ5" s="490" t="s">
        <v>102</v>
      </c>
      <c r="BR5" s="491"/>
      <c r="BS5" s="491"/>
      <c r="BT5" s="491"/>
      <c r="BU5" s="491"/>
      <c r="BV5" s="491"/>
      <c r="BW5" s="491"/>
      <c r="BX5" s="491"/>
      <c r="BY5" s="491"/>
      <c r="BZ5" s="491"/>
      <c r="CA5" s="492"/>
      <c r="CB5" s="484"/>
      <c r="CC5" s="485"/>
      <c r="CD5" s="485"/>
      <c r="CE5" s="485"/>
      <c r="CF5" s="485"/>
      <c r="CG5" s="485"/>
      <c r="CH5" s="485"/>
      <c r="CI5" s="485"/>
      <c r="CJ5" s="485"/>
      <c r="CK5" s="485"/>
      <c r="CL5" s="486"/>
      <c r="CM5" s="484"/>
      <c r="CN5" s="485"/>
      <c r="CO5" s="485"/>
      <c r="CP5" s="485"/>
      <c r="CQ5" s="485"/>
      <c r="CR5" s="485"/>
      <c r="CS5" s="485"/>
      <c r="CT5" s="485"/>
      <c r="CU5" s="485"/>
      <c r="CV5" s="485"/>
      <c r="CW5" s="486"/>
      <c r="CX5" s="487"/>
      <c r="CY5" s="488"/>
      <c r="CZ5" s="488"/>
      <c r="DA5" s="488"/>
      <c r="DB5" s="488"/>
      <c r="DC5" s="488"/>
      <c r="DD5" s="488"/>
      <c r="DE5" s="488"/>
      <c r="DF5" s="488"/>
      <c r="DG5" s="488"/>
      <c r="DH5" s="489"/>
      <c r="DI5" s="490" t="s">
        <v>97</v>
      </c>
      <c r="DJ5" s="491"/>
      <c r="DK5" s="491"/>
      <c r="DL5" s="491"/>
      <c r="DM5" s="491"/>
      <c r="DN5" s="491"/>
      <c r="DO5" s="491"/>
      <c r="DP5" s="491"/>
      <c r="DQ5" s="491"/>
      <c r="DR5" s="491"/>
      <c r="DS5" s="492"/>
      <c r="DT5" s="490" t="s">
        <v>98</v>
      </c>
      <c r="DU5" s="491"/>
      <c r="DV5" s="491"/>
      <c r="DW5" s="491"/>
      <c r="DX5" s="491"/>
      <c r="DY5" s="491"/>
      <c r="DZ5" s="491"/>
      <c r="EA5" s="491"/>
      <c r="EB5" s="491"/>
      <c r="EC5" s="491"/>
      <c r="ED5" s="492"/>
      <c r="EE5" s="490" t="s">
        <v>99</v>
      </c>
      <c r="EF5" s="491"/>
      <c r="EG5" s="491"/>
      <c r="EH5" s="491"/>
      <c r="EI5" s="491"/>
      <c r="EJ5" s="491"/>
      <c r="EK5" s="491"/>
      <c r="EL5" s="491"/>
      <c r="EM5" s="491"/>
      <c r="EN5" s="491"/>
      <c r="EO5" s="492"/>
      <c r="EP5" s="490" t="s">
        <v>100</v>
      </c>
      <c r="EQ5" s="491"/>
      <c r="ER5" s="491"/>
      <c r="ES5" s="491"/>
      <c r="ET5" s="491"/>
      <c r="EU5" s="491"/>
      <c r="EV5" s="491"/>
      <c r="EW5" s="491"/>
      <c r="EX5" s="491"/>
      <c r="EY5" s="491"/>
      <c r="EZ5" s="492"/>
      <c r="FA5" s="490" t="s">
        <v>101</v>
      </c>
      <c r="FB5" s="491"/>
      <c r="FC5" s="491"/>
      <c r="FD5" s="491"/>
      <c r="FE5" s="491"/>
      <c r="FF5" s="491"/>
      <c r="FG5" s="491"/>
      <c r="FH5" s="491"/>
      <c r="FI5" s="491"/>
      <c r="FJ5" s="491"/>
      <c r="FK5" s="492"/>
      <c r="FL5" s="490" t="s">
        <v>102</v>
      </c>
      <c r="FM5" s="491"/>
      <c r="FN5" s="491"/>
      <c r="FO5" s="491"/>
      <c r="FP5" s="491"/>
      <c r="FQ5" s="491"/>
      <c r="FR5" s="491"/>
      <c r="FS5" s="491"/>
      <c r="FT5" s="491"/>
      <c r="FU5" s="491"/>
      <c r="FV5" s="492"/>
      <c r="FW5" s="484"/>
      <c r="FX5" s="485"/>
      <c r="FY5" s="485"/>
      <c r="FZ5" s="485"/>
      <c r="GA5" s="485"/>
      <c r="GB5" s="485"/>
      <c r="GC5" s="485"/>
      <c r="GD5" s="485"/>
      <c r="GE5" s="485"/>
      <c r="GF5" s="485"/>
      <c r="GG5" s="486"/>
      <c r="GH5" s="484"/>
      <c r="GI5" s="485"/>
      <c r="GJ5" s="485"/>
      <c r="GK5" s="485"/>
      <c r="GL5" s="485"/>
      <c r="GM5" s="485"/>
      <c r="GN5" s="485"/>
      <c r="GO5" s="485"/>
      <c r="GP5" s="485"/>
      <c r="GQ5" s="485"/>
      <c r="GR5" s="486"/>
      <c r="GS5" s="487"/>
      <c r="GT5" s="488"/>
      <c r="GU5" s="488"/>
      <c r="GV5" s="488"/>
      <c r="GW5" s="488"/>
      <c r="GX5" s="488"/>
      <c r="GY5" s="488"/>
      <c r="GZ5" s="488"/>
      <c r="HA5" s="488"/>
      <c r="HB5" s="488"/>
      <c r="HC5" s="489"/>
      <c r="HD5" s="490" t="s">
        <v>97</v>
      </c>
      <c r="HE5" s="491"/>
      <c r="HF5" s="491"/>
      <c r="HG5" s="491"/>
      <c r="HH5" s="491"/>
      <c r="HI5" s="491"/>
      <c r="HJ5" s="491"/>
      <c r="HK5" s="491"/>
      <c r="HL5" s="491"/>
      <c r="HM5" s="491"/>
      <c r="HN5" s="492"/>
      <c r="HO5" s="490" t="s">
        <v>98</v>
      </c>
      <c r="HP5" s="491"/>
      <c r="HQ5" s="491"/>
      <c r="HR5" s="491"/>
      <c r="HS5" s="491"/>
      <c r="HT5" s="491"/>
      <c r="HU5" s="491"/>
      <c r="HV5" s="491"/>
      <c r="HW5" s="491"/>
      <c r="HX5" s="491"/>
      <c r="HY5" s="492"/>
      <c r="HZ5" s="490" t="s">
        <v>99</v>
      </c>
      <c r="IA5" s="491"/>
      <c r="IB5" s="491"/>
      <c r="IC5" s="491"/>
      <c r="ID5" s="491"/>
      <c r="IE5" s="491"/>
      <c r="IF5" s="491"/>
      <c r="IG5" s="491"/>
      <c r="IH5" s="491"/>
      <c r="II5" s="491"/>
      <c r="IJ5" s="492"/>
      <c r="IK5" s="490" t="s">
        <v>100</v>
      </c>
      <c r="IL5" s="491"/>
      <c r="IM5" s="491"/>
      <c r="IN5" s="491"/>
      <c r="IO5" s="491"/>
      <c r="IP5" s="491"/>
      <c r="IQ5" s="491"/>
      <c r="IR5" s="491"/>
      <c r="IS5" s="491"/>
      <c r="IT5" s="491"/>
      <c r="IU5" s="492"/>
      <c r="IV5" s="490" t="s">
        <v>101</v>
      </c>
      <c r="IW5" s="491"/>
      <c r="IX5" s="491"/>
      <c r="IY5" s="491"/>
      <c r="IZ5" s="491"/>
      <c r="JA5" s="491"/>
      <c r="JB5" s="491"/>
      <c r="JC5" s="491"/>
      <c r="JD5" s="491"/>
      <c r="JE5" s="491"/>
      <c r="JF5" s="492"/>
      <c r="JG5" s="490" t="s">
        <v>102</v>
      </c>
      <c r="JH5" s="491"/>
      <c r="JI5" s="491"/>
      <c r="JJ5" s="491"/>
      <c r="JK5" s="491"/>
      <c r="JL5" s="491"/>
      <c r="JM5" s="491"/>
      <c r="JN5" s="491"/>
      <c r="JO5" s="491"/>
      <c r="JP5" s="491"/>
      <c r="JQ5" s="492"/>
      <c r="JR5" s="484"/>
      <c r="JS5" s="485"/>
      <c r="JT5" s="485"/>
      <c r="JU5" s="485"/>
      <c r="JV5" s="485"/>
      <c r="JW5" s="485"/>
      <c r="JX5" s="485"/>
      <c r="JY5" s="485"/>
      <c r="JZ5" s="485"/>
      <c r="KA5" s="485"/>
      <c r="KB5" s="486"/>
      <c r="KC5" s="484"/>
      <c r="KD5" s="485"/>
      <c r="KE5" s="485"/>
      <c r="KF5" s="485"/>
      <c r="KG5" s="485"/>
      <c r="KH5" s="485"/>
      <c r="KI5" s="485"/>
      <c r="KJ5" s="485"/>
      <c r="KK5" s="485"/>
      <c r="KL5" s="485"/>
      <c r="KM5" s="486"/>
    </row>
    <row r="6" spans="2:299" ht="30" customHeight="1" thickBot="1" x14ac:dyDescent="0.25">
      <c r="B6" s="289" t="s">
        <v>42</v>
      </c>
      <c r="C6" s="43" t="s">
        <v>43</v>
      </c>
      <c r="D6" s="41" t="s">
        <v>44</v>
      </c>
      <c r="E6" s="42" t="s">
        <v>45</v>
      </c>
      <c r="F6" s="44" t="s">
        <v>46</v>
      </c>
      <c r="G6" s="41" t="s">
        <v>47</v>
      </c>
      <c r="H6" s="41" t="s">
        <v>48</v>
      </c>
      <c r="I6" s="41" t="s">
        <v>49</v>
      </c>
      <c r="J6" s="41" t="s">
        <v>50</v>
      </c>
      <c r="K6" s="41" t="s">
        <v>51</v>
      </c>
      <c r="L6" s="42" t="s">
        <v>45</v>
      </c>
      <c r="M6" s="45" t="s">
        <v>52</v>
      </c>
      <c r="N6" s="314" t="s">
        <v>43</v>
      </c>
      <c r="O6" s="315" t="s">
        <v>44</v>
      </c>
      <c r="P6" s="316" t="s">
        <v>45</v>
      </c>
      <c r="Q6" s="317" t="s">
        <v>46</v>
      </c>
      <c r="R6" s="315" t="s">
        <v>47</v>
      </c>
      <c r="S6" s="315" t="s">
        <v>48</v>
      </c>
      <c r="T6" s="315" t="s">
        <v>49</v>
      </c>
      <c r="U6" s="315" t="s">
        <v>50</v>
      </c>
      <c r="V6" s="315" t="s">
        <v>51</v>
      </c>
      <c r="W6" s="316" t="s">
        <v>45</v>
      </c>
      <c r="X6" s="313" t="s">
        <v>52</v>
      </c>
      <c r="Y6" s="314" t="s">
        <v>43</v>
      </c>
      <c r="Z6" s="315" t="s">
        <v>44</v>
      </c>
      <c r="AA6" s="316" t="s">
        <v>45</v>
      </c>
      <c r="AB6" s="317" t="s">
        <v>46</v>
      </c>
      <c r="AC6" s="315" t="s">
        <v>47</v>
      </c>
      <c r="AD6" s="315" t="s">
        <v>48</v>
      </c>
      <c r="AE6" s="315" t="s">
        <v>49</v>
      </c>
      <c r="AF6" s="315" t="s">
        <v>50</v>
      </c>
      <c r="AG6" s="315" t="s">
        <v>51</v>
      </c>
      <c r="AH6" s="316" t="s">
        <v>45</v>
      </c>
      <c r="AI6" s="318" t="s">
        <v>52</v>
      </c>
      <c r="AJ6" s="314" t="s">
        <v>43</v>
      </c>
      <c r="AK6" s="315" t="s">
        <v>44</v>
      </c>
      <c r="AL6" s="316" t="s">
        <v>45</v>
      </c>
      <c r="AM6" s="317" t="s">
        <v>46</v>
      </c>
      <c r="AN6" s="315" t="s">
        <v>47</v>
      </c>
      <c r="AO6" s="315" t="s">
        <v>48</v>
      </c>
      <c r="AP6" s="315" t="s">
        <v>49</v>
      </c>
      <c r="AQ6" s="315" t="s">
        <v>50</v>
      </c>
      <c r="AR6" s="315" t="s">
        <v>51</v>
      </c>
      <c r="AS6" s="316" t="s">
        <v>45</v>
      </c>
      <c r="AT6" s="318" t="s">
        <v>52</v>
      </c>
      <c r="AU6" s="314" t="s">
        <v>43</v>
      </c>
      <c r="AV6" s="315" t="s">
        <v>44</v>
      </c>
      <c r="AW6" s="316" t="s">
        <v>45</v>
      </c>
      <c r="AX6" s="317" t="s">
        <v>46</v>
      </c>
      <c r="AY6" s="315" t="s">
        <v>47</v>
      </c>
      <c r="AZ6" s="315" t="s">
        <v>48</v>
      </c>
      <c r="BA6" s="315" t="s">
        <v>49</v>
      </c>
      <c r="BB6" s="315" t="s">
        <v>50</v>
      </c>
      <c r="BC6" s="315" t="s">
        <v>51</v>
      </c>
      <c r="BD6" s="316" t="s">
        <v>45</v>
      </c>
      <c r="BE6" s="318" t="s">
        <v>52</v>
      </c>
      <c r="BF6" s="314" t="s">
        <v>43</v>
      </c>
      <c r="BG6" s="315" t="s">
        <v>44</v>
      </c>
      <c r="BH6" s="316" t="s">
        <v>45</v>
      </c>
      <c r="BI6" s="317" t="s">
        <v>46</v>
      </c>
      <c r="BJ6" s="315" t="s">
        <v>47</v>
      </c>
      <c r="BK6" s="315" t="s">
        <v>48</v>
      </c>
      <c r="BL6" s="315" t="s">
        <v>49</v>
      </c>
      <c r="BM6" s="315" t="s">
        <v>50</v>
      </c>
      <c r="BN6" s="315" t="s">
        <v>51</v>
      </c>
      <c r="BO6" s="316" t="s">
        <v>45</v>
      </c>
      <c r="BP6" s="318" t="s">
        <v>52</v>
      </c>
      <c r="BQ6" s="314" t="s">
        <v>43</v>
      </c>
      <c r="BR6" s="315" t="s">
        <v>44</v>
      </c>
      <c r="BS6" s="316" t="s">
        <v>45</v>
      </c>
      <c r="BT6" s="317" t="s">
        <v>46</v>
      </c>
      <c r="BU6" s="315" t="s">
        <v>47</v>
      </c>
      <c r="BV6" s="315" t="s">
        <v>48</v>
      </c>
      <c r="BW6" s="315" t="s">
        <v>49</v>
      </c>
      <c r="BX6" s="315" t="s">
        <v>50</v>
      </c>
      <c r="BY6" s="315" t="s">
        <v>51</v>
      </c>
      <c r="BZ6" s="316" t="s">
        <v>45</v>
      </c>
      <c r="CA6" s="318" t="s">
        <v>52</v>
      </c>
      <c r="CB6" s="314" t="s">
        <v>43</v>
      </c>
      <c r="CC6" s="315" t="s">
        <v>44</v>
      </c>
      <c r="CD6" s="316" t="s">
        <v>45</v>
      </c>
      <c r="CE6" s="317" t="s">
        <v>46</v>
      </c>
      <c r="CF6" s="315" t="s">
        <v>47</v>
      </c>
      <c r="CG6" s="315" t="s">
        <v>48</v>
      </c>
      <c r="CH6" s="315" t="s">
        <v>49</v>
      </c>
      <c r="CI6" s="315" t="s">
        <v>50</v>
      </c>
      <c r="CJ6" s="315" t="s">
        <v>51</v>
      </c>
      <c r="CK6" s="316" t="s">
        <v>45</v>
      </c>
      <c r="CL6" s="318" t="s">
        <v>52</v>
      </c>
      <c r="CM6" s="314" t="s">
        <v>43</v>
      </c>
      <c r="CN6" s="315" t="s">
        <v>44</v>
      </c>
      <c r="CO6" s="316" t="s">
        <v>45</v>
      </c>
      <c r="CP6" s="317" t="s">
        <v>46</v>
      </c>
      <c r="CQ6" s="315" t="s">
        <v>47</v>
      </c>
      <c r="CR6" s="315" t="s">
        <v>48</v>
      </c>
      <c r="CS6" s="315" t="s">
        <v>49</v>
      </c>
      <c r="CT6" s="315" t="s">
        <v>50</v>
      </c>
      <c r="CU6" s="315" t="s">
        <v>51</v>
      </c>
      <c r="CV6" s="316" t="s">
        <v>45</v>
      </c>
      <c r="CW6" s="318" t="s">
        <v>52</v>
      </c>
      <c r="CX6" s="43" t="s">
        <v>43</v>
      </c>
      <c r="CY6" s="41" t="s">
        <v>44</v>
      </c>
      <c r="CZ6" s="42" t="s">
        <v>45</v>
      </c>
      <c r="DA6" s="44" t="s">
        <v>46</v>
      </c>
      <c r="DB6" s="41" t="s">
        <v>47</v>
      </c>
      <c r="DC6" s="41" t="s">
        <v>48</v>
      </c>
      <c r="DD6" s="41" t="s">
        <v>49</v>
      </c>
      <c r="DE6" s="41" t="s">
        <v>50</v>
      </c>
      <c r="DF6" s="41" t="s">
        <v>51</v>
      </c>
      <c r="DG6" s="42" t="s">
        <v>45</v>
      </c>
      <c r="DH6" s="45" t="s">
        <v>52</v>
      </c>
      <c r="DI6" s="314" t="s">
        <v>43</v>
      </c>
      <c r="DJ6" s="315" t="s">
        <v>44</v>
      </c>
      <c r="DK6" s="316" t="s">
        <v>45</v>
      </c>
      <c r="DL6" s="317" t="s">
        <v>46</v>
      </c>
      <c r="DM6" s="315" t="s">
        <v>47</v>
      </c>
      <c r="DN6" s="315" t="s">
        <v>48</v>
      </c>
      <c r="DO6" s="315" t="s">
        <v>49</v>
      </c>
      <c r="DP6" s="315" t="s">
        <v>50</v>
      </c>
      <c r="DQ6" s="315" t="s">
        <v>51</v>
      </c>
      <c r="DR6" s="316" t="s">
        <v>45</v>
      </c>
      <c r="DS6" s="318" t="s">
        <v>52</v>
      </c>
      <c r="DT6" s="314" t="s">
        <v>43</v>
      </c>
      <c r="DU6" s="315" t="s">
        <v>44</v>
      </c>
      <c r="DV6" s="316" t="s">
        <v>45</v>
      </c>
      <c r="DW6" s="317" t="s">
        <v>46</v>
      </c>
      <c r="DX6" s="315" t="s">
        <v>47</v>
      </c>
      <c r="DY6" s="315" t="s">
        <v>48</v>
      </c>
      <c r="DZ6" s="315" t="s">
        <v>49</v>
      </c>
      <c r="EA6" s="315" t="s">
        <v>50</v>
      </c>
      <c r="EB6" s="315" t="s">
        <v>51</v>
      </c>
      <c r="EC6" s="316" t="s">
        <v>45</v>
      </c>
      <c r="ED6" s="318" t="s">
        <v>52</v>
      </c>
      <c r="EE6" s="314" t="s">
        <v>43</v>
      </c>
      <c r="EF6" s="315" t="s">
        <v>44</v>
      </c>
      <c r="EG6" s="316" t="s">
        <v>45</v>
      </c>
      <c r="EH6" s="317" t="s">
        <v>46</v>
      </c>
      <c r="EI6" s="315" t="s">
        <v>47</v>
      </c>
      <c r="EJ6" s="315" t="s">
        <v>48</v>
      </c>
      <c r="EK6" s="315" t="s">
        <v>49</v>
      </c>
      <c r="EL6" s="315" t="s">
        <v>50</v>
      </c>
      <c r="EM6" s="315" t="s">
        <v>51</v>
      </c>
      <c r="EN6" s="316" t="s">
        <v>45</v>
      </c>
      <c r="EO6" s="318" t="s">
        <v>52</v>
      </c>
      <c r="EP6" s="314" t="s">
        <v>43</v>
      </c>
      <c r="EQ6" s="315" t="s">
        <v>44</v>
      </c>
      <c r="ER6" s="316" t="s">
        <v>45</v>
      </c>
      <c r="ES6" s="317" t="s">
        <v>46</v>
      </c>
      <c r="ET6" s="315" t="s">
        <v>47</v>
      </c>
      <c r="EU6" s="315" t="s">
        <v>48</v>
      </c>
      <c r="EV6" s="315" t="s">
        <v>49</v>
      </c>
      <c r="EW6" s="315" t="s">
        <v>50</v>
      </c>
      <c r="EX6" s="315" t="s">
        <v>51</v>
      </c>
      <c r="EY6" s="316" t="s">
        <v>45</v>
      </c>
      <c r="EZ6" s="318" t="s">
        <v>52</v>
      </c>
      <c r="FA6" s="314" t="s">
        <v>43</v>
      </c>
      <c r="FB6" s="315" t="s">
        <v>44</v>
      </c>
      <c r="FC6" s="316" t="s">
        <v>45</v>
      </c>
      <c r="FD6" s="317" t="s">
        <v>46</v>
      </c>
      <c r="FE6" s="315" t="s">
        <v>47</v>
      </c>
      <c r="FF6" s="315" t="s">
        <v>48</v>
      </c>
      <c r="FG6" s="315" t="s">
        <v>49</v>
      </c>
      <c r="FH6" s="315" t="s">
        <v>50</v>
      </c>
      <c r="FI6" s="315" t="s">
        <v>51</v>
      </c>
      <c r="FJ6" s="316" t="s">
        <v>45</v>
      </c>
      <c r="FK6" s="318" t="s">
        <v>52</v>
      </c>
      <c r="FL6" s="314" t="s">
        <v>43</v>
      </c>
      <c r="FM6" s="315" t="s">
        <v>44</v>
      </c>
      <c r="FN6" s="316" t="s">
        <v>45</v>
      </c>
      <c r="FO6" s="317" t="s">
        <v>46</v>
      </c>
      <c r="FP6" s="315" t="s">
        <v>47</v>
      </c>
      <c r="FQ6" s="315" t="s">
        <v>48</v>
      </c>
      <c r="FR6" s="315" t="s">
        <v>49</v>
      </c>
      <c r="FS6" s="315" t="s">
        <v>50</v>
      </c>
      <c r="FT6" s="315" t="s">
        <v>51</v>
      </c>
      <c r="FU6" s="316" t="s">
        <v>45</v>
      </c>
      <c r="FV6" s="318" t="s">
        <v>52</v>
      </c>
      <c r="FW6" s="314" t="s">
        <v>43</v>
      </c>
      <c r="FX6" s="315" t="s">
        <v>44</v>
      </c>
      <c r="FY6" s="316" t="s">
        <v>45</v>
      </c>
      <c r="FZ6" s="317" t="s">
        <v>46</v>
      </c>
      <c r="GA6" s="315" t="s">
        <v>47</v>
      </c>
      <c r="GB6" s="315" t="s">
        <v>48</v>
      </c>
      <c r="GC6" s="315" t="s">
        <v>49</v>
      </c>
      <c r="GD6" s="315" t="s">
        <v>50</v>
      </c>
      <c r="GE6" s="315" t="s">
        <v>51</v>
      </c>
      <c r="GF6" s="316" t="s">
        <v>45</v>
      </c>
      <c r="GG6" s="318" t="s">
        <v>52</v>
      </c>
      <c r="GH6" s="314" t="s">
        <v>43</v>
      </c>
      <c r="GI6" s="315" t="s">
        <v>44</v>
      </c>
      <c r="GJ6" s="316" t="s">
        <v>45</v>
      </c>
      <c r="GK6" s="317" t="s">
        <v>46</v>
      </c>
      <c r="GL6" s="315" t="s">
        <v>47</v>
      </c>
      <c r="GM6" s="315" t="s">
        <v>48</v>
      </c>
      <c r="GN6" s="315" t="s">
        <v>49</v>
      </c>
      <c r="GO6" s="315" t="s">
        <v>50</v>
      </c>
      <c r="GP6" s="315" t="s">
        <v>51</v>
      </c>
      <c r="GQ6" s="316" t="s">
        <v>45</v>
      </c>
      <c r="GR6" s="318" t="s">
        <v>52</v>
      </c>
      <c r="GS6" s="43" t="s">
        <v>43</v>
      </c>
      <c r="GT6" s="41" t="s">
        <v>44</v>
      </c>
      <c r="GU6" s="42" t="s">
        <v>45</v>
      </c>
      <c r="GV6" s="44" t="s">
        <v>46</v>
      </c>
      <c r="GW6" s="41" t="s">
        <v>47</v>
      </c>
      <c r="GX6" s="41" t="s">
        <v>48</v>
      </c>
      <c r="GY6" s="41" t="s">
        <v>49</v>
      </c>
      <c r="GZ6" s="41" t="s">
        <v>50</v>
      </c>
      <c r="HA6" s="41" t="s">
        <v>51</v>
      </c>
      <c r="HB6" s="42" t="s">
        <v>45</v>
      </c>
      <c r="HC6" s="45" t="s">
        <v>52</v>
      </c>
      <c r="HD6" s="314" t="s">
        <v>43</v>
      </c>
      <c r="HE6" s="315" t="s">
        <v>44</v>
      </c>
      <c r="HF6" s="316" t="s">
        <v>45</v>
      </c>
      <c r="HG6" s="317" t="s">
        <v>46</v>
      </c>
      <c r="HH6" s="315" t="s">
        <v>47</v>
      </c>
      <c r="HI6" s="315" t="s">
        <v>48</v>
      </c>
      <c r="HJ6" s="315" t="s">
        <v>49</v>
      </c>
      <c r="HK6" s="315" t="s">
        <v>50</v>
      </c>
      <c r="HL6" s="315" t="s">
        <v>51</v>
      </c>
      <c r="HM6" s="316" t="s">
        <v>45</v>
      </c>
      <c r="HN6" s="318" t="s">
        <v>52</v>
      </c>
      <c r="HO6" s="314" t="s">
        <v>43</v>
      </c>
      <c r="HP6" s="315" t="s">
        <v>44</v>
      </c>
      <c r="HQ6" s="316" t="s">
        <v>45</v>
      </c>
      <c r="HR6" s="317" t="s">
        <v>46</v>
      </c>
      <c r="HS6" s="315" t="s">
        <v>47</v>
      </c>
      <c r="HT6" s="315" t="s">
        <v>48</v>
      </c>
      <c r="HU6" s="315" t="s">
        <v>49</v>
      </c>
      <c r="HV6" s="315" t="s">
        <v>50</v>
      </c>
      <c r="HW6" s="315" t="s">
        <v>51</v>
      </c>
      <c r="HX6" s="316" t="s">
        <v>45</v>
      </c>
      <c r="HY6" s="318" t="s">
        <v>52</v>
      </c>
      <c r="HZ6" s="314" t="s">
        <v>43</v>
      </c>
      <c r="IA6" s="315" t="s">
        <v>44</v>
      </c>
      <c r="IB6" s="316" t="s">
        <v>45</v>
      </c>
      <c r="IC6" s="317" t="s">
        <v>46</v>
      </c>
      <c r="ID6" s="315" t="s">
        <v>47</v>
      </c>
      <c r="IE6" s="315" t="s">
        <v>48</v>
      </c>
      <c r="IF6" s="315" t="s">
        <v>49</v>
      </c>
      <c r="IG6" s="315" t="s">
        <v>50</v>
      </c>
      <c r="IH6" s="315" t="s">
        <v>51</v>
      </c>
      <c r="II6" s="316" t="s">
        <v>45</v>
      </c>
      <c r="IJ6" s="318" t="s">
        <v>52</v>
      </c>
      <c r="IK6" s="314" t="s">
        <v>43</v>
      </c>
      <c r="IL6" s="315" t="s">
        <v>44</v>
      </c>
      <c r="IM6" s="316" t="s">
        <v>45</v>
      </c>
      <c r="IN6" s="317" t="s">
        <v>46</v>
      </c>
      <c r="IO6" s="315" t="s">
        <v>47</v>
      </c>
      <c r="IP6" s="315" t="s">
        <v>48</v>
      </c>
      <c r="IQ6" s="315" t="s">
        <v>49</v>
      </c>
      <c r="IR6" s="315" t="s">
        <v>50</v>
      </c>
      <c r="IS6" s="315" t="s">
        <v>51</v>
      </c>
      <c r="IT6" s="316" t="s">
        <v>45</v>
      </c>
      <c r="IU6" s="318" t="s">
        <v>52</v>
      </c>
      <c r="IV6" s="314" t="s">
        <v>43</v>
      </c>
      <c r="IW6" s="315" t="s">
        <v>44</v>
      </c>
      <c r="IX6" s="316" t="s">
        <v>45</v>
      </c>
      <c r="IY6" s="317" t="s">
        <v>46</v>
      </c>
      <c r="IZ6" s="315" t="s">
        <v>47</v>
      </c>
      <c r="JA6" s="315" t="s">
        <v>48</v>
      </c>
      <c r="JB6" s="315" t="s">
        <v>49</v>
      </c>
      <c r="JC6" s="315" t="s">
        <v>50</v>
      </c>
      <c r="JD6" s="315" t="s">
        <v>51</v>
      </c>
      <c r="JE6" s="316" t="s">
        <v>45</v>
      </c>
      <c r="JF6" s="318" t="s">
        <v>52</v>
      </c>
      <c r="JG6" s="314" t="s">
        <v>43</v>
      </c>
      <c r="JH6" s="315" t="s">
        <v>44</v>
      </c>
      <c r="JI6" s="316" t="s">
        <v>45</v>
      </c>
      <c r="JJ6" s="317" t="s">
        <v>46</v>
      </c>
      <c r="JK6" s="315" t="s">
        <v>47</v>
      </c>
      <c r="JL6" s="315" t="s">
        <v>48</v>
      </c>
      <c r="JM6" s="315" t="s">
        <v>49</v>
      </c>
      <c r="JN6" s="315" t="s">
        <v>50</v>
      </c>
      <c r="JO6" s="315" t="s">
        <v>51</v>
      </c>
      <c r="JP6" s="316" t="s">
        <v>45</v>
      </c>
      <c r="JQ6" s="318" t="s">
        <v>52</v>
      </c>
      <c r="JR6" s="314" t="s">
        <v>43</v>
      </c>
      <c r="JS6" s="315" t="s">
        <v>44</v>
      </c>
      <c r="JT6" s="316" t="s">
        <v>45</v>
      </c>
      <c r="JU6" s="317" t="s">
        <v>46</v>
      </c>
      <c r="JV6" s="315" t="s">
        <v>47</v>
      </c>
      <c r="JW6" s="315" t="s">
        <v>48</v>
      </c>
      <c r="JX6" s="315" t="s">
        <v>49</v>
      </c>
      <c r="JY6" s="315" t="s">
        <v>50</v>
      </c>
      <c r="JZ6" s="315" t="s">
        <v>51</v>
      </c>
      <c r="KA6" s="316" t="s">
        <v>45</v>
      </c>
      <c r="KB6" s="318" t="s">
        <v>52</v>
      </c>
      <c r="KC6" s="314" t="s">
        <v>43</v>
      </c>
      <c r="KD6" s="315" t="s">
        <v>44</v>
      </c>
      <c r="KE6" s="316" t="s">
        <v>45</v>
      </c>
      <c r="KF6" s="317" t="s">
        <v>46</v>
      </c>
      <c r="KG6" s="315" t="s">
        <v>47</v>
      </c>
      <c r="KH6" s="315" t="s">
        <v>48</v>
      </c>
      <c r="KI6" s="315" t="s">
        <v>49</v>
      </c>
      <c r="KJ6" s="315" t="s">
        <v>50</v>
      </c>
      <c r="KK6" s="315" t="s">
        <v>51</v>
      </c>
      <c r="KL6" s="316" t="s">
        <v>45</v>
      </c>
      <c r="KM6" s="318" t="s">
        <v>52</v>
      </c>
    </row>
    <row r="7" spans="2:299" ht="21" customHeight="1" x14ac:dyDescent="0.2">
      <c r="B7" s="435" t="s">
        <v>4</v>
      </c>
      <c r="C7" s="286">
        <v>4217</v>
      </c>
      <c r="D7" s="68">
        <v>4075</v>
      </c>
      <c r="E7" s="69">
        <v>8292</v>
      </c>
      <c r="F7" s="442">
        <v>0</v>
      </c>
      <c r="G7" s="68">
        <v>5773</v>
      </c>
      <c r="H7" s="68">
        <v>5217</v>
      </c>
      <c r="I7" s="68">
        <v>3355</v>
      </c>
      <c r="J7" s="68">
        <v>2786</v>
      </c>
      <c r="K7" s="68">
        <v>1541</v>
      </c>
      <c r="L7" s="70">
        <v>18672</v>
      </c>
      <c r="M7" s="71">
        <v>26964</v>
      </c>
      <c r="N7" s="56">
        <v>60</v>
      </c>
      <c r="O7" s="57">
        <v>55</v>
      </c>
      <c r="P7" s="58">
        <v>115</v>
      </c>
      <c r="Q7" s="442">
        <v>0</v>
      </c>
      <c r="R7" s="57">
        <v>84</v>
      </c>
      <c r="S7" s="57">
        <v>85</v>
      </c>
      <c r="T7" s="57">
        <v>61</v>
      </c>
      <c r="U7" s="57">
        <v>43</v>
      </c>
      <c r="V7" s="57">
        <v>37</v>
      </c>
      <c r="W7" s="58">
        <v>310</v>
      </c>
      <c r="X7" s="59">
        <v>425</v>
      </c>
      <c r="Y7" s="56">
        <v>158</v>
      </c>
      <c r="Z7" s="57">
        <v>173</v>
      </c>
      <c r="AA7" s="58">
        <v>331</v>
      </c>
      <c r="AB7" s="442">
        <v>0</v>
      </c>
      <c r="AC7" s="57">
        <v>208</v>
      </c>
      <c r="AD7" s="57">
        <v>220</v>
      </c>
      <c r="AE7" s="57">
        <v>145</v>
      </c>
      <c r="AF7" s="57">
        <v>121</v>
      </c>
      <c r="AG7" s="57">
        <v>103</v>
      </c>
      <c r="AH7" s="58">
        <v>797</v>
      </c>
      <c r="AI7" s="59">
        <v>1128</v>
      </c>
      <c r="AJ7" s="56">
        <v>319</v>
      </c>
      <c r="AK7" s="57">
        <v>343</v>
      </c>
      <c r="AL7" s="58">
        <v>662</v>
      </c>
      <c r="AM7" s="442">
        <v>0</v>
      </c>
      <c r="AN7" s="57">
        <v>458</v>
      </c>
      <c r="AO7" s="57">
        <v>395</v>
      </c>
      <c r="AP7" s="57">
        <v>255</v>
      </c>
      <c r="AQ7" s="57">
        <v>231</v>
      </c>
      <c r="AR7" s="57">
        <v>135</v>
      </c>
      <c r="AS7" s="58">
        <v>1474</v>
      </c>
      <c r="AT7" s="59">
        <v>2136</v>
      </c>
      <c r="AU7" s="56">
        <v>833</v>
      </c>
      <c r="AV7" s="57">
        <v>779</v>
      </c>
      <c r="AW7" s="58">
        <v>1612</v>
      </c>
      <c r="AX7" s="442">
        <v>0</v>
      </c>
      <c r="AY7" s="57">
        <v>1081</v>
      </c>
      <c r="AZ7" s="57">
        <v>943</v>
      </c>
      <c r="BA7" s="57">
        <v>573</v>
      </c>
      <c r="BB7" s="57">
        <v>433</v>
      </c>
      <c r="BC7" s="57">
        <v>276</v>
      </c>
      <c r="BD7" s="58">
        <v>3306</v>
      </c>
      <c r="BE7" s="59">
        <v>4918</v>
      </c>
      <c r="BF7" s="56">
        <v>1501</v>
      </c>
      <c r="BG7" s="57">
        <v>1328</v>
      </c>
      <c r="BH7" s="58">
        <v>2829</v>
      </c>
      <c r="BI7" s="442">
        <v>0</v>
      </c>
      <c r="BJ7" s="57">
        <v>1892</v>
      </c>
      <c r="BK7" s="57">
        <v>1549</v>
      </c>
      <c r="BL7" s="57">
        <v>912</v>
      </c>
      <c r="BM7" s="57">
        <v>805</v>
      </c>
      <c r="BN7" s="57">
        <v>408</v>
      </c>
      <c r="BO7" s="58">
        <v>5566</v>
      </c>
      <c r="BP7" s="59">
        <v>8395</v>
      </c>
      <c r="BQ7" s="56">
        <v>1346</v>
      </c>
      <c r="BR7" s="57">
        <v>1397</v>
      </c>
      <c r="BS7" s="58">
        <v>2743</v>
      </c>
      <c r="BT7" s="442">
        <v>0</v>
      </c>
      <c r="BU7" s="57">
        <v>2050</v>
      </c>
      <c r="BV7" s="57">
        <v>2025</v>
      </c>
      <c r="BW7" s="57">
        <v>1409</v>
      </c>
      <c r="BX7" s="57">
        <v>1153</v>
      </c>
      <c r="BY7" s="57">
        <v>582</v>
      </c>
      <c r="BZ7" s="58">
        <v>7219</v>
      </c>
      <c r="CA7" s="59">
        <v>9962</v>
      </c>
      <c r="CB7" s="56">
        <v>0</v>
      </c>
      <c r="CC7" s="57">
        <v>0</v>
      </c>
      <c r="CD7" s="58">
        <v>0</v>
      </c>
      <c r="CE7" s="442">
        <v>0</v>
      </c>
      <c r="CF7" s="57">
        <v>0</v>
      </c>
      <c r="CG7" s="57">
        <v>0</v>
      </c>
      <c r="CH7" s="57">
        <v>0</v>
      </c>
      <c r="CI7" s="57">
        <v>0</v>
      </c>
      <c r="CJ7" s="57">
        <v>0</v>
      </c>
      <c r="CK7" s="58">
        <v>0</v>
      </c>
      <c r="CL7" s="59">
        <v>0</v>
      </c>
      <c r="CM7" s="56">
        <v>4217</v>
      </c>
      <c r="CN7" s="57">
        <v>4075</v>
      </c>
      <c r="CO7" s="58">
        <v>8292</v>
      </c>
      <c r="CP7" s="442">
        <v>0</v>
      </c>
      <c r="CQ7" s="57">
        <v>5773</v>
      </c>
      <c r="CR7" s="57">
        <v>5217</v>
      </c>
      <c r="CS7" s="57">
        <v>3355</v>
      </c>
      <c r="CT7" s="57">
        <v>2786</v>
      </c>
      <c r="CU7" s="57">
        <v>1541</v>
      </c>
      <c r="CV7" s="58">
        <v>18672</v>
      </c>
      <c r="CW7" s="59">
        <v>26964</v>
      </c>
      <c r="CX7" s="112">
        <v>598</v>
      </c>
      <c r="CY7" s="68">
        <v>731</v>
      </c>
      <c r="CZ7" s="69">
        <v>1329</v>
      </c>
      <c r="DA7" s="442">
        <v>0</v>
      </c>
      <c r="DB7" s="68">
        <v>833</v>
      </c>
      <c r="DC7" s="68">
        <v>751</v>
      </c>
      <c r="DD7" s="68">
        <v>520</v>
      </c>
      <c r="DE7" s="68">
        <v>536</v>
      </c>
      <c r="DF7" s="68">
        <v>337</v>
      </c>
      <c r="DG7" s="70">
        <v>2977</v>
      </c>
      <c r="DH7" s="71">
        <v>4306</v>
      </c>
      <c r="DI7" s="56">
        <v>12</v>
      </c>
      <c r="DJ7" s="57">
        <v>21</v>
      </c>
      <c r="DK7" s="58">
        <v>33</v>
      </c>
      <c r="DL7" s="442">
        <v>0</v>
      </c>
      <c r="DM7" s="57">
        <v>13</v>
      </c>
      <c r="DN7" s="57">
        <v>16</v>
      </c>
      <c r="DO7" s="57">
        <v>9</v>
      </c>
      <c r="DP7" s="57">
        <v>5</v>
      </c>
      <c r="DQ7" s="57">
        <v>4</v>
      </c>
      <c r="DR7" s="58">
        <v>47</v>
      </c>
      <c r="DS7" s="59">
        <v>80</v>
      </c>
      <c r="DT7" s="56">
        <v>45</v>
      </c>
      <c r="DU7" s="57">
        <v>54</v>
      </c>
      <c r="DV7" s="58">
        <v>99</v>
      </c>
      <c r="DW7" s="442">
        <v>0</v>
      </c>
      <c r="DX7" s="57">
        <v>26</v>
      </c>
      <c r="DY7" s="57">
        <v>30</v>
      </c>
      <c r="DZ7" s="57">
        <v>24</v>
      </c>
      <c r="EA7" s="57">
        <v>22</v>
      </c>
      <c r="EB7" s="57">
        <v>13</v>
      </c>
      <c r="EC7" s="58">
        <v>115</v>
      </c>
      <c r="ED7" s="59">
        <v>214</v>
      </c>
      <c r="EE7" s="56">
        <v>84</v>
      </c>
      <c r="EF7" s="57">
        <v>87</v>
      </c>
      <c r="EG7" s="58">
        <v>171</v>
      </c>
      <c r="EH7" s="442">
        <v>0</v>
      </c>
      <c r="EI7" s="57">
        <v>77</v>
      </c>
      <c r="EJ7" s="57">
        <v>53</v>
      </c>
      <c r="EK7" s="57">
        <v>26</v>
      </c>
      <c r="EL7" s="57">
        <v>27</v>
      </c>
      <c r="EM7" s="57">
        <v>29</v>
      </c>
      <c r="EN7" s="58">
        <v>212</v>
      </c>
      <c r="EO7" s="59">
        <v>383</v>
      </c>
      <c r="EP7" s="56">
        <v>158</v>
      </c>
      <c r="EQ7" s="57">
        <v>165</v>
      </c>
      <c r="ER7" s="58">
        <v>323</v>
      </c>
      <c r="ES7" s="442">
        <v>0</v>
      </c>
      <c r="ET7" s="57">
        <v>184</v>
      </c>
      <c r="EU7" s="57">
        <v>110</v>
      </c>
      <c r="EV7" s="57">
        <v>70</v>
      </c>
      <c r="EW7" s="57">
        <v>52</v>
      </c>
      <c r="EX7" s="57">
        <v>34</v>
      </c>
      <c r="EY7" s="58">
        <v>450</v>
      </c>
      <c r="EZ7" s="59">
        <v>773</v>
      </c>
      <c r="FA7" s="56">
        <v>177</v>
      </c>
      <c r="FB7" s="57">
        <v>218</v>
      </c>
      <c r="FC7" s="58">
        <v>395</v>
      </c>
      <c r="FD7" s="442">
        <v>0</v>
      </c>
      <c r="FE7" s="57">
        <v>241</v>
      </c>
      <c r="FF7" s="57">
        <v>221</v>
      </c>
      <c r="FG7" s="57">
        <v>117</v>
      </c>
      <c r="FH7" s="57">
        <v>124</v>
      </c>
      <c r="FI7" s="57">
        <v>84</v>
      </c>
      <c r="FJ7" s="58">
        <v>787</v>
      </c>
      <c r="FK7" s="59">
        <v>1182</v>
      </c>
      <c r="FL7" s="56">
        <v>122</v>
      </c>
      <c r="FM7" s="57">
        <v>186</v>
      </c>
      <c r="FN7" s="58">
        <v>308</v>
      </c>
      <c r="FO7" s="442">
        <v>0</v>
      </c>
      <c r="FP7" s="57">
        <v>292</v>
      </c>
      <c r="FQ7" s="57">
        <v>321</v>
      </c>
      <c r="FR7" s="57">
        <v>274</v>
      </c>
      <c r="FS7" s="57">
        <v>306</v>
      </c>
      <c r="FT7" s="57">
        <v>173</v>
      </c>
      <c r="FU7" s="58">
        <v>1366</v>
      </c>
      <c r="FV7" s="59">
        <v>1674</v>
      </c>
      <c r="FW7" s="56">
        <v>0</v>
      </c>
      <c r="FX7" s="57">
        <v>0</v>
      </c>
      <c r="FY7" s="58">
        <v>0</v>
      </c>
      <c r="FZ7" s="442">
        <v>0</v>
      </c>
      <c r="GA7" s="57">
        <v>0</v>
      </c>
      <c r="GB7" s="57">
        <v>0</v>
      </c>
      <c r="GC7" s="57">
        <v>0</v>
      </c>
      <c r="GD7" s="57">
        <v>0</v>
      </c>
      <c r="GE7" s="57">
        <v>0</v>
      </c>
      <c r="GF7" s="58">
        <v>0</v>
      </c>
      <c r="GG7" s="59">
        <v>0</v>
      </c>
      <c r="GH7" s="56">
        <v>598</v>
      </c>
      <c r="GI7" s="57">
        <v>731</v>
      </c>
      <c r="GJ7" s="58">
        <v>1329</v>
      </c>
      <c r="GK7" s="442">
        <v>0</v>
      </c>
      <c r="GL7" s="57">
        <v>833</v>
      </c>
      <c r="GM7" s="57">
        <v>751</v>
      </c>
      <c r="GN7" s="57">
        <v>520</v>
      </c>
      <c r="GO7" s="57">
        <v>536</v>
      </c>
      <c r="GP7" s="57">
        <v>337</v>
      </c>
      <c r="GQ7" s="58">
        <v>2977</v>
      </c>
      <c r="GR7" s="59">
        <v>4306</v>
      </c>
      <c r="GS7" s="112">
        <v>4815</v>
      </c>
      <c r="GT7" s="68">
        <v>4806</v>
      </c>
      <c r="GU7" s="69">
        <v>9621</v>
      </c>
      <c r="GV7" s="442">
        <v>0</v>
      </c>
      <c r="GW7" s="68">
        <v>6606</v>
      </c>
      <c r="GX7" s="68">
        <v>5968</v>
      </c>
      <c r="GY7" s="68">
        <v>3875</v>
      </c>
      <c r="GZ7" s="68">
        <v>3322</v>
      </c>
      <c r="HA7" s="68">
        <v>1878</v>
      </c>
      <c r="HB7" s="70">
        <v>21649</v>
      </c>
      <c r="HC7" s="71">
        <v>31270</v>
      </c>
      <c r="HD7" s="56">
        <v>72</v>
      </c>
      <c r="HE7" s="57">
        <v>76</v>
      </c>
      <c r="HF7" s="58">
        <v>148</v>
      </c>
      <c r="HG7" s="442">
        <v>0</v>
      </c>
      <c r="HH7" s="57">
        <v>97</v>
      </c>
      <c r="HI7" s="57">
        <v>101</v>
      </c>
      <c r="HJ7" s="57">
        <v>70</v>
      </c>
      <c r="HK7" s="57">
        <v>48</v>
      </c>
      <c r="HL7" s="57">
        <v>41</v>
      </c>
      <c r="HM7" s="58">
        <v>357</v>
      </c>
      <c r="HN7" s="59">
        <v>505</v>
      </c>
      <c r="HO7" s="56">
        <v>203</v>
      </c>
      <c r="HP7" s="57">
        <v>227</v>
      </c>
      <c r="HQ7" s="58">
        <v>430</v>
      </c>
      <c r="HR7" s="442">
        <v>0</v>
      </c>
      <c r="HS7" s="57">
        <v>234</v>
      </c>
      <c r="HT7" s="57">
        <v>250</v>
      </c>
      <c r="HU7" s="57">
        <v>169</v>
      </c>
      <c r="HV7" s="57">
        <v>143</v>
      </c>
      <c r="HW7" s="57">
        <v>116</v>
      </c>
      <c r="HX7" s="58">
        <v>912</v>
      </c>
      <c r="HY7" s="59">
        <v>1342</v>
      </c>
      <c r="HZ7" s="56">
        <v>403</v>
      </c>
      <c r="IA7" s="57">
        <v>430</v>
      </c>
      <c r="IB7" s="58">
        <v>833</v>
      </c>
      <c r="IC7" s="442">
        <v>0</v>
      </c>
      <c r="ID7" s="57">
        <v>535</v>
      </c>
      <c r="IE7" s="57">
        <v>448</v>
      </c>
      <c r="IF7" s="57">
        <v>281</v>
      </c>
      <c r="IG7" s="57">
        <v>258</v>
      </c>
      <c r="IH7" s="57">
        <v>164</v>
      </c>
      <c r="II7" s="58">
        <v>1686</v>
      </c>
      <c r="IJ7" s="59">
        <v>2519</v>
      </c>
      <c r="IK7" s="56">
        <v>991</v>
      </c>
      <c r="IL7" s="57">
        <v>944</v>
      </c>
      <c r="IM7" s="58">
        <v>1935</v>
      </c>
      <c r="IN7" s="442">
        <v>0</v>
      </c>
      <c r="IO7" s="57">
        <v>1265</v>
      </c>
      <c r="IP7" s="57">
        <v>1053</v>
      </c>
      <c r="IQ7" s="57">
        <v>643</v>
      </c>
      <c r="IR7" s="57">
        <v>485</v>
      </c>
      <c r="IS7" s="57">
        <v>310</v>
      </c>
      <c r="IT7" s="58">
        <v>3756</v>
      </c>
      <c r="IU7" s="59">
        <v>5691</v>
      </c>
      <c r="IV7" s="56">
        <v>1678</v>
      </c>
      <c r="IW7" s="57">
        <v>1546</v>
      </c>
      <c r="IX7" s="58">
        <v>3224</v>
      </c>
      <c r="IY7" s="442">
        <v>0</v>
      </c>
      <c r="IZ7" s="57">
        <v>2133</v>
      </c>
      <c r="JA7" s="57">
        <v>1770</v>
      </c>
      <c r="JB7" s="57">
        <v>1029</v>
      </c>
      <c r="JC7" s="57">
        <v>929</v>
      </c>
      <c r="JD7" s="57">
        <v>492</v>
      </c>
      <c r="JE7" s="58">
        <v>6353</v>
      </c>
      <c r="JF7" s="59">
        <v>9577</v>
      </c>
      <c r="JG7" s="56">
        <v>1468</v>
      </c>
      <c r="JH7" s="57">
        <v>1583</v>
      </c>
      <c r="JI7" s="58">
        <v>3051</v>
      </c>
      <c r="JJ7" s="442">
        <v>0</v>
      </c>
      <c r="JK7" s="57">
        <v>2342</v>
      </c>
      <c r="JL7" s="57">
        <v>2346</v>
      </c>
      <c r="JM7" s="57">
        <v>1683</v>
      </c>
      <c r="JN7" s="57">
        <v>1459</v>
      </c>
      <c r="JO7" s="57">
        <v>755</v>
      </c>
      <c r="JP7" s="58">
        <v>8585</v>
      </c>
      <c r="JQ7" s="59">
        <v>11636</v>
      </c>
      <c r="JR7" s="56">
        <v>0</v>
      </c>
      <c r="JS7" s="57">
        <v>0</v>
      </c>
      <c r="JT7" s="58">
        <v>0</v>
      </c>
      <c r="JU7" s="442">
        <v>0</v>
      </c>
      <c r="JV7" s="57">
        <v>0</v>
      </c>
      <c r="JW7" s="57">
        <v>0</v>
      </c>
      <c r="JX7" s="57">
        <v>0</v>
      </c>
      <c r="JY7" s="57">
        <v>0</v>
      </c>
      <c r="JZ7" s="57">
        <v>0</v>
      </c>
      <c r="KA7" s="58">
        <v>0</v>
      </c>
      <c r="KB7" s="59">
        <v>0</v>
      </c>
      <c r="KC7" s="56">
        <v>4815</v>
      </c>
      <c r="KD7" s="57">
        <v>4806</v>
      </c>
      <c r="KE7" s="58">
        <v>9621</v>
      </c>
      <c r="KF7" s="442">
        <v>0</v>
      </c>
      <c r="KG7" s="57">
        <v>6606</v>
      </c>
      <c r="KH7" s="57">
        <v>5968</v>
      </c>
      <c r="KI7" s="57">
        <v>3875</v>
      </c>
      <c r="KJ7" s="57">
        <v>3322</v>
      </c>
      <c r="KK7" s="57">
        <v>1878</v>
      </c>
      <c r="KL7" s="58">
        <v>21649</v>
      </c>
      <c r="KM7" s="59">
        <v>31270</v>
      </c>
    </row>
    <row r="8" spans="2:299" ht="21" customHeight="1" x14ac:dyDescent="0.2">
      <c r="B8" s="436" t="s">
        <v>5</v>
      </c>
      <c r="C8" s="287">
        <v>1790</v>
      </c>
      <c r="D8" s="72">
        <v>2074</v>
      </c>
      <c r="E8" s="73">
        <v>3864</v>
      </c>
      <c r="F8" s="443">
        <v>0</v>
      </c>
      <c r="G8" s="72">
        <v>2079</v>
      </c>
      <c r="H8" s="72">
        <v>2470</v>
      </c>
      <c r="I8" s="72">
        <v>1521</v>
      </c>
      <c r="J8" s="72">
        <v>1230</v>
      </c>
      <c r="K8" s="72">
        <v>659</v>
      </c>
      <c r="L8" s="74">
        <v>7959</v>
      </c>
      <c r="M8" s="75">
        <v>11823</v>
      </c>
      <c r="N8" s="60">
        <v>20</v>
      </c>
      <c r="O8" s="61">
        <v>28</v>
      </c>
      <c r="P8" s="62">
        <v>48</v>
      </c>
      <c r="Q8" s="443">
        <v>0</v>
      </c>
      <c r="R8" s="61">
        <v>29</v>
      </c>
      <c r="S8" s="61">
        <v>42</v>
      </c>
      <c r="T8" s="61">
        <v>27</v>
      </c>
      <c r="U8" s="61">
        <v>18</v>
      </c>
      <c r="V8" s="61">
        <v>19</v>
      </c>
      <c r="W8" s="62">
        <v>135</v>
      </c>
      <c r="X8" s="63">
        <v>183</v>
      </c>
      <c r="Y8" s="60">
        <v>59</v>
      </c>
      <c r="Z8" s="61">
        <v>92</v>
      </c>
      <c r="AA8" s="62">
        <v>151</v>
      </c>
      <c r="AB8" s="443">
        <v>0</v>
      </c>
      <c r="AC8" s="61">
        <v>58</v>
      </c>
      <c r="AD8" s="61">
        <v>113</v>
      </c>
      <c r="AE8" s="61">
        <v>66</v>
      </c>
      <c r="AF8" s="61">
        <v>53</v>
      </c>
      <c r="AG8" s="61">
        <v>34</v>
      </c>
      <c r="AH8" s="62">
        <v>324</v>
      </c>
      <c r="AI8" s="63">
        <v>475</v>
      </c>
      <c r="AJ8" s="60">
        <v>134</v>
      </c>
      <c r="AK8" s="61">
        <v>173</v>
      </c>
      <c r="AL8" s="62">
        <v>307</v>
      </c>
      <c r="AM8" s="443">
        <v>0</v>
      </c>
      <c r="AN8" s="61">
        <v>150</v>
      </c>
      <c r="AO8" s="61">
        <v>170</v>
      </c>
      <c r="AP8" s="61">
        <v>112</v>
      </c>
      <c r="AQ8" s="61">
        <v>95</v>
      </c>
      <c r="AR8" s="61">
        <v>60</v>
      </c>
      <c r="AS8" s="62">
        <v>587</v>
      </c>
      <c r="AT8" s="63">
        <v>894</v>
      </c>
      <c r="AU8" s="60">
        <v>331</v>
      </c>
      <c r="AV8" s="61">
        <v>378</v>
      </c>
      <c r="AW8" s="62">
        <v>709</v>
      </c>
      <c r="AX8" s="443">
        <v>0</v>
      </c>
      <c r="AY8" s="61">
        <v>367</v>
      </c>
      <c r="AZ8" s="61">
        <v>414</v>
      </c>
      <c r="BA8" s="61">
        <v>238</v>
      </c>
      <c r="BB8" s="61">
        <v>184</v>
      </c>
      <c r="BC8" s="61">
        <v>114</v>
      </c>
      <c r="BD8" s="62">
        <v>1317</v>
      </c>
      <c r="BE8" s="63">
        <v>2026</v>
      </c>
      <c r="BF8" s="60">
        <v>656</v>
      </c>
      <c r="BG8" s="61">
        <v>645</v>
      </c>
      <c r="BH8" s="62">
        <v>1301</v>
      </c>
      <c r="BI8" s="443">
        <v>0</v>
      </c>
      <c r="BJ8" s="61">
        <v>681</v>
      </c>
      <c r="BK8" s="61">
        <v>738</v>
      </c>
      <c r="BL8" s="61">
        <v>401</v>
      </c>
      <c r="BM8" s="61">
        <v>363</v>
      </c>
      <c r="BN8" s="61">
        <v>180</v>
      </c>
      <c r="BO8" s="62">
        <v>2363</v>
      </c>
      <c r="BP8" s="63">
        <v>3664</v>
      </c>
      <c r="BQ8" s="60">
        <v>590</v>
      </c>
      <c r="BR8" s="61">
        <v>758</v>
      </c>
      <c r="BS8" s="62">
        <v>1348</v>
      </c>
      <c r="BT8" s="443">
        <v>0</v>
      </c>
      <c r="BU8" s="61">
        <v>794</v>
      </c>
      <c r="BV8" s="61">
        <v>993</v>
      </c>
      <c r="BW8" s="61">
        <v>677</v>
      </c>
      <c r="BX8" s="61">
        <v>517</v>
      </c>
      <c r="BY8" s="61">
        <v>252</v>
      </c>
      <c r="BZ8" s="62">
        <v>3233</v>
      </c>
      <c r="CA8" s="63">
        <v>4581</v>
      </c>
      <c r="CB8" s="60">
        <v>0</v>
      </c>
      <c r="CC8" s="61">
        <v>0</v>
      </c>
      <c r="CD8" s="62">
        <v>0</v>
      </c>
      <c r="CE8" s="443">
        <v>0</v>
      </c>
      <c r="CF8" s="61">
        <v>0</v>
      </c>
      <c r="CG8" s="61">
        <v>0</v>
      </c>
      <c r="CH8" s="61">
        <v>0</v>
      </c>
      <c r="CI8" s="61">
        <v>0</v>
      </c>
      <c r="CJ8" s="61">
        <v>0</v>
      </c>
      <c r="CK8" s="62">
        <v>0</v>
      </c>
      <c r="CL8" s="63">
        <v>0</v>
      </c>
      <c r="CM8" s="60">
        <v>1790</v>
      </c>
      <c r="CN8" s="61">
        <v>2074</v>
      </c>
      <c r="CO8" s="62">
        <v>3864</v>
      </c>
      <c r="CP8" s="443">
        <v>0</v>
      </c>
      <c r="CQ8" s="61">
        <v>2079</v>
      </c>
      <c r="CR8" s="61">
        <v>2470</v>
      </c>
      <c r="CS8" s="61">
        <v>1521</v>
      </c>
      <c r="CT8" s="61">
        <v>1230</v>
      </c>
      <c r="CU8" s="61">
        <v>659</v>
      </c>
      <c r="CV8" s="62">
        <v>7959</v>
      </c>
      <c r="CW8" s="63">
        <v>11823</v>
      </c>
      <c r="CX8" s="113">
        <v>244</v>
      </c>
      <c r="CY8" s="72">
        <v>356</v>
      </c>
      <c r="CZ8" s="73">
        <v>600</v>
      </c>
      <c r="DA8" s="443">
        <v>0</v>
      </c>
      <c r="DB8" s="72">
        <v>310</v>
      </c>
      <c r="DC8" s="72">
        <v>351</v>
      </c>
      <c r="DD8" s="72">
        <v>231</v>
      </c>
      <c r="DE8" s="72">
        <v>237</v>
      </c>
      <c r="DF8" s="72">
        <v>154</v>
      </c>
      <c r="DG8" s="74">
        <v>1283</v>
      </c>
      <c r="DH8" s="75">
        <v>1883</v>
      </c>
      <c r="DI8" s="60">
        <v>4</v>
      </c>
      <c r="DJ8" s="61">
        <v>11</v>
      </c>
      <c r="DK8" s="62">
        <v>15</v>
      </c>
      <c r="DL8" s="443">
        <v>0</v>
      </c>
      <c r="DM8" s="61">
        <v>2</v>
      </c>
      <c r="DN8" s="61">
        <v>7</v>
      </c>
      <c r="DO8" s="61">
        <v>3</v>
      </c>
      <c r="DP8" s="61">
        <v>1</v>
      </c>
      <c r="DQ8" s="61">
        <v>1</v>
      </c>
      <c r="DR8" s="62">
        <v>14</v>
      </c>
      <c r="DS8" s="63">
        <v>29</v>
      </c>
      <c r="DT8" s="60">
        <v>14</v>
      </c>
      <c r="DU8" s="61">
        <v>26</v>
      </c>
      <c r="DV8" s="62">
        <v>40</v>
      </c>
      <c r="DW8" s="443">
        <v>0</v>
      </c>
      <c r="DX8" s="61">
        <v>10</v>
      </c>
      <c r="DY8" s="61">
        <v>13</v>
      </c>
      <c r="DZ8" s="61">
        <v>14</v>
      </c>
      <c r="EA8" s="61">
        <v>8</v>
      </c>
      <c r="EB8" s="61">
        <v>9</v>
      </c>
      <c r="EC8" s="62">
        <v>54</v>
      </c>
      <c r="ED8" s="63">
        <v>94</v>
      </c>
      <c r="EE8" s="60">
        <v>25</v>
      </c>
      <c r="EF8" s="61">
        <v>48</v>
      </c>
      <c r="EG8" s="62">
        <v>73</v>
      </c>
      <c r="EH8" s="443">
        <v>0</v>
      </c>
      <c r="EI8" s="61">
        <v>31</v>
      </c>
      <c r="EJ8" s="61">
        <v>24</v>
      </c>
      <c r="EK8" s="61">
        <v>12</v>
      </c>
      <c r="EL8" s="61">
        <v>12</v>
      </c>
      <c r="EM8" s="61">
        <v>14</v>
      </c>
      <c r="EN8" s="62">
        <v>93</v>
      </c>
      <c r="EO8" s="63">
        <v>166</v>
      </c>
      <c r="EP8" s="60">
        <v>62</v>
      </c>
      <c r="EQ8" s="61">
        <v>84</v>
      </c>
      <c r="ER8" s="62">
        <v>146</v>
      </c>
      <c r="ES8" s="443">
        <v>0</v>
      </c>
      <c r="ET8" s="61">
        <v>70</v>
      </c>
      <c r="EU8" s="61">
        <v>45</v>
      </c>
      <c r="EV8" s="61">
        <v>26</v>
      </c>
      <c r="EW8" s="61">
        <v>32</v>
      </c>
      <c r="EX8" s="61">
        <v>14</v>
      </c>
      <c r="EY8" s="62">
        <v>187</v>
      </c>
      <c r="EZ8" s="63">
        <v>333</v>
      </c>
      <c r="FA8" s="60">
        <v>87</v>
      </c>
      <c r="FB8" s="61">
        <v>100</v>
      </c>
      <c r="FC8" s="62">
        <v>187</v>
      </c>
      <c r="FD8" s="443">
        <v>0</v>
      </c>
      <c r="FE8" s="61">
        <v>97</v>
      </c>
      <c r="FF8" s="61">
        <v>105</v>
      </c>
      <c r="FG8" s="61">
        <v>52</v>
      </c>
      <c r="FH8" s="61">
        <v>59</v>
      </c>
      <c r="FI8" s="61">
        <v>31</v>
      </c>
      <c r="FJ8" s="62">
        <v>344</v>
      </c>
      <c r="FK8" s="63">
        <v>531</v>
      </c>
      <c r="FL8" s="60">
        <v>52</v>
      </c>
      <c r="FM8" s="61">
        <v>87</v>
      </c>
      <c r="FN8" s="62">
        <v>139</v>
      </c>
      <c r="FO8" s="443">
        <v>0</v>
      </c>
      <c r="FP8" s="61">
        <v>100</v>
      </c>
      <c r="FQ8" s="61">
        <v>157</v>
      </c>
      <c r="FR8" s="61">
        <v>124</v>
      </c>
      <c r="FS8" s="61">
        <v>125</v>
      </c>
      <c r="FT8" s="61">
        <v>85</v>
      </c>
      <c r="FU8" s="62">
        <v>591</v>
      </c>
      <c r="FV8" s="63">
        <v>730</v>
      </c>
      <c r="FW8" s="60">
        <v>0</v>
      </c>
      <c r="FX8" s="61">
        <v>0</v>
      </c>
      <c r="FY8" s="62">
        <v>0</v>
      </c>
      <c r="FZ8" s="443">
        <v>0</v>
      </c>
      <c r="GA8" s="61">
        <v>0</v>
      </c>
      <c r="GB8" s="61">
        <v>0</v>
      </c>
      <c r="GC8" s="61">
        <v>0</v>
      </c>
      <c r="GD8" s="61">
        <v>0</v>
      </c>
      <c r="GE8" s="61">
        <v>0</v>
      </c>
      <c r="GF8" s="62">
        <v>0</v>
      </c>
      <c r="GG8" s="63">
        <v>0</v>
      </c>
      <c r="GH8" s="60">
        <v>244</v>
      </c>
      <c r="GI8" s="61">
        <v>356</v>
      </c>
      <c r="GJ8" s="62">
        <v>600</v>
      </c>
      <c r="GK8" s="443">
        <v>0</v>
      </c>
      <c r="GL8" s="61">
        <v>310</v>
      </c>
      <c r="GM8" s="61">
        <v>351</v>
      </c>
      <c r="GN8" s="61">
        <v>231</v>
      </c>
      <c r="GO8" s="61">
        <v>237</v>
      </c>
      <c r="GP8" s="61">
        <v>154</v>
      </c>
      <c r="GQ8" s="62">
        <v>1283</v>
      </c>
      <c r="GR8" s="63">
        <v>1883</v>
      </c>
      <c r="GS8" s="113">
        <v>2034</v>
      </c>
      <c r="GT8" s="72">
        <v>2430</v>
      </c>
      <c r="GU8" s="73">
        <v>4464</v>
      </c>
      <c r="GV8" s="443">
        <v>0</v>
      </c>
      <c r="GW8" s="72">
        <v>2389</v>
      </c>
      <c r="GX8" s="72">
        <v>2821</v>
      </c>
      <c r="GY8" s="72">
        <v>1752</v>
      </c>
      <c r="GZ8" s="72">
        <v>1467</v>
      </c>
      <c r="HA8" s="72">
        <v>813</v>
      </c>
      <c r="HB8" s="74">
        <v>9242</v>
      </c>
      <c r="HC8" s="75">
        <v>13706</v>
      </c>
      <c r="HD8" s="60">
        <v>24</v>
      </c>
      <c r="HE8" s="61">
        <v>39</v>
      </c>
      <c r="HF8" s="62">
        <v>63</v>
      </c>
      <c r="HG8" s="443">
        <v>0</v>
      </c>
      <c r="HH8" s="61">
        <v>31</v>
      </c>
      <c r="HI8" s="61">
        <v>49</v>
      </c>
      <c r="HJ8" s="61">
        <v>30</v>
      </c>
      <c r="HK8" s="61">
        <v>19</v>
      </c>
      <c r="HL8" s="61">
        <v>20</v>
      </c>
      <c r="HM8" s="62">
        <v>149</v>
      </c>
      <c r="HN8" s="63">
        <v>212</v>
      </c>
      <c r="HO8" s="60">
        <v>73</v>
      </c>
      <c r="HP8" s="61">
        <v>118</v>
      </c>
      <c r="HQ8" s="62">
        <v>191</v>
      </c>
      <c r="HR8" s="443">
        <v>0</v>
      </c>
      <c r="HS8" s="61">
        <v>68</v>
      </c>
      <c r="HT8" s="61">
        <v>126</v>
      </c>
      <c r="HU8" s="61">
        <v>80</v>
      </c>
      <c r="HV8" s="61">
        <v>61</v>
      </c>
      <c r="HW8" s="61">
        <v>43</v>
      </c>
      <c r="HX8" s="62">
        <v>378</v>
      </c>
      <c r="HY8" s="63">
        <v>569</v>
      </c>
      <c r="HZ8" s="60">
        <v>159</v>
      </c>
      <c r="IA8" s="61">
        <v>221</v>
      </c>
      <c r="IB8" s="62">
        <v>380</v>
      </c>
      <c r="IC8" s="443">
        <v>0</v>
      </c>
      <c r="ID8" s="61">
        <v>181</v>
      </c>
      <c r="IE8" s="61">
        <v>194</v>
      </c>
      <c r="IF8" s="61">
        <v>124</v>
      </c>
      <c r="IG8" s="61">
        <v>107</v>
      </c>
      <c r="IH8" s="61">
        <v>74</v>
      </c>
      <c r="II8" s="62">
        <v>680</v>
      </c>
      <c r="IJ8" s="63">
        <v>1060</v>
      </c>
      <c r="IK8" s="60">
        <v>393</v>
      </c>
      <c r="IL8" s="61">
        <v>462</v>
      </c>
      <c r="IM8" s="62">
        <v>855</v>
      </c>
      <c r="IN8" s="443">
        <v>0</v>
      </c>
      <c r="IO8" s="61">
        <v>437</v>
      </c>
      <c r="IP8" s="61">
        <v>459</v>
      </c>
      <c r="IQ8" s="61">
        <v>264</v>
      </c>
      <c r="IR8" s="61">
        <v>216</v>
      </c>
      <c r="IS8" s="61">
        <v>128</v>
      </c>
      <c r="IT8" s="62">
        <v>1504</v>
      </c>
      <c r="IU8" s="63">
        <v>2359</v>
      </c>
      <c r="IV8" s="60">
        <v>743</v>
      </c>
      <c r="IW8" s="61">
        <v>745</v>
      </c>
      <c r="IX8" s="62">
        <v>1488</v>
      </c>
      <c r="IY8" s="443">
        <v>0</v>
      </c>
      <c r="IZ8" s="61">
        <v>778</v>
      </c>
      <c r="JA8" s="61">
        <v>843</v>
      </c>
      <c r="JB8" s="61">
        <v>453</v>
      </c>
      <c r="JC8" s="61">
        <v>422</v>
      </c>
      <c r="JD8" s="61">
        <v>211</v>
      </c>
      <c r="JE8" s="62">
        <v>2707</v>
      </c>
      <c r="JF8" s="63">
        <v>4195</v>
      </c>
      <c r="JG8" s="60">
        <v>642</v>
      </c>
      <c r="JH8" s="61">
        <v>845</v>
      </c>
      <c r="JI8" s="62">
        <v>1487</v>
      </c>
      <c r="JJ8" s="443">
        <v>0</v>
      </c>
      <c r="JK8" s="61">
        <v>894</v>
      </c>
      <c r="JL8" s="61">
        <v>1150</v>
      </c>
      <c r="JM8" s="61">
        <v>801</v>
      </c>
      <c r="JN8" s="61">
        <v>642</v>
      </c>
      <c r="JO8" s="61">
        <v>337</v>
      </c>
      <c r="JP8" s="62">
        <v>3824</v>
      </c>
      <c r="JQ8" s="63">
        <v>5311</v>
      </c>
      <c r="JR8" s="60">
        <v>0</v>
      </c>
      <c r="JS8" s="61">
        <v>0</v>
      </c>
      <c r="JT8" s="62">
        <v>0</v>
      </c>
      <c r="JU8" s="443">
        <v>0</v>
      </c>
      <c r="JV8" s="61">
        <v>0</v>
      </c>
      <c r="JW8" s="61">
        <v>0</v>
      </c>
      <c r="JX8" s="61">
        <v>0</v>
      </c>
      <c r="JY8" s="61">
        <v>0</v>
      </c>
      <c r="JZ8" s="61">
        <v>0</v>
      </c>
      <c r="KA8" s="62">
        <v>0</v>
      </c>
      <c r="KB8" s="63">
        <v>0</v>
      </c>
      <c r="KC8" s="60">
        <v>2034</v>
      </c>
      <c r="KD8" s="61">
        <v>2430</v>
      </c>
      <c r="KE8" s="62">
        <v>4464</v>
      </c>
      <c r="KF8" s="443">
        <v>0</v>
      </c>
      <c r="KG8" s="61">
        <v>2389</v>
      </c>
      <c r="KH8" s="61">
        <v>2821</v>
      </c>
      <c r="KI8" s="61">
        <v>1752</v>
      </c>
      <c r="KJ8" s="61">
        <v>1467</v>
      </c>
      <c r="KK8" s="61">
        <v>813</v>
      </c>
      <c r="KL8" s="62">
        <v>9242</v>
      </c>
      <c r="KM8" s="63">
        <v>13706</v>
      </c>
    </row>
    <row r="9" spans="2:299" ht="21" customHeight="1" x14ac:dyDescent="0.2">
      <c r="B9" s="437" t="s">
        <v>6</v>
      </c>
      <c r="C9" s="287">
        <v>478</v>
      </c>
      <c r="D9" s="72">
        <v>375</v>
      </c>
      <c r="E9" s="73">
        <v>853</v>
      </c>
      <c r="F9" s="443">
        <v>0</v>
      </c>
      <c r="G9" s="72">
        <v>801</v>
      </c>
      <c r="H9" s="72">
        <v>625</v>
      </c>
      <c r="I9" s="72">
        <v>360</v>
      </c>
      <c r="J9" s="72">
        <v>330</v>
      </c>
      <c r="K9" s="72">
        <v>190</v>
      </c>
      <c r="L9" s="74">
        <v>2306</v>
      </c>
      <c r="M9" s="75">
        <v>3159</v>
      </c>
      <c r="N9" s="60">
        <v>13</v>
      </c>
      <c r="O9" s="61">
        <v>9</v>
      </c>
      <c r="P9" s="62">
        <v>22</v>
      </c>
      <c r="Q9" s="443">
        <v>0</v>
      </c>
      <c r="R9" s="61">
        <v>12</v>
      </c>
      <c r="S9" s="61">
        <v>12</v>
      </c>
      <c r="T9" s="61">
        <v>8</v>
      </c>
      <c r="U9" s="61">
        <v>3</v>
      </c>
      <c r="V9" s="61">
        <v>1</v>
      </c>
      <c r="W9" s="62">
        <v>36</v>
      </c>
      <c r="X9" s="63">
        <v>58</v>
      </c>
      <c r="Y9" s="60">
        <v>31</v>
      </c>
      <c r="Z9" s="61">
        <v>17</v>
      </c>
      <c r="AA9" s="62">
        <v>48</v>
      </c>
      <c r="AB9" s="443">
        <v>0</v>
      </c>
      <c r="AC9" s="61">
        <v>34</v>
      </c>
      <c r="AD9" s="61">
        <v>17</v>
      </c>
      <c r="AE9" s="61">
        <v>11</v>
      </c>
      <c r="AF9" s="61">
        <v>21</v>
      </c>
      <c r="AG9" s="61">
        <v>19</v>
      </c>
      <c r="AH9" s="62">
        <v>102</v>
      </c>
      <c r="AI9" s="63">
        <v>150</v>
      </c>
      <c r="AJ9" s="60">
        <v>39</v>
      </c>
      <c r="AK9" s="61">
        <v>35</v>
      </c>
      <c r="AL9" s="62">
        <v>74</v>
      </c>
      <c r="AM9" s="443">
        <v>0</v>
      </c>
      <c r="AN9" s="61">
        <v>73</v>
      </c>
      <c r="AO9" s="61">
        <v>52</v>
      </c>
      <c r="AP9" s="61">
        <v>24</v>
      </c>
      <c r="AQ9" s="61">
        <v>26</v>
      </c>
      <c r="AR9" s="61">
        <v>13</v>
      </c>
      <c r="AS9" s="62">
        <v>188</v>
      </c>
      <c r="AT9" s="63">
        <v>262</v>
      </c>
      <c r="AU9" s="60">
        <v>86</v>
      </c>
      <c r="AV9" s="61">
        <v>66</v>
      </c>
      <c r="AW9" s="62">
        <v>152</v>
      </c>
      <c r="AX9" s="443">
        <v>0</v>
      </c>
      <c r="AY9" s="61">
        <v>141</v>
      </c>
      <c r="AZ9" s="61">
        <v>110</v>
      </c>
      <c r="BA9" s="61">
        <v>70</v>
      </c>
      <c r="BB9" s="61">
        <v>37</v>
      </c>
      <c r="BC9" s="61">
        <v>30</v>
      </c>
      <c r="BD9" s="62">
        <v>388</v>
      </c>
      <c r="BE9" s="63">
        <v>540</v>
      </c>
      <c r="BF9" s="60">
        <v>158</v>
      </c>
      <c r="BG9" s="61">
        <v>119</v>
      </c>
      <c r="BH9" s="62">
        <v>277</v>
      </c>
      <c r="BI9" s="443">
        <v>0</v>
      </c>
      <c r="BJ9" s="61">
        <v>247</v>
      </c>
      <c r="BK9" s="61">
        <v>197</v>
      </c>
      <c r="BL9" s="61">
        <v>97</v>
      </c>
      <c r="BM9" s="61">
        <v>91</v>
      </c>
      <c r="BN9" s="61">
        <v>54</v>
      </c>
      <c r="BO9" s="62">
        <v>686</v>
      </c>
      <c r="BP9" s="63">
        <v>963</v>
      </c>
      <c r="BQ9" s="60">
        <v>151</v>
      </c>
      <c r="BR9" s="61">
        <v>129</v>
      </c>
      <c r="BS9" s="62">
        <v>280</v>
      </c>
      <c r="BT9" s="443">
        <v>0</v>
      </c>
      <c r="BU9" s="61">
        <v>294</v>
      </c>
      <c r="BV9" s="61">
        <v>237</v>
      </c>
      <c r="BW9" s="61">
        <v>150</v>
      </c>
      <c r="BX9" s="61">
        <v>152</v>
      </c>
      <c r="BY9" s="61">
        <v>73</v>
      </c>
      <c r="BZ9" s="62">
        <v>906</v>
      </c>
      <c r="CA9" s="63">
        <v>1186</v>
      </c>
      <c r="CB9" s="60">
        <v>0</v>
      </c>
      <c r="CC9" s="61">
        <v>0</v>
      </c>
      <c r="CD9" s="62">
        <v>0</v>
      </c>
      <c r="CE9" s="443">
        <v>0</v>
      </c>
      <c r="CF9" s="61">
        <v>0</v>
      </c>
      <c r="CG9" s="61">
        <v>0</v>
      </c>
      <c r="CH9" s="61">
        <v>0</v>
      </c>
      <c r="CI9" s="61">
        <v>0</v>
      </c>
      <c r="CJ9" s="61">
        <v>0</v>
      </c>
      <c r="CK9" s="62">
        <v>0</v>
      </c>
      <c r="CL9" s="63">
        <v>0</v>
      </c>
      <c r="CM9" s="60">
        <v>478</v>
      </c>
      <c r="CN9" s="61">
        <v>375</v>
      </c>
      <c r="CO9" s="62">
        <v>853</v>
      </c>
      <c r="CP9" s="443">
        <v>0</v>
      </c>
      <c r="CQ9" s="61">
        <v>801</v>
      </c>
      <c r="CR9" s="61">
        <v>625</v>
      </c>
      <c r="CS9" s="61">
        <v>360</v>
      </c>
      <c r="CT9" s="61">
        <v>330</v>
      </c>
      <c r="CU9" s="61">
        <v>190</v>
      </c>
      <c r="CV9" s="62">
        <v>2306</v>
      </c>
      <c r="CW9" s="63">
        <v>3159</v>
      </c>
      <c r="CX9" s="113">
        <v>88</v>
      </c>
      <c r="CY9" s="72">
        <v>103</v>
      </c>
      <c r="CZ9" s="73">
        <v>191</v>
      </c>
      <c r="DA9" s="443">
        <v>0</v>
      </c>
      <c r="DB9" s="72">
        <v>135</v>
      </c>
      <c r="DC9" s="72">
        <v>107</v>
      </c>
      <c r="DD9" s="72">
        <v>74</v>
      </c>
      <c r="DE9" s="72">
        <v>82</v>
      </c>
      <c r="DF9" s="72">
        <v>53</v>
      </c>
      <c r="DG9" s="74">
        <v>451</v>
      </c>
      <c r="DH9" s="75">
        <v>642</v>
      </c>
      <c r="DI9" s="60">
        <v>2</v>
      </c>
      <c r="DJ9" s="61">
        <v>2</v>
      </c>
      <c r="DK9" s="62">
        <v>4</v>
      </c>
      <c r="DL9" s="443">
        <v>0</v>
      </c>
      <c r="DM9" s="61">
        <v>1</v>
      </c>
      <c r="DN9" s="61">
        <v>1</v>
      </c>
      <c r="DO9" s="61">
        <v>2</v>
      </c>
      <c r="DP9" s="61">
        <v>2</v>
      </c>
      <c r="DQ9" s="61">
        <v>0</v>
      </c>
      <c r="DR9" s="62">
        <v>6</v>
      </c>
      <c r="DS9" s="63">
        <v>10</v>
      </c>
      <c r="DT9" s="60">
        <v>6</v>
      </c>
      <c r="DU9" s="61">
        <v>7</v>
      </c>
      <c r="DV9" s="62">
        <v>13</v>
      </c>
      <c r="DW9" s="443">
        <v>0</v>
      </c>
      <c r="DX9" s="61">
        <v>8</v>
      </c>
      <c r="DY9" s="61">
        <v>2</v>
      </c>
      <c r="DZ9" s="61">
        <v>2</v>
      </c>
      <c r="EA9" s="61">
        <v>4</v>
      </c>
      <c r="EB9" s="61">
        <v>1</v>
      </c>
      <c r="EC9" s="62">
        <v>17</v>
      </c>
      <c r="ED9" s="63">
        <v>30</v>
      </c>
      <c r="EE9" s="60">
        <v>15</v>
      </c>
      <c r="EF9" s="61">
        <v>8</v>
      </c>
      <c r="EG9" s="62">
        <v>23</v>
      </c>
      <c r="EH9" s="443">
        <v>0</v>
      </c>
      <c r="EI9" s="61">
        <v>13</v>
      </c>
      <c r="EJ9" s="61">
        <v>7</v>
      </c>
      <c r="EK9" s="61">
        <v>2</v>
      </c>
      <c r="EL9" s="61">
        <v>4</v>
      </c>
      <c r="EM9" s="61">
        <v>4</v>
      </c>
      <c r="EN9" s="62">
        <v>30</v>
      </c>
      <c r="EO9" s="63">
        <v>53</v>
      </c>
      <c r="EP9" s="60">
        <v>29</v>
      </c>
      <c r="EQ9" s="61">
        <v>22</v>
      </c>
      <c r="ER9" s="62">
        <v>51</v>
      </c>
      <c r="ES9" s="443">
        <v>0</v>
      </c>
      <c r="ET9" s="61">
        <v>29</v>
      </c>
      <c r="EU9" s="61">
        <v>15</v>
      </c>
      <c r="EV9" s="61">
        <v>13</v>
      </c>
      <c r="EW9" s="61">
        <v>5</v>
      </c>
      <c r="EX9" s="61">
        <v>9</v>
      </c>
      <c r="EY9" s="62">
        <v>71</v>
      </c>
      <c r="EZ9" s="63">
        <v>122</v>
      </c>
      <c r="FA9" s="60">
        <v>21</v>
      </c>
      <c r="FB9" s="61">
        <v>32</v>
      </c>
      <c r="FC9" s="62">
        <v>53</v>
      </c>
      <c r="FD9" s="443">
        <v>0</v>
      </c>
      <c r="FE9" s="61">
        <v>36</v>
      </c>
      <c r="FF9" s="61">
        <v>37</v>
      </c>
      <c r="FG9" s="61">
        <v>17</v>
      </c>
      <c r="FH9" s="61">
        <v>16</v>
      </c>
      <c r="FI9" s="61">
        <v>17</v>
      </c>
      <c r="FJ9" s="62">
        <v>123</v>
      </c>
      <c r="FK9" s="63">
        <v>176</v>
      </c>
      <c r="FL9" s="60">
        <v>15</v>
      </c>
      <c r="FM9" s="61">
        <v>32</v>
      </c>
      <c r="FN9" s="62">
        <v>47</v>
      </c>
      <c r="FO9" s="443">
        <v>0</v>
      </c>
      <c r="FP9" s="61">
        <v>48</v>
      </c>
      <c r="FQ9" s="61">
        <v>45</v>
      </c>
      <c r="FR9" s="61">
        <v>38</v>
      </c>
      <c r="FS9" s="61">
        <v>51</v>
      </c>
      <c r="FT9" s="61">
        <v>22</v>
      </c>
      <c r="FU9" s="62">
        <v>204</v>
      </c>
      <c r="FV9" s="63">
        <v>251</v>
      </c>
      <c r="FW9" s="60">
        <v>0</v>
      </c>
      <c r="FX9" s="61">
        <v>0</v>
      </c>
      <c r="FY9" s="62">
        <v>0</v>
      </c>
      <c r="FZ9" s="443">
        <v>0</v>
      </c>
      <c r="GA9" s="61">
        <v>0</v>
      </c>
      <c r="GB9" s="61">
        <v>0</v>
      </c>
      <c r="GC9" s="61">
        <v>0</v>
      </c>
      <c r="GD9" s="61">
        <v>0</v>
      </c>
      <c r="GE9" s="61">
        <v>0</v>
      </c>
      <c r="GF9" s="62">
        <v>0</v>
      </c>
      <c r="GG9" s="63">
        <v>0</v>
      </c>
      <c r="GH9" s="60">
        <v>88</v>
      </c>
      <c r="GI9" s="61">
        <v>103</v>
      </c>
      <c r="GJ9" s="62">
        <v>191</v>
      </c>
      <c r="GK9" s="443">
        <v>0</v>
      </c>
      <c r="GL9" s="61">
        <v>135</v>
      </c>
      <c r="GM9" s="61">
        <v>107</v>
      </c>
      <c r="GN9" s="61">
        <v>74</v>
      </c>
      <c r="GO9" s="61">
        <v>82</v>
      </c>
      <c r="GP9" s="61">
        <v>53</v>
      </c>
      <c r="GQ9" s="62">
        <v>451</v>
      </c>
      <c r="GR9" s="63">
        <v>642</v>
      </c>
      <c r="GS9" s="113">
        <v>566</v>
      </c>
      <c r="GT9" s="72">
        <v>478</v>
      </c>
      <c r="GU9" s="73">
        <v>1044</v>
      </c>
      <c r="GV9" s="443">
        <v>0</v>
      </c>
      <c r="GW9" s="72">
        <v>936</v>
      </c>
      <c r="GX9" s="72">
        <v>732</v>
      </c>
      <c r="GY9" s="72">
        <v>434</v>
      </c>
      <c r="GZ9" s="72">
        <v>412</v>
      </c>
      <c r="HA9" s="72">
        <v>243</v>
      </c>
      <c r="HB9" s="74">
        <v>2757</v>
      </c>
      <c r="HC9" s="75">
        <v>3801</v>
      </c>
      <c r="HD9" s="60">
        <v>15</v>
      </c>
      <c r="HE9" s="61">
        <v>11</v>
      </c>
      <c r="HF9" s="62">
        <v>26</v>
      </c>
      <c r="HG9" s="443">
        <v>0</v>
      </c>
      <c r="HH9" s="61">
        <v>13</v>
      </c>
      <c r="HI9" s="61">
        <v>13</v>
      </c>
      <c r="HJ9" s="61">
        <v>10</v>
      </c>
      <c r="HK9" s="61">
        <v>5</v>
      </c>
      <c r="HL9" s="61">
        <v>1</v>
      </c>
      <c r="HM9" s="62">
        <v>42</v>
      </c>
      <c r="HN9" s="63">
        <v>68</v>
      </c>
      <c r="HO9" s="60">
        <v>37</v>
      </c>
      <c r="HP9" s="61">
        <v>24</v>
      </c>
      <c r="HQ9" s="62">
        <v>61</v>
      </c>
      <c r="HR9" s="443">
        <v>0</v>
      </c>
      <c r="HS9" s="61">
        <v>42</v>
      </c>
      <c r="HT9" s="61">
        <v>19</v>
      </c>
      <c r="HU9" s="61">
        <v>13</v>
      </c>
      <c r="HV9" s="61">
        <v>25</v>
      </c>
      <c r="HW9" s="61">
        <v>20</v>
      </c>
      <c r="HX9" s="62">
        <v>119</v>
      </c>
      <c r="HY9" s="63">
        <v>180</v>
      </c>
      <c r="HZ9" s="60">
        <v>54</v>
      </c>
      <c r="IA9" s="61">
        <v>43</v>
      </c>
      <c r="IB9" s="62">
        <v>97</v>
      </c>
      <c r="IC9" s="443">
        <v>0</v>
      </c>
      <c r="ID9" s="61">
        <v>86</v>
      </c>
      <c r="IE9" s="61">
        <v>59</v>
      </c>
      <c r="IF9" s="61">
        <v>26</v>
      </c>
      <c r="IG9" s="61">
        <v>30</v>
      </c>
      <c r="IH9" s="61">
        <v>17</v>
      </c>
      <c r="II9" s="62">
        <v>218</v>
      </c>
      <c r="IJ9" s="63">
        <v>315</v>
      </c>
      <c r="IK9" s="60">
        <v>115</v>
      </c>
      <c r="IL9" s="61">
        <v>88</v>
      </c>
      <c r="IM9" s="62">
        <v>203</v>
      </c>
      <c r="IN9" s="443">
        <v>0</v>
      </c>
      <c r="IO9" s="61">
        <v>170</v>
      </c>
      <c r="IP9" s="61">
        <v>125</v>
      </c>
      <c r="IQ9" s="61">
        <v>83</v>
      </c>
      <c r="IR9" s="61">
        <v>42</v>
      </c>
      <c r="IS9" s="61">
        <v>39</v>
      </c>
      <c r="IT9" s="62">
        <v>459</v>
      </c>
      <c r="IU9" s="63">
        <v>662</v>
      </c>
      <c r="IV9" s="60">
        <v>179</v>
      </c>
      <c r="IW9" s="61">
        <v>151</v>
      </c>
      <c r="IX9" s="62">
        <v>330</v>
      </c>
      <c r="IY9" s="443">
        <v>0</v>
      </c>
      <c r="IZ9" s="61">
        <v>283</v>
      </c>
      <c r="JA9" s="61">
        <v>234</v>
      </c>
      <c r="JB9" s="61">
        <v>114</v>
      </c>
      <c r="JC9" s="61">
        <v>107</v>
      </c>
      <c r="JD9" s="61">
        <v>71</v>
      </c>
      <c r="JE9" s="62">
        <v>809</v>
      </c>
      <c r="JF9" s="63">
        <v>1139</v>
      </c>
      <c r="JG9" s="60">
        <v>166</v>
      </c>
      <c r="JH9" s="61">
        <v>161</v>
      </c>
      <c r="JI9" s="62">
        <v>327</v>
      </c>
      <c r="JJ9" s="443">
        <v>0</v>
      </c>
      <c r="JK9" s="61">
        <v>342</v>
      </c>
      <c r="JL9" s="61">
        <v>282</v>
      </c>
      <c r="JM9" s="61">
        <v>188</v>
      </c>
      <c r="JN9" s="61">
        <v>203</v>
      </c>
      <c r="JO9" s="61">
        <v>95</v>
      </c>
      <c r="JP9" s="62">
        <v>1110</v>
      </c>
      <c r="JQ9" s="63">
        <v>1437</v>
      </c>
      <c r="JR9" s="60">
        <v>0</v>
      </c>
      <c r="JS9" s="61">
        <v>0</v>
      </c>
      <c r="JT9" s="62">
        <v>0</v>
      </c>
      <c r="JU9" s="443">
        <v>0</v>
      </c>
      <c r="JV9" s="61">
        <v>0</v>
      </c>
      <c r="JW9" s="61">
        <v>0</v>
      </c>
      <c r="JX9" s="61">
        <v>0</v>
      </c>
      <c r="JY9" s="61">
        <v>0</v>
      </c>
      <c r="JZ9" s="61">
        <v>0</v>
      </c>
      <c r="KA9" s="62">
        <v>0</v>
      </c>
      <c r="KB9" s="63">
        <v>0</v>
      </c>
      <c r="KC9" s="60">
        <v>566</v>
      </c>
      <c r="KD9" s="61">
        <v>478</v>
      </c>
      <c r="KE9" s="62">
        <v>1044</v>
      </c>
      <c r="KF9" s="443">
        <v>0</v>
      </c>
      <c r="KG9" s="61">
        <v>936</v>
      </c>
      <c r="KH9" s="61">
        <v>732</v>
      </c>
      <c r="KI9" s="61">
        <v>434</v>
      </c>
      <c r="KJ9" s="61">
        <v>412</v>
      </c>
      <c r="KK9" s="61">
        <v>243</v>
      </c>
      <c r="KL9" s="62">
        <v>2757</v>
      </c>
      <c r="KM9" s="63">
        <v>3801</v>
      </c>
    </row>
    <row r="10" spans="2:299" ht="21" customHeight="1" x14ac:dyDescent="0.2">
      <c r="B10" s="437" t="s">
        <v>14</v>
      </c>
      <c r="C10" s="287">
        <v>270</v>
      </c>
      <c r="D10" s="72">
        <v>334</v>
      </c>
      <c r="E10" s="73">
        <v>604</v>
      </c>
      <c r="F10" s="443">
        <v>0</v>
      </c>
      <c r="G10" s="72">
        <v>392</v>
      </c>
      <c r="H10" s="72">
        <v>401</v>
      </c>
      <c r="I10" s="72">
        <v>270</v>
      </c>
      <c r="J10" s="72">
        <v>224</v>
      </c>
      <c r="K10" s="72">
        <v>119</v>
      </c>
      <c r="L10" s="74">
        <v>1406</v>
      </c>
      <c r="M10" s="75">
        <v>2010</v>
      </c>
      <c r="N10" s="60">
        <v>5</v>
      </c>
      <c r="O10" s="61">
        <v>3</v>
      </c>
      <c r="P10" s="62">
        <v>8</v>
      </c>
      <c r="Q10" s="443">
        <v>0</v>
      </c>
      <c r="R10" s="61">
        <v>6</v>
      </c>
      <c r="S10" s="61">
        <v>7</v>
      </c>
      <c r="T10" s="61">
        <v>4</v>
      </c>
      <c r="U10" s="61">
        <v>7</v>
      </c>
      <c r="V10" s="61">
        <v>5</v>
      </c>
      <c r="W10" s="62">
        <v>29</v>
      </c>
      <c r="X10" s="63">
        <v>37</v>
      </c>
      <c r="Y10" s="60">
        <v>12</v>
      </c>
      <c r="Z10" s="61">
        <v>19</v>
      </c>
      <c r="AA10" s="62">
        <v>31</v>
      </c>
      <c r="AB10" s="443">
        <v>0</v>
      </c>
      <c r="AC10" s="61">
        <v>16</v>
      </c>
      <c r="AD10" s="61">
        <v>17</v>
      </c>
      <c r="AE10" s="61">
        <v>14</v>
      </c>
      <c r="AF10" s="61">
        <v>7</v>
      </c>
      <c r="AG10" s="61">
        <v>11</v>
      </c>
      <c r="AH10" s="62">
        <v>65</v>
      </c>
      <c r="AI10" s="63">
        <v>96</v>
      </c>
      <c r="AJ10" s="60">
        <v>23</v>
      </c>
      <c r="AK10" s="61">
        <v>43</v>
      </c>
      <c r="AL10" s="62">
        <v>66</v>
      </c>
      <c r="AM10" s="443">
        <v>0</v>
      </c>
      <c r="AN10" s="61">
        <v>32</v>
      </c>
      <c r="AO10" s="61">
        <v>32</v>
      </c>
      <c r="AP10" s="61">
        <v>23</v>
      </c>
      <c r="AQ10" s="61">
        <v>22</v>
      </c>
      <c r="AR10" s="61">
        <v>14</v>
      </c>
      <c r="AS10" s="62">
        <v>123</v>
      </c>
      <c r="AT10" s="63">
        <v>189</v>
      </c>
      <c r="AU10" s="60">
        <v>73</v>
      </c>
      <c r="AV10" s="61">
        <v>81</v>
      </c>
      <c r="AW10" s="62">
        <v>154</v>
      </c>
      <c r="AX10" s="443">
        <v>0</v>
      </c>
      <c r="AY10" s="61">
        <v>82</v>
      </c>
      <c r="AZ10" s="61">
        <v>86</v>
      </c>
      <c r="BA10" s="61">
        <v>57</v>
      </c>
      <c r="BB10" s="61">
        <v>47</v>
      </c>
      <c r="BC10" s="61">
        <v>12</v>
      </c>
      <c r="BD10" s="62">
        <v>284</v>
      </c>
      <c r="BE10" s="63">
        <v>438</v>
      </c>
      <c r="BF10" s="60">
        <v>79</v>
      </c>
      <c r="BG10" s="61">
        <v>103</v>
      </c>
      <c r="BH10" s="62">
        <v>182</v>
      </c>
      <c r="BI10" s="443">
        <v>0</v>
      </c>
      <c r="BJ10" s="61">
        <v>129</v>
      </c>
      <c r="BK10" s="61">
        <v>131</v>
      </c>
      <c r="BL10" s="61">
        <v>65</v>
      </c>
      <c r="BM10" s="61">
        <v>68</v>
      </c>
      <c r="BN10" s="61">
        <v>20</v>
      </c>
      <c r="BO10" s="62">
        <v>413</v>
      </c>
      <c r="BP10" s="63">
        <v>595</v>
      </c>
      <c r="BQ10" s="60">
        <v>78</v>
      </c>
      <c r="BR10" s="61">
        <v>85</v>
      </c>
      <c r="BS10" s="62">
        <v>163</v>
      </c>
      <c r="BT10" s="443">
        <v>0</v>
      </c>
      <c r="BU10" s="61">
        <v>127</v>
      </c>
      <c r="BV10" s="61">
        <v>128</v>
      </c>
      <c r="BW10" s="61">
        <v>107</v>
      </c>
      <c r="BX10" s="61">
        <v>73</v>
      </c>
      <c r="BY10" s="61">
        <v>57</v>
      </c>
      <c r="BZ10" s="62">
        <v>492</v>
      </c>
      <c r="CA10" s="63">
        <v>655</v>
      </c>
      <c r="CB10" s="60">
        <v>0</v>
      </c>
      <c r="CC10" s="61">
        <v>0</v>
      </c>
      <c r="CD10" s="62">
        <v>0</v>
      </c>
      <c r="CE10" s="443">
        <v>0</v>
      </c>
      <c r="CF10" s="61">
        <v>0</v>
      </c>
      <c r="CG10" s="61">
        <v>0</v>
      </c>
      <c r="CH10" s="61">
        <v>0</v>
      </c>
      <c r="CI10" s="61">
        <v>0</v>
      </c>
      <c r="CJ10" s="61">
        <v>0</v>
      </c>
      <c r="CK10" s="62">
        <v>0</v>
      </c>
      <c r="CL10" s="63">
        <v>0</v>
      </c>
      <c r="CM10" s="60">
        <v>270</v>
      </c>
      <c r="CN10" s="61">
        <v>334</v>
      </c>
      <c r="CO10" s="62">
        <v>604</v>
      </c>
      <c r="CP10" s="443">
        <v>0</v>
      </c>
      <c r="CQ10" s="61">
        <v>392</v>
      </c>
      <c r="CR10" s="61">
        <v>401</v>
      </c>
      <c r="CS10" s="61">
        <v>270</v>
      </c>
      <c r="CT10" s="61">
        <v>224</v>
      </c>
      <c r="CU10" s="61">
        <v>119</v>
      </c>
      <c r="CV10" s="62">
        <v>1406</v>
      </c>
      <c r="CW10" s="63">
        <v>2010</v>
      </c>
      <c r="CX10" s="113">
        <v>39</v>
      </c>
      <c r="CY10" s="72">
        <v>52</v>
      </c>
      <c r="CZ10" s="73">
        <v>91</v>
      </c>
      <c r="DA10" s="443">
        <v>0</v>
      </c>
      <c r="DB10" s="72">
        <v>44</v>
      </c>
      <c r="DC10" s="72">
        <v>50</v>
      </c>
      <c r="DD10" s="72">
        <v>41</v>
      </c>
      <c r="DE10" s="72">
        <v>27</v>
      </c>
      <c r="DF10" s="72">
        <v>19</v>
      </c>
      <c r="DG10" s="74">
        <v>181</v>
      </c>
      <c r="DH10" s="75">
        <v>272</v>
      </c>
      <c r="DI10" s="60">
        <v>0</v>
      </c>
      <c r="DJ10" s="61">
        <v>2</v>
      </c>
      <c r="DK10" s="62">
        <v>2</v>
      </c>
      <c r="DL10" s="443">
        <v>0</v>
      </c>
      <c r="DM10" s="61">
        <v>0</v>
      </c>
      <c r="DN10" s="61">
        <v>1</v>
      </c>
      <c r="DO10" s="61">
        <v>2</v>
      </c>
      <c r="DP10" s="61">
        <v>0</v>
      </c>
      <c r="DQ10" s="61">
        <v>0</v>
      </c>
      <c r="DR10" s="62">
        <v>3</v>
      </c>
      <c r="DS10" s="63">
        <v>5</v>
      </c>
      <c r="DT10" s="60">
        <v>2</v>
      </c>
      <c r="DU10" s="61">
        <v>1</v>
      </c>
      <c r="DV10" s="62">
        <v>3</v>
      </c>
      <c r="DW10" s="443">
        <v>0</v>
      </c>
      <c r="DX10" s="61">
        <v>2</v>
      </c>
      <c r="DY10" s="61">
        <v>4</v>
      </c>
      <c r="DZ10" s="61">
        <v>1</v>
      </c>
      <c r="EA10" s="61">
        <v>1</v>
      </c>
      <c r="EB10" s="61">
        <v>1</v>
      </c>
      <c r="EC10" s="62">
        <v>9</v>
      </c>
      <c r="ED10" s="63">
        <v>12</v>
      </c>
      <c r="EE10" s="60">
        <v>8</v>
      </c>
      <c r="EF10" s="61">
        <v>5</v>
      </c>
      <c r="EG10" s="62">
        <v>13</v>
      </c>
      <c r="EH10" s="443">
        <v>0</v>
      </c>
      <c r="EI10" s="61">
        <v>7</v>
      </c>
      <c r="EJ10" s="61">
        <v>3</v>
      </c>
      <c r="EK10" s="61">
        <v>4</v>
      </c>
      <c r="EL10" s="61">
        <v>2</v>
      </c>
      <c r="EM10" s="61">
        <v>3</v>
      </c>
      <c r="EN10" s="62">
        <v>19</v>
      </c>
      <c r="EO10" s="63">
        <v>32</v>
      </c>
      <c r="EP10" s="60">
        <v>11</v>
      </c>
      <c r="EQ10" s="61">
        <v>14</v>
      </c>
      <c r="ER10" s="62">
        <v>25</v>
      </c>
      <c r="ES10" s="443">
        <v>0</v>
      </c>
      <c r="ET10" s="61">
        <v>13</v>
      </c>
      <c r="EU10" s="61">
        <v>12</v>
      </c>
      <c r="EV10" s="61">
        <v>9</v>
      </c>
      <c r="EW10" s="61">
        <v>3</v>
      </c>
      <c r="EX10" s="61">
        <v>1</v>
      </c>
      <c r="EY10" s="62">
        <v>38</v>
      </c>
      <c r="EZ10" s="63">
        <v>63</v>
      </c>
      <c r="FA10" s="60">
        <v>12</v>
      </c>
      <c r="FB10" s="61">
        <v>16</v>
      </c>
      <c r="FC10" s="62">
        <v>28</v>
      </c>
      <c r="FD10" s="443">
        <v>0</v>
      </c>
      <c r="FE10" s="61">
        <v>14</v>
      </c>
      <c r="FF10" s="61">
        <v>12</v>
      </c>
      <c r="FG10" s="61">
        <v>10</v>
      </c>
      <c r="FH10" s="61">
        <v>7</v>
      </c>
      <c r="FI10" s="61">
        <v>6</v>
      </c>
      <c r="FJ10" s="62">
        <v>49</v>
      </c>
      <c r="FK10" s="63">
        <v>77</v>
      </c>
      <c r="FL10" s="60">
        <v>6</v>
      </c>
      <c r="FM10" s="61">
        <v>14</v>
      </c>
      <c r="FN10" s="62">
        <v>20</v>
      </c>
      <c r="FO10" s="443">
        <v>0</v>
      </c>
      <c r="FP10" s="61">
        <v>8</v>
      </c>
      <c r="FQ10" s="61">
        <v>18</v>
      </c>
      <c r="FR10" s="61">
        <v>15</v>
      </c>
      <c r="FS10" s="61">
        <v>14</v>
      </c>
      <c r="FT10" s="61">
        <v>8</v>
      </c>
      <c r="FU10" s="62">
        <v>63</v>
      </c>
      <c r="FV10" s="63">
        <v>83</v>
      </c>
      <c r="FW10" s="60">
        <v>0</v>
      </c>
      <c r="FX10" s="61">
        <v>0</v>
      </c>
      <c r="FY10" s="62">
        <v>0</v>
      </c>
      <c r="FZ10" s="443">
        <v>0</v>
      </c>
      <c r="GA10" s="61">
        <v>0</v>
      </c>
      <c r="GB10" s="61">
        <v>0</v>
      </c>
      <c r="GC10" s="61">
        <v>0</v>
      </c>
      <c r="GD10" s="61">
        <v>0</v>
      </c>
      <c r="GE10" s="61">
        <v>0</v>
      </c>
      <c r="GF10" s="62">
        <v>0</v>
      </c>
      <c r="GG10" s="63">
        <v>0</v>
      </c>
      <c r="GH10" s="60">
        <v>39</v>
      </c>
      <c r="GI10" s="61">
        <v>52</v>
      </c>
      <c r="GJ10" s="62">
        <v>91</v>
      </c>
      <c r="GK10" s="443">
        <v>0</v>
      </c>
      <c r="GL10" s="61">
        <v>44</v>
      </c>
      <c r="GM10" s="61">
        <v>50</v>
      </c>
      <c r="GN10" s="61">
        <v>41</v>
      </c>
      <c r="GO10" s="61">
        <v>27</v>
      </c>
      <c r="GP10" s="61">
        <v>19</v>
      </c>
      <c r="GQ10" s="62">
        <v>181</v>
      </c>
      <c r="GR10" s="63">
        <v>272</v>
      </c>
      <c r="GS10" s="113">
        <v>309</v>
      </c>
      <c r="GT10" s="72">
        <v>386</v>
      </c>
      <c r="GU10" s="73">
        <v>695</v>
      </c>
      <c r="GV10" s="443">
        <v>0</v>
      </c>
      <c r="GW10" s="72">
        <v>436</v>
      </c>
      <c r="GX10" s="72">
        <v>451</v>
      </c>
      <c r="GY10" s="72">
        <v>311</v>
      </c>
      <c r="GZ10" s="72">
        <v>251</v>
      </c>
      <c r="HA10" s="72">
        <v>138</v>
      </c>
      <c r="HB10" s="74">
        <v>1587</v>
      </c>
      <c r="HC10" s="75">
        <v>2282</v>
      </c>
      <c r="HD10" s="60">
        <v>5</v>
      </c>
      <c r="HE10" s="61">
        <v>5</v>
      </c>
      <c r="HF10" s="62">
        <v>10</v>
      </c>
      <c r="HG10" s="443">
        <v>0</v>
      </c>
      <c r="HH10" s="61">
        <v>6</v>
      </c>
      <c r="HI10" s="61">
        <v>8</v>
      </c>
      <c r="HJ10" s="61">
        <v>6</v>
      </c>
      <c r="HK10" s="61">
        <v>7</v>
      </c>
      <c r="HL10" s="61">
        <v>5</v>
      </c>
      <c r="HM10" s="62">
        <v>32</v>
      </c>
      <c r="HN10" s="63">
        <v>42</v>
      </c>
      <c r="HO10" s="60">
        <v>14</v>
      </c>
      <c r="HP10" s="61">
        <v>20</v>
      </c>
      <c r="HQ10" s="62">
        <v>34</v>
      </c>
      <c r="HR10" s="443">
        <v>0</v>
      </c>
      <c r="HS10" s="61">
        <v>18</v>
      </c>
      <c r="HT10" s="61">
        <v>21</v>
      </c>
      <c r="HU10" s="61">
        <v>15</v>
      </c>
      <c r="HV10" s="61">
        <v>8</v>
      </c>
      <c r="HW10" s="61">
        <v>12</v>
      </c>
      <c r="HX10" s="62">
        <v>74</v>
      </c>
      <c r="HY10" s="63">
        <v>108</v>
      </c>
      <c r="HZ10" s="60">
        <v>31</v>
      </c>
      <c r="IA10" s="61">
        <v>48</v>
      </c>
      <c r="IB10" s="62">
        <v>79</v>
      </c>
      <c r="IC10" s="443">
        <v>0</v>
      </c>
      <c r="ID10" s="61">
        <v>39</v>
      </c>
      <c r="IE10" s="61">
        <v>35</v>
      </c>
      <c r="IF10" s="61">
        <v>27</v>
      </c>
      <c r="IG10" s="61">
        <v>24</v>
      </c>
      <c r="IH10" s="61">
        <v>17</v>
      </c>
      <c r="II10" s="62">
        <v>142</v>
      </c>
      <c r="IJ10" s="63">
        <v>221</v>
      </c>
      <c r="IK10" s="60">
        <v>84</v>
      </c>
      <c r="IL10" s="61">
        <v>95</v>
      </c>
      <c r="IM10" s="62">
        <v>179</v>
      </c>
      <c r="IN10" s="443">
        <v>0</v>
      </c>
      <c r="IO10" s="61">
        <v>95</v>
      </c>
      <c r="IP10" s="61">
        <v>98</v>
      </c>
      <c r="IQ10" s="61">
        <v>66</v>
      </c>
      <c r="IR10" s="61">
        <v>50</v>
      </c>
      <c r="IS10" s="61">
        <v>13</v>
      </c>
      <c r="IT10" s="62">
        <v>322</v>
      </c>
      <c r="IU10" s="63">
        <v>501</v>
      </c>
      <c r="IV10" s="60">
        <v>91</v>
      </c>
      <c r="IW10" s="61">
        <v>119</v>
      </c>
      <c r="IX10" s="62">
        <v>210</v>
      </c>
      <c r="IY10" s="443">
        <v>0</v>
      </c>
      <c r="IZ10" s="61">
        <v>143</v>
      </c>
      <c r="JA10" s="61">
        <v>143</v>
      </c>
      <c r="JB10" s="61">
        <v>75</v>
      </c>
      <c r="JC10" s="61">
        <v>75</v>
      </c>
      <c r="JD10" s="61">
        <v>26</v>
      </c>
      <c r="JE10" s="62">
        <v>462</v>
      </c>
      <c r="JF10" s="63">
        <v>672</v>
      </c>
      <c r="JG10" s="60">
        <v>84</v>
      </c>
      <c r="JH10" s="61">
        <v>99</v>
      </c>
      <c r="JI10" s="62">
        <v>183</v>
      </c>
      <c r="JJ10" s="443">
        <v>0</v>
      </c>
      <c r="JK10" s="61">
        <v>135</v>
      </c>
      <c r="JL10" s="61">
        <v>146</v>
      </c>
      <c r="JM10" s="61">
        <v>122</v>
      </c>
      <c r="JN10" s="61">
        <v>87</v>
      </c>
      <c r="JO10" s="61">
        <v>65</v>
      </c>
      <c r="JP10" s="62">
        <v>555</v>
      </c>
      <c r="JQ10" s="63">
        <v>738</v>
      </c>
      <c r="JR10" s="60">
        <v>0</v>
      </c>
      <c r="JS10" s="61">
        <v>0</v>
      </c>
      <c r="JT10" s="62">
        <v>0</v>
      </c>
      <c r="JU10" s="443">
        <v>0</v>
      </c>
      <c r="JV10" s="61">
        <v>0</v>
      </c>
      <c r="JW10" s="61">
        <v>0</v>
      </c>
      <c r="JX10" s="61">
        <v>0</v>
      </c>
      <c r="JY10" s="61">
        <v>0</v>
      </c>
      <c r="JZ10" s="61">
        <v>0</v>
      </c>
      <c r="KA10" s="62">
        <v>0</v>
      </c>
      <c r="KB10" s="63">
        <v>0</v>
      </c>
      <c r="KC10" s="60">
        <v>309</v>
      </c>
      <c r="KD10" s="61">
        <v>386</v>
      </c>
      <c r="KE10" s="62">
        <v>695</v>
      </c>
      <c r="KF10" s="443">
        <v>0</v>
      </c>
      <c r="KG10" s="61">
        <v>436</v>
      </c>
      <c r="KH10" s="61">
        <v>451</v>
      </c>
      <c r="KI10" s="61">
        <v>311</v>
      </c>
      <c r="KJ10" s="61">
        <v>251</v>
      </c>
      <c r="KK10" s="61">
        <v>138</v>
      </c>
      <c r="KL10" s="62">
        <v>1587</v>
      </c>
      <c r="KM10" s="63">
        <v>2282</v>
      </c>
    </row>
    <row r="11" spans="2:299" ht="21" customHeight="1" x14ac:dyDescent="0.2">
      <c r="B11" s="437" t="s">
        <v>7</v>
      </c>
      <c r="C11" s="287">
        <v>227</v>
      </c>
      <c r="D11" s="72">
        <v>186</v>
      </c>
      <c r="E11" s="73">
        <v>413</v>
      </c>
      <c r="F11" s="443">
        <v>0</v>
      </c>
      <c r="G11" s="72">
        <v>510</v>
      </c>
      <c r="H11" s="72">
        <v>306</v>
      </c>
      <c r="I11" s="72">
        <v>179</v>
      </c>
      <c r="J11" s="72">
        <v>152</v>
      </c>
      <c r="K11" s="72">
        <v>85</v>
      </c>
      <c r="L11" s="74">
        <v>1232</v>
      </c>
      <c r="M11" s="75">
        <v>1645</v>
      </c>
      <c r="N11" s="60">
        <v>3</v>
      </c>
      <c r="O11" s="61">
        <v>1</v>
      </c>
      <c r="P11" s="62">
        <v>4</v>
      </c>
      <c r="Q11" s="443">
        <v>0</v>
      </c>
      <c r="R11" s="61">
        <v>6</v>
      </c>
      <c r="S11" s="61">
        <v>3</v>
      </c>
      <c r="T11" s="61">
        <v>2</v>
      </c>
      <c r="U11" s="61">
        <v>2</v>
      </c>
      <c r="V11" s="61">
        <v>1</v>
      </c>
      <c r="W11" s="62">
        <v>14</v>
      </c>
      <c r="X11" s="63">
        <v>18</v>
      </c>
      <c r="Y11" s="60">
        <v>6</v>
      </c>
      <c r="Z11" s="61">
        <v>6</v>
      </c>
      <c r="AA11" s="62">
        <v>12</v>
      </c>
      <c r="AB11" s="443">
        <v>0</v>
      </c>
      <c r="AC11" s="61">
        <v>16</v>
      </c>
      <c r="AD11" s="61">
        <v>9</v>
      </c>
      <c r="AE11" s="61">
        <v>8</v>
      </c>
      <c r="AF11" s="61">
        <v>2</v>
      </c>
      <c r="AG11" s="61">
        <v>4</v>
      </c>
      <c r="AH11" s="62">
        <v>39</v>
      </c>
      <c r="AI11" s="63">
        <v>51</v>
      </c>
      <c r="AJ11" s="60">
        <v>15</v>
      </c>
      <c r="AK11" s="61">
        <v>10</v>
      </c>
      <c r="AL11" s="62">
        <v>25</v>
      </c>
      <c r="AM11" s="443">
        <v>0</v>
      </c>
      <c r="AN11" s="61">
        <v>45</v>
      </c>
      <c r="AO11" s="61">
        <v>30</v>
      </c>
      <c r="AP11" s="61">
        <v>12</v>
      </c>
      <c r="AQ11" s="61">
        <v>12</v>
      </c>
      <c r="AR11" s="61">
        <v>6</v>
      </c>
      <c r="AS11" s="62">
        <v>105</v>
      </c>
      <c r="AT11" s="63">
        <v>130</v>
      </c>
      <c r="AU11" s="60">
        <v>44</v>
      </c>
      <c r="AV11" s="61">
        <v>38</v>
      </c>
      <c r="AW11" s="62">
        <v>82</v>
      </c>
      <c r="AX11" s="443">
        <v>0</v>
      </c>
      <c r="AY11" s="61">
        <v>85</v>
      </c>
      <c r="AZ11" s="61">
        <v>57</v>
      </c>
      <c r="BA11" s="61">
        <v>33</v>
      </c>
      <c r="BB11" s="61">
        <v>25</v>
      </c>
      <c r="BC11" s="61">
        <v>23</v>
      </c>
      <c r="BD11" s="62">
        <v>223</v>
      </c>
      <c r="BE11" s="63">
        <v>305</v>
      </c>
      <c r="BF11" s="60">
        <v>86</v>
      </c>
      <c r="BG11" s="61">
        <v>63</v>
      </c>
      <c r="BH11" s="62">
        <v>149</v>
      </c>
      <c r="BI11" s="443">
        <v>0</v>
      </c>
      <c r="BJ11" s="61">
        <v>187</v>
      </c>
      <c r="BK11" s="61">
        <v>95</v>
      </c>
      <c r="BL11" s="61">
        <v>50</v>
      </c>
      <c r="BM11" s="61">
        <v>50</v>
      </c>
      <c r="BN11" s="61">
        <v>24</v>
      </c>
      <c r="BO11" s="62">
        <v>406</v>
      </c>
      <c r="BP11" s="63">
        <v>555</v>
      </c>
      <c r="BQ11" s="60">
        <v>73</v>
      </c>
      <c r="BR11" s="61">
        <v>68</v>
      </c>
      <c r="BS11" s="62">
        <v>141</v>
      </c>
      <c r="BT11" s="443">
        <v>0</v>
      </c>
      <c r="BU11" s="61">
        <v>171</v>
      </c>
      <c r="BV11" s="61">
        <v>112</v>
      </c>
      <c r="BW11" s="61">
        <v>74</v>
      </c>
      <c r="BX11" s="61">
        <v>61</v>
      </c>
      <c r="BY11" s="61">
        <v>27</v>
      </c>
      <c r="BZ11" s="62">
        <v>445</v>
      </c>
      <c r="CA11" s="63">
        <v>586</v>
      </c>
      <c r="CB11" s="60">
        <v>0</v>
      </c>
      <c r="CC11" s="61">
        <v>0</v>
      </c>
      <c r="CD11" s="62">
        <v>0</v>
      </c>
      <c r="CE11" s="443">
        <v>0</v>
      </c>
      <c r="CF11" s="61">
        <v>0</v>
      </c>
      <c r="CG11" s="61">
        <v>0</v>
      </c>
      <c r="CH11" s="61">
        <v>0</v>
      </c>
      <c r="CI11" s="61">
        <v>0</v>
      </c>
      <c r="CJ11" s="61">
        <v>0</v>
      </c>
      <c r="CK11" s="62">
        <v>0</v>
      </c>
      <c r="CL11" s="63">
        <v>0</v>
      </c>
      <c r="CM11" s="60">
        <v>227</v>
      </c>
      <c r="CN11" s="61">
        <v>186</v>
      </c>
      <c r="CO11" s="62">
        <v>413</v>
      </c>
      <c r="CP11" s="443">
        <v>0</v>
      </c>
      <c r="CQ11" s="61">
        <v>510</v>
      </c>
      <c r="CR11" s="61">
        <v>306</v>
      </c>
      <c r="CS11" s="61">
        <v>179</v>
      </c>
      <c r="CT11" s="61">
        <v>152</v>
      </c>
      <c r="CU11" s="61">
        <v>85</v>
      </c>
      <c r="CV11" s="62">
        <v>1232</v>
      </c>
      <c r="CW11" s="63">
        <v>1645</v>
      </c>
      <c r="CX11" s="113">
        <v>33</v>
      </c>
      <c r="CY11" s="72">
        <v>35</v>
      </c>
      <c r="CZ11" s="73">
        <v>68</v>
      </c>
      <c r="DA11" s="443">
        <v>0</v>
      </c>
      <c r="DB11" s="72">
        <v>69</v>
      </c>
      <c r="DC11" s="72">
        <v>36</v>
      </c>
      <c r="DD11" s="72">
        <v>29</v>
      </c>
      <c r="DE11" s="72">
        <v>21</v>
      </c>
      <c r="DF11" s="72">
        <v>12</v>
      </c>
      <c r="DG11" s="74">
        <v>167</v>
      </c>
      <c r="DH11" s="75">
        <v>235</v>
      </c>
      <c r="DI11" s="60">
        <v>1</v>
      </c>
      <c r="DJ11" s="61">
        <v>0</v>
      </c>
      <c r="DK11" s="62">
        <v>1</v>
      </c>
      <c r="DL11" s="443">
        <v>0</v>
      </c>
      <c r="DM11" s="61">
        <v>1</v>
      </c>
      <c r="DN11" s="61">
        <v>0</v>
      </c>
      <c r="DO11" s="61">
        <v>0</v>
      </c>
      <c r="DP11" s="61">
        <v>0</v>
      </c>
      <c r="DQ11" s="61">
        <v>0</v>
      </c>
      <c r="DR11" s="62">
        <v>1</v>
      </c>
      <c r="DS11" s="63">
        <v>2</v>
      </c>
      <c r="DT11" s="60">
        <v>7</v>
      </c>
      <c r="DU11" s="61">
        <v>2</v>
      </c>
      <c r="DV11" s="62">
        <v>9</v>
      </c>
      <c r="DW11" s="443">
        <v>0</v>
      </c>
      <c r="DX11" s="61">
        <v>1</v>
      </c>
      <c r="DY11" s="61">
        <v>0</v>
      </c>
      <c r="DZ11" s="61">
        <v>0</v>
      </c>
      <c r="EA11" s="61">
        <v>1</v>
      </c>
      <c r="EB11" s="61">
        <v>0</v>
      </c>
      <c r="EC11" s="62">
        <v>2</v>
      </c>
      <c r="ED11" s="63">
        <v>11</v>
      </c>
      <c r="EE11" s="60">
        <v>5</v>
      </c>
      <c r="EF11" s="61">
        <v>5</v>
      </c>
      <c r="EG11" s="62">
        <v>10</v>
      </c>
      <c r="EH11" s="443">
        <v>0</v>
      </c>
      <c r="EI11" s="61">
        <v>6</v>
      </c>
      <c r="EJ11" s="61">
        <v>3</v>
      </c>
      <c r="EK11" s="61">
        <v>1</v>
      </c>
      <c r="EL11" s="61">
        <v>2</v>
      </c>
      <c r="EM11" s="61">
        <v>1</v>
      </c>
      <c r="EN11" s="62">
        <v>13</v>
      </c>
      <c r="EO11" s="63">
        <v>23</v>
      </c>
      <c r="EP11" s="60">
        <v>5</v>
      </c>
      <c r="EQ11" s="61">
        <v>8</v>
      </c>
      <c r="ER11" s="62">
        <v>13</v>
      </c>
      <c r="ES11" s="443">
        <v>0</v>
      </c>
      <c r="ET11" s="61">
        <v>14</v>
      </c>
      <c r="EU11" s="61">
        <v>5</v>
      </c>
      <c r="EV11" s="61">
        <v>2</v>
      </c>
      <c r="EW11" s="61">
        <v>0</v>
      </c>
      <c r="EX11" s="61">
        <v>1</v>
      </c>
      <c r="EY11" s="62">
        <v>22</v>
      </c>
      <c r="EZ11" s="63">
        <v>35</v>
      </c>
      <c r="FA11" s="60">
        <v>5</v>
      </c>
      <c r="FB11" s="61">
        <v>12</v>
      </c>
      <c r="FC11" s="62">
        <v>17</v>
      </c>
      <c r="FD11" s="443">
        <v>0</v>
      </c>
      <c r="FE11" s="61">
        <v>18</v>
      </c>
      <c r="FF11" s="61">
        <v>7</v>
      </c>
      <c r="FG11" s="61">
        <v>11</v>
      </c>
      <c r="FH11" s="61">
        <v>5</v>
      </c>
      <c r="FI11" s="61">
        <v>5</v>
      </c>
      <c r="FJ11" s="62">
        <v>46</v>
      </c>
      <c r="FK11" s="63">
        <v>63</v>
      </c>
      <c r="FL11" s="60">
        <v>10</v>
      </c>
      <c r="FM11" s="61">
        <v>8</v>
      </c>
      <c r="FN11" s="62">
        <v>18</v>
      </c>
      <c r="FO11" s="443">
        <v>0</v>
      </c>
      <c r="FP11" s="61">
        <v>29</v>
      </c>
      <c r="FQ11" s="61">
        <v>21</v>
      </c>
      <c r="FR11" s="61">
        <v>15</v>
      </c>
      <c r="FS11" s="61">
        <v>13</v>
      </c>
      <c r="FT11" s="61">
        <v>5</v>
      </c>
      <c r="FU11" s="62">
        <v>83</v>
      </c>
      <c r="FV11" s="63">
        <v>101</v>
      </c>
      <c r="FW11" s="60">
        <v>0</v>
      </c>
      <c r="FX11" s="61">
        <v>0</v>
      </c>
      <c r="FY11" s="62">
        <v>0</v>
      </c>
      <c r="FZ11" s="443">
        <v>0</v>
      </c>
      <c r="GA11" s="61">
        <v>0</v>
      </c>
      <c r="GB11" s="61">
        <v>0</v>
      </c>
      <c r="GC11" s="61">
        <v>0</v>
      </c>
      <c r="GD11" s="61">
        <v>0</v>
      </c>
      <c r="GE11" s="61">
        <v>0</v>
      </c>
      <c r="GF11" s="62">
        <v>0</v>
      </c>
      <c r="GG11" s="63">
        <v>0</v>
      </c>
      <c r="GH11" s="60">
        <v>33</v>
      </c>
      <c r="GI11" s="61">
        <v>35</v>
      </c>
      <c r="GJ11" s="62">
        <v>68</v>
      </c>
      <c r="GK11" s="443">
        <v>0</v>
      </c>
      <c r="GL11" s="61">
        <v>69</v>
      </c>
      <c r="GM11" s="61">
        <v>36</v>
      </c>
      <c r="GN11" s="61">
        <v>29</v>
      </c>
      <c r="GO11" s="61">
        <v>21</v>
      </c>
      <c r="GP11" s="61">
        <v>12</v>
      </c>
      <c r="GQ11" s="62">
        <v>167</v>
      </c>
      <c r="GR11" s="63">
        <v>235</v>
      </c>
      <c r="GS11" s="113">
        <v>260</v>
      </c>
      <c r="GT11" s="72">
        <v>221</v>
      </c>
      <c r="GU11" s="73">
        <v>481</v>
      </c>
      <c r="GV11" s="443">
        <v>0</v>
      </c>
      <c r="GW11" s="72">
        <v>579</v>
      </c>
      <c r="GX11" s="72">
        <v>342</v>
      </c>
      <c r="GY11" s="72">
        <v>208</v>
      </c>
      <c r="GZ11" s="72">
        <v>173</v>
      </c>
      <c r="HA11" s="72">
        <v>97</v>
      </c>
      <c r="HB11" s="74">
        <v>1399</v>
      </c>
      <c r="HC11" s="75">
        <v>1880</v>
      </c>
      <c r="HD11" s="60">
        <v>4</v>
      </c>
      <c r="HE11" s="61">
        <v>1</v>
      </c>
      <c r="HF11" s="62">
        <v>5</v>
      </c>
      <c r="HG11" s="443">
        <v>0</v>
      </c>
      <c r="HH11" s="61">
        <v>7</v>
      </c>
      <c r="HI11" s="61">
        <v>3</v>
      </c>
      <c r="HJ11" s="61">
        <v>2</v>
      </c>
      <c r="HK11" s="61">
        <v>2</v>
      </c>
      <c r="HL11" s="61">
        <v>1</v>
      </c>
      <c r="HM11" s="62">
        <v>15</v>
      </c>
      <c r="HN11" s="63">
        <v>20</v>
      </c>
      <c r="HO11" s="60">
        <v>13</v>
      </c>
      <c r="HP11" s="61">
        <v>8</v>
      </c>
      <c r="HQ11" s="62">
        <v>21</v>
      </c>
      <c r="HR11" s="443">
        <v>0</v>
      </c>
      <c r="HS11" s="61">
        <v>17</v>
      </c>
      <c r="HT11" s="61">
        <v>9</v>
      </c>
      <c r="HU11" s="61">
        <v>8</v>
      </c>
      <c r="HV11" s="61">
        <v>3</v>
      </c>
      <c r="HW11" s="61">
        <v>4</v>
      </c>
      <c r="HX11" s="62">
        <v>41</v>
      </c>
      <c r="HY11" s="63">
        <v>62</v>
      </c>
      <c r="HZ11" s="60">
        <v>20</v>
      </c>
      <c r="IA11" s="61">
        <v>15</v>
      </c>
      <c r="IB11" s="62">
        <v>35</v>
      </c>
      <c r="IC11" s="443">
        <v>0</v>
      </c>
      <c r="ID11" s="61">
        <v>51</v>
      </c>
      <c r="IE11" s="61">
        <v>33</v>
      </c>
      <c r="IF11" s="61">
        <v>13</v>
      </c>
      <c r="IG11" s="61">
        <v>14</v>
      </c>
      <c r="IH11" s="61">
        <v>7</v>
      </c>
      <c r="II11" s="62">
        <v>118</v>
      </c>
      <c r="IJ11" s="63">
        <v>153</v>
      </c>
      <c r="IK11" s="60">
        <v>49</v>
      </c>
      <c r="IL11" s="61">
        <v>46</v>
      </c>
      <c r="IM11" s="62">
        <v>95</v>
      </c>
      <c r="IN11" s="443">
        <v>0</v>
      </c>
      <c r="IO11" s="61">
        <v>99</v>
      </c>
      <c r="IP11" s="61">
        <v>62</v>
      </c>
      <c r="IQ11" s="61">
        <v>35</v>
      </c>
      <c r="IR11" s="61">
        <v>25</v>
      </c>
      <c r="IS11" s="61">
        <v>24</v>
      </c>
      <c r="IT11" s="62">
        <v>245</v>
      </c>
      <c r="IU11" s="63">
        <v>340</v>
      </c>
      <c r="IV11" s="60">
        <v>91</v>
      </c>
      <c r="IW11" s="61">
        <v>75</v>
      </c>
      <c r="IX11" s="62">
        <v>166</v>
      </c>
      <c r="IY11" s="443">
        <v>0</v>
      </c>
      <c r="IZ11" s="61">
        <v>205</v>
      </c>
      <c r="JA11" s="61">
        <v>102</v>
      </c>
      <c r="JB11" s="61">
        <v>61</v>
      </c>
      <c r="JC11" s="61">
        <v>55</v>
      </c>
      <c r="JD11" s="61">
        <v>29</v>
      </c>
      <c r="JE11" s="62">
        <v>452</v>
      </c>
      <c r="JF11" s="63">
        <v>618</v>
      </c>
      <c r="JG11" s="60">
        <v>83</v>
      </c>
      <c r="JH11" s="61">
        <v>76</v>
      </c>
      <c r="JI11" s="62">
        <v>159</v>
      </c>
      <c r="JJ11" s="443">
        <v>0</v>
      </c>
      <c r="JK11" s="61">
        <v>200</v>
      </c>
      <c r="JL11" s="61">
        <v>133</v>
      </c>
      <c r="JM11" s="61">
        <v>89</v>
      </c>
      <c r="JN11" s="61">
        <v>74</v>
      </c>
      <c r="JO11" s="61">
        <v>32</v>
      </c>
      <c r="JP11" s="62">
        <v>528</v>
      </c>
      <c r="JQ11" s="63">
        <v>687</v>
      </c>
      <c r="JR11" s="60">
        <v>0</v>
      </c>
      <c r="JS11" s="61">
        <v>0</v>
      </c>
      <c r="JT11" s="62">
        <v>0</v>
      </c>
      <c r="JU11" s="443">
        <v>0</v>
      </c>
      <c r="JV11" s="61">
        <v>0</v>
      </c>
      <c r="JW11" s="61">
        <v>0</v>
      </c>
      <c r="JX11" s="61">
        <v>0</v>
      </c>
      <c r="JY11" s="61">
        <v>0</v>
      </c>
      <c r="JZ11" s="61">
        <v>0</v>
      </c>
      <c r="KA11" s="62">
        <v>0</v>
      </c>
      <c r="KB11" s="63">
        <v>0</v>
      </c>
      <c r="KC11" s="60">
        <v>260</v>
      </c>
      <c r="KD11" s="61">
        <v>221</v>
      </c>
      <c r="KE11" s="62">
        <v>481</v>
      </c>
      <c r="KF11" s="443">
        <v>0</v>
      </c>
      <c r="KG11" s="61">
        <v>579</v>
      </c>
      <c r="KH11" s="61">
        <v>342</v>
      </c>
      <c r="KI11" s="61">
        <v>208</v>
      </c>
      <c r="KJ11" s="61">
        <v>173</v>
      </c>
      <c r="KK11" s="61">
        <v>97</v>
      </c>
      <c r="KL11" s="62">
        <v>1399</v>
      </c>
      <c r="KM11" s="63">
        <v>1880</v>
      </c>
    </row>
    <row r="12" spans="2:299" ht="21" customHeight="1" x14ac:dyDescent="0.2">
      <c r="B12" s="437" t="s">
        <v>8</v>
      </c>
      <c r="C12" s="287">
        <v>102</v>
      </c>
      <c r="D12" s="72">
        <v>64</v>
      </c>
      <c r="E12" s="73">
        <v>166</v>
      </c>
      <c r="F12" s="443">
        <v>0</v>
      </c>
      <c r="G12" s="72">
        <v>150</v>
      </c>
      <c r="H12" s="72">
        <v>107</v>
      </c>
      <c r="I12" s="72">
        <v>95</v>
      </c>
      <c r="J12" s="72">
        <v>57</v>
      </c>
      <c r="K12" s="72">
        <v>45</v>
      </c>
      <c r="L12" s="74">
        <v>454</v>
      </c>
      <c r="M12" s="75">
        <v>620</v>
      </c>
      <c r="N12" s="60">
        <v>1</v>
      </c>
      <c r="O12" s="61">
        <v>2</v>
      </c>
      <c r="P12" s="62">
        <v>3</v>
      </c>
      <c r="Q12" s="443">
        <v>0</v>
      </c>
      <c r="R12" s="61">
        <v>3</v>
      </c>
      <c r="S12" s="61">
        <v>2</v>
      </c>
      <c r="T12" s="61">
        <v>3</v>
      </c>
      <c r="U12" s="61">
        <v>0</v>
      </c>
      <c r="V12" s="61">
        <v>0</v>
      </c>
      <c r="W12" s="62">
        <v>8</v>
      </c>
      <c r="X12" s="63">
        <v>11</v>
      </c>
      <c r="Y12" s="60">
        <v>1</v>
      </c>
      <c r="Z12" s="61">
        <v>2</v>
      </c>
      <c r="AA12" s="62">
        <v>3</v>
      </c>
      <c r="AB12" s="443">
        <v>0</v>
      </c>
      <c r="AC12" s="61">
        <v>11</v>
      </c>
      <c r="AD12" s="61">
        <v>7</v>
      </c>
      <c r="AE12" s="61">
        <v>3</v>
      </c>
      <c r="AF12" s="61">
        <v>4</v>
      </c>
      <c r="AG12" s="61">
        <v>5</v>
      </c>
      <c r="AH12" s="62">
        <v>30</v>
      </c>
      <c r="AI12" s="63">
        <v>33</v>
      </c>
      <c r="AJ12" s="60">
        <v>3</v>
      </c>
      <c r="AK12" s="61">
        <v>4</v>
      </c>
      <c r="AL12" s="62">
        <v>7</v>
      </c>
      <c r="AM12" s="443">
        <v>0</v>
      </c>
      <c r="AN12" s="61">
        <v>11</v>
      </c>
      <c r="AO12" s="61">
        <v>15</v>
      </c>
      <c r="AP12" s="61">
        <v>1</v>
      </c>
      <c r="AQ12" s="61">
        <v>10</v>
      </c>
      <c r="AR12" s="61">
        <v>3</v>
      </c>
      <c r="AS12" s="62">
        <v>40</v>
      </c>
      <c r="AT12" s="63">
        <v>47</v>
      </c>
      <c r="AU12" s="60">
        <v>19</v>
      </c>
      <c r="AV12" s="61">
        <v>8</v>
      </c>
      <c r="AW12" s="62">
        <v>27</v>
      </c>
      <c r="AX12" s="443">
        <v>0</v>
      </c>
      <c r="AY12" s="61">
        <v>35</v>
      </c>
      <c r="AZ12" s="61">
        <v>23</v>
      </c>
      <c r="BA12" s="61">
        <v>12</v>
      </c>
      <c r="BB12" s="61">
        <v>7</v>
      </c>
      <c r="BC12" s="61">
        <v>9</v>
      </c>
      <c r="BD12" s="62">
        <v>86</v>
      </c>
      <c r="BE12" s="63">
        <v>113</v>
      </c>
      <c r="BF12" s="60">
        <v>39</v>
      </c>
      <c r="BG12" s="61">
        <v>21</v>
      </c>
      <c r="BH12" s="62">
        <v>60</v>
      </c>
      <c r="BI12" s="443">
        <v>0</v>
      </c>
      <c r="BJ12" s="61">
        <v>36</v>
      </c>
      <c r="BK12" s="61">
        <v>19</v>
      </c>
      <c r="BL12" s="61">
        <v>28</v>
      </c>
      <c r="BM12" s="61">
        <v>12</v>
      </c>
      <c r="BN12" s="61">
        <v>12</v>
      </c>
      <c r="BO12" s="62">
        <v>107</v>
      </c>
      <c r="BP12" s="63">
        <v>167</v>
      </c>
      <c r="BQ12" s="60">
        <v>39</v>
      </c>
      <c r="BR12" s="61">
        <v>27</v>
      </c>
      <c r="BS12" s="62">
        <v>66</v>
      </c>
      <c r="BT12" s="443">
        <v>0</v>
      </c>
      <c r="BU12" s="61">
        <v>54</v>
      </c>
      <c r="BV12" s="61">
        <v>41</v>
      </c>
      <c r="BW12" s="61">
        <v>48</v>
      </c>
      <c r="BX12" s="61">
        <v>24</v>
      </c>
      <c r="BY12" s="61">
        <v>16</v>
      </c>
      <c r="BZ12" s="62">
        <v>183</v>
      </c>
      <c r="CA12" s="63">
        <v>249</v>
      </c>
      <c r="CB12" s="60">
        <v>0</v>
      </c>
      <c r="CC12" s="61">
        <v>0</v>
      </c>
      <c r="CD12" s="62">
        <v>0</v>
      </c>
      <c r="CE12" s="443">
        <v>0</v>
      </c>
      <c r="CF12" s="61">
        <v>0</v>
      </c>
      <c r="CG12" s="61">
        <v>0</v>
      </c>
      <c r="CH12" s="61">
        <v>0</v>
      </c>
      <c r="CI12" s="61">
        <v>0</v>
      </c>
      <c r="CJ12" s="61">
        <v>0</v>
      </c>
      <c r="CK12" s="62">
        <v>0</v>
      </c>
      <c r="CL12" s="63">
        <v>0</v>
      </c>
      <c r="CM12" s="60">
        <v>102</v>
      </c>
      <c r="CN12" s="61">
        <v>64</v>
      </c>
      <c r="CO12" s="62">
        <v>166</v>
      </c>
      <c r="CP12" s="443">
        <v>0</v>
      </c>
      <c r="CQ12" s="61">
        <v>150</v>
      </c>
      <c r="CR12" s="61">
        <v>107</v>
      </c>
      <c r="CS12" s="61">
        <v>95</v>
      </c>
      <c r="CT12" s="61">
        <v>57</v>
      </c>
      <c r="CU12" s="61">
        <v>45</v>
      </c>
      <c r="CV12" s="62">
        <v>454</v>
      </c>
      <c r="CW12" s="63">
        <v>620</v>
      </c>
      <c r="CX12" s="113">
        <v>12</v>
      </c>
      <c r="CY12" s="72">
        <v>7</v>
      </c>
      <c r="CZ12" s="73">
        <v>19</v>
      </c>
      <c r="DA12" s="443">
        <v>0</v>
      </c>
      <c r="DB12" s="72">
        <v>25</v>
      </c>
      <c r="DC12" s="72">
        <v>27</v>
      </c>
      <c r="DD12" s="72">
        <v>22</v>
      </c>
      <c r="DE12" s="72">
        <v>9</v>
      </c>
      <c r="DF12" s="72">
        <v>3</v>
      </c>
      <c r="DG12" s="74">
        <v>86</v>
      </c>
      <c r="DH12" s="75">
        <v>105</v>
      </c>
      <c r="DI12" s="60">
        <v>2</v>
      </c>
      <c r="DJ12" s="61">
        <v>0</v>
      </c>
      <c r="DK12" s="62">
        <v>2</v>
      </c>
      <c r="DL12" s="443">
        <v>0</v>
      </c>
      <c r="DM12" s="61">
        <v>0</v>
      </c>
      <c r="DN12" s="61">
        <v>1</v>
      </c>
      <c r="DO12" s="61">
        <v>0</v>
      </c>
      <c r="DP12" s="61">
        <v>0</v>
      </c>
      <c r="DQ12" s="61">
        <v>0</v>
      </c>
      <c r="DR12" s="62">
        <v>1</v>
      </c>
      <c r="DS12" s="63">
        <v>3</v>
      </c>
      <c r="DT12" s="60">
        <v>1</v>
      </c>
      <c r="DU12" s="61">
        <v>1</v>
      </c>
      <c r="DV12" s="62">
        <v>2</v>
      </c>
      <c r="DW12" s="443">
        <v>0</v>
      </c>
      <c r="DX12" s="61">
        <v>1</v>
      </c>
      <c r="DY12" s="61">
        <v>3</v>
      </c>
      <c r="DZ12" s="61">
        <v>1</v>
      </c>
      <c r="EA12" s="61">
        <v>0</v>
      </c>
      <c r="EB12" s="61">
        <v>0</v>
      </c>
      <c r="EC12" s="62">
        <v>5</v>
      </c>
      <c r="ED12" s="63">
        <v>7</v>
      </c>
      <c r="EE12" s="60">
        <v>0</v>
      </c>
      <c r="EF12" s="61">
        <v>0</v>
      </c>
      <c r="EG12" s="62">
        <v>0</v>
      </c>
      <c r="EH12" s="443">
        <v>0</v>
      </c>
      <c r="EI12" s="61">
        <v>1</v>
      </c>
      <c r="EJ12" s="61">
        <v>4</v>
      </c>
      <c r="EK12" s="61">
        <v>1</v>
      </c>
      <c r="EL12" s="61">
        <v>1</v>
      </c>
      <c r="EM12" s="61">
        <v>0</v>
      </c>
      <c r="EN12" s="62">
        <v>7</v>
      </c>
      <c r="EO12" s="63">
        <v>7</v>
      </c>
      <c r="EP12" s="60">
        <v>2</v>
      </c>
      <c r="EQ12" s="61">
        <v>1</v>
      </c>
      <c r="ER12" s="62">
        <v>3</v>
      </c>
      <c r="ES12" s="443">
        <v>0</v>
      </c>
      <c r="ET12" s="61">
        <v>5</v>
      </c>
      <c r="EU12" s="61">
        <v>4</v>
      </c>
      <c r="EV12" s="61">
        <v>3</v>
      </c>
      <c r="EW12" s="61">
        <v>0</v>
      </c>
      <c r="EX12" s="61">
        <v>0</v>
      </c>
      <c r="EY12" s="62">
        <v>12</v>
      </c>
      <c r="EZ12" s="63">
        <v>15</v>
      </c>
      <c r="FA12" s="60">
        <v>4</v>
      </c>
      <c r="FB12" s="61">
        <v>3</v>
      </c>
      <c r="FC12" s="62">
        <v>7</v>
      </c>
      <c r="FD12" s="443">
        <v>0</v>
      </c>
      <c r="FE12" s="61">
        <v>9</v>
      </c>
      <c r="FF12" s="61">
        <v>6</v>
      </c>
      <c r="FG12" s="61">
        <v>3</v>
      </c>
      <c r="FH12" s="61">
        <v>1</v>
      </c>
      <c r="FI12" s="61">
        <v>1</v>
      </c>
      <c r="FJ12" s="62">
        <v>20</v>
      </c>
      <c r="FK12" s="63">
        <v>27</v>
      </c>
      <c r="FL12" s="60">
        <v>3</v>
      </c>
      <c r="FM12" s="61">
        <v>2</v>
      </c>
      <c r="FN12" s="62">
        <v>5</v>
      </c>
      <c r="FO12" s="443">
        <v>0</v>
      </c>
      <c r="FP12" s="61">
        <v>9</v>
      </c>
      <c r="FQ12" s="61">
        <v>9</v>
      </c>
      <c r="FR12" s="61">
        <v>14</v>
      </c>
      <c r="FS12" s="61">
        <v>7</v>
      </c>
      <c r="FT12" s="61">
        <v>2</v>
      </c>
      <c r="FU12" s="62">
        <v>41</v>
      </c>
      <c r="FV12" s="63">
        <v>46</v>
      </c>
      <c r="FW12" s="60">
        <v>0</v>
      </c>
      <c r="FX12" s="61">
        <v>0</v>
      </c>
      <c r="FY12" s="62">
        <v>0</v>
      </c>
      <c r="FZ12" s="443">
        <v>0</v>
      </c>
      <c r="GA12" s="61">
        <v>0</v>
      </c>
      <c r="GB12" s="61">
        <v>0</v>
      </c>
      <c r="GC12" s="61">
        <v>0</v>
      </c>
      <c r="GD12" s="61">
        <v>0</v>
      </c>
      <c r="GE12" s="61">
        <v>0</v>
      </c>
      <c r="GF12" s="62">
        <v>0</v>
      </c>
      <c r="GG12" s="63">
        <v>0</v>
      </c>
      <c r="GH12" s="60">
        <v>12</v>
      </c>
      <c r="GI12" s="61">
        <v>7</v>
      </c>
      <c r="GJ12" s="62">
        <v>19</v>
      </c>
      <c r="GK12" s="443">
        <v>0</v>
      </c>
      <c r="GL12" s="61">
        <v>25</v>
      </c>
      <c r="GM12" s="61">
        <v>27</v>
      </c>
      <c r="GN12" s="61">
        <v>22</v>
      </c>
      <c r="GO12" s="61">
        <v>9</v>
      </c>
      <c r="GP12" s="61">
        <v>3</v>
      </c>
      <c r="GQ12" s="62">
        <v>86</v>
      </c>
      <c r="GR12" s="63">
        <v>105</v>
      </c>
      <c r="GS12" s="113">
        <v>114</v>
      </c>
      <c r="GT12" s="72">
        <v>71</v>
      </c>
      <c r="GU12" s="73">
        <v>185</v>
      </c>
      <c r="GV12" s="443">
        <v>0</v>
      </c>
      <c r="GW12" s="72">
        <v>175</v>
      </c>
      <c r="GX12" s="72">
        <v>134</v>
      </c>
      <c r="GY12" s="72">
        <v>117</v>
      </c>
      <c r="GZ12" s="72">
        <v>66</v>
      </c>
      <c r="HA12" s="72">
        <v>48</v>
      </c>
      <c r="HB12" s="74">
        <v>540</v>
      </c>
      <c r="HC12" s="75">
        <v>725</v>
      </c>
      <c r="HD12" s="60">
        <v>3</v>
      </c>
      <c r="HE12" s="61">
        <v>2</v>
      </c>
      <c r="HF12" s="62">
        <v>5</v>
      </c>
      <c r="HG12" s="443">
        <v>0</v>
      </c>
      <c r="HH12" s="61">
        <v>3</v>
      </c>
      <c r="HI12" s="61">
        <v>3</v>
      </c>
      <c r="HJ12" s="61">
        <v>3</v>
      </c>
      <c r="HK12" s="61">
        <v>0</v>
      </c>
      <c r="HL12" s="61">
        <v>0</v>
      </c>
      <c r="HM12" s="62">
        <v>9</v>
      </c>
      <c r="HN12" s="63">
        <v>14</v>
      </c>
      <c r="HO12" s="60">
        <v>2</v>
      </c>
      <c r="HP12" s="61">
        <v>3</v>
      </c>
      <c r="HQ12" s="62">
        <v>5</v>
      </c>
      <c r="HR12" s="443">
        <v>0</v>
      </c>
      <c r="HS12" s="61">
        <v>12</v>
      </c>
      <c r="HT12" s="61">
        <v>10</v>
      </c>
      <c r="HU12" s="61">
        <v>4</v>
      </c>
      <c r="HV12" s="61">
        <v>4</v>
      </c>
      <c r="HW12" s="61">
        <v>5</v>
      </c>
      <c r="HX12" s="62">
        <v>35</v>
      </c>
      <c r="HY12" s="63">
        <v>40</v>
      </c>
      <c r="HZ12" s="60">
        <v>3</v>
      </c>
      <c r="IA12" s="61">
        <v>4</v>
      </c>
      <c r="IB12" s="62">
        <v>7</v>
      </c>
      <c r="IC12" s="443">
        <v>0</v>
      </c>
      <c r="ID12" s="61">
        <v>12</v>
      </c>
      <c r="IE12" s="61">
        <v>19</v>
      </c>
      <c r="IF12" s="61">
        <v>2</v>
      </c>
      <c r="IG12" s="61">
        <v>11</v>
      </c>
      <c r="IH12" s="61">
        <v>3</v>
      </c>
      <c r="II12" s="62">
        <v>47</v>
      </c>
      <c r="IJ12" s="63">
        <v>54</v>
      </c>
      <c r="IK12" s="60">
        <v>21</v>
      </c>
      <c r="IL12" s="61">
        <v>9</v>
      </c>
      <c r="IM12" s="62">
        <v>30</v>
      </c>
      <c r="IN12" s="443">
        <v>0</v>
      </c>
      <c r="IO12" s="61">
        <v>40</v>
      </c>
      <c r="IP12" s="61">
        <v>27</v>
      </c>
      <c r="IQ12" s="61">
        <v>15</v>
      </c>
      <c r="IR12" s="61">
        <v>7</v>
      </c>
      <c r="IS12" s="61">
        <v>9</v>
      </c>
      <c r="IT12" s="62">
        <v>98</v>
      </c>
      <c r="IU12" s="63">
        <v>128</v>
      </c>
      <c r="IV12" s="60">
        <v>43</v>
      </c>
      <c r="IW12" s="61">
        <v>24</v>
      </c>
      <c r="IX12" s="62">
        <v>67</v>
      </c>
      <c r="IY12" s="443">
        <v>0</v>
      </c>
      <c r="IZ12" s="61">
        <v>45</v>
      </c>
      <c r="JA12" s="61">
        <v>25</v>
      </c>
      <c r="JB12" s="61">
        <v>31</v>
      </c>
      <c r="JC12" s="61">
        <v>13</v>
      </c>
      <c r="JD12" s="61">
        <v>13</v>
      </c>
      <c r="JE12" s="62">
        <v>127</v>
      </c>
      <c r="JF12" s="63">
        <v>194</v>
      </c>
      <c r="JG12" s="60">
        <v>42</v>
      </c>
      <c r="JH12" s="61">
        <v>29</v>
      </c>
      <c r="JI12" s="62">
        <v>71</v>
      </c>
      <c r="JJ12" s="443">
        <v>0</v>
      </c>
      <c r="JK12" s="61">
        <v>63</v>
      </c>
      <c r="JL12" s="61">
        <v>50</v>
      </c>
      <c r="JM12" s="61">
        <v>62</v>
      </c>
      <c r="JN12" s="61">
        <v>31</v>
      </c>
      <c r="JO12" s="61">
        <v>18</v>
      </c>
      <c r="JP12" s="62">
        <v>224</v>
      </c>
      <c r="JQ12" s="63">
        <v>295</v>
      </c>
      <c r="JR12" s="60">
        <v>0</v>
      </c>
      <c r="JS12" s="61">
        <v>0</v>
      </c>
      <c r="JT12" s="62">
        <v>0</v>
      </c>
      <c r="JU12" s="443">
        <v>0</v>
      </c>
      <c r="JV12" s="61">
        <v>0</v>
      </c>
      <c r="JW12" s="61">
        <v>0</v>
      </c>
      <c r="JX12" s="61">
        <v>0</v>
      </c>
      <c r="JY12" s="61">
        <v>0</v>
      </c>
      <c r="JZ12" s="61">
        <v>0</v>
      </c>
      <c r="KA12" s="62">
        <v>0</v>
      </c>
      <c r="KB12" s="63">
        <v>0</v>
      </c>
      <c r="KC12" s="60">
        <v>114</v>
      </c>
      <c r="KD12" s="61">
        <v>71</v>
      </c>
      <c r="KE12" s="62">
        <v>185</v>
      </c>
      <c r="KF12" s="443">
        <v>0</v>
      </c>
      <c r="KG12" s="61">
        <v>175</v>
      </c>
      <c r="KH12" s="61">
        <v>134</v>
      </c>
      <c r="KI12" s="61">
        <v>117</v>
      </c>
      <c r="KJ12" s="61">
        <v>66</v>
      </c>
      <c r="KK12" s="61">
        <v>48</v>
      </c>
      <c r="KL12" s="62">
        <v>540</v>
      </c>
      <c r="KM12" s="63">
        <v>725</v>
      </c>
    </row>
    <row r="13" spans="2:299" ht="21" customHeight="1" x14ac:dyDescent="0.2">
      <c r="B13" s="437" t="s">
        <v>9</v>
      </c>
      <c r="C13" s="287">
        <v>186</v>
      </c>
      <c r="D13" s="72">
        <v>96</v>
      </c>
      <c r="E13" s="73">
        <v>282</v>
      </c>
      <c r="F13" s="443">
        <v>0</v>
      </c>
      <c r="G13" s="72">
        <v>219</v>
      </c>
      <c r="H13" s="72">
        <v>120</v>
      </c>
      <c r="I13" s="72">
        <v>117</v>
      </c>
      <c r="J13" s="72">
        <v>86</v>
      </c>
      <c r="K13" s="72">
        <v>45</v>
      </c>
      <c r="L13" s="74">
        <v>587</v>
      </c>
      <c r="M13" s="75">
        <v>869</v>
      </c>
      <c r="N13" s="60">
        <v>1</v>
      </c>
      <c r="O13" s="61">
        <v>0</v>
      </c>
      <c r="P13" s="62">
        <v>1</v>
      </c>
      <c r="Q13" s="443">
        <v>0</v>
      </c>
      <c r="R13" s="61">
        <v>1</v>
      </c>
      <c r="S13" s="61">
        <v>0</v>
      </c>
      <c r="T13" s="61">
        <v>1</v>
      </c>
      <c r="U13" s="61">
        <v>0</v>
      </c>
      <c r="V13" s="61">
        <v>0</v>
      </c>
      <c r="W13" s="62">
        <v>2</v>
      </c>
      <c r="X13" s="63">
        <v>3</v>
      </c>
      <c r="Y13" s="60">
        <v>7</v>
      </c>
      <c r="Z13" s="61">
        <v>0</v>
      </c>
      <c r="AA13" s="62">
        <v>7</v>
      </c>
      <c r="AB13" s="443">
        <v>0</v>
      </c>
      <c r="AC13" s="61">
        <v>3</v>
      </c>
      <c r="AD13" s="61">
        <v>2</v>
      </c>
      <c r="AE13" s="61">
        <v>1</v>
      </c>
      <c r="AF13" s="61">
        <v>0</v>
      </c>
      <c r="AG13" s="61">
        <v>2</v>
      </c>
      <c r="AH13" s="62">
        <v>8</v>
      </c>
      <c r="AI13" s="63">
        <v>15</v>
      </c>
      <c r="AJ13" s="60">
        <v>9</v>
      </c>
      <c r="AK13" s="61">
        <v>4</v>
      </c>
      <c r="AL13" s="62">
        <v>13</v>
      </c>
      <c r="AM13" s="443">
        <v>0</v>
      </c>
      <c r="AN13" s="61">
        <v>8</v>
      </c>
      <c r="AO13" s="61">
        <v>9</v>
      </c>
      <c r="AP13" s="61">
        <v>11</v>
      </c>
      <c r="AQ13" s="61">
        <v>5</v>
      </c>
      <c r="AR13" s="61">
        <v>1</v>
      </c>
      <c r="AS13" s="62">
        <v>34</v>
      </c>
      <c r="AT13" s="63">
        <v>47</v>
      </c>
      <c r="AU13" s="60">
        <v>28</v>
      </c>
      <c r="AV13" s="61">
        <v>19</v>
      </c>
      <c r="AW13" s="62">
        <v>47</v>
      </c>
      <c r="AX13" s="443">
        <v>0</v>
      </c>
      <c r="AY13" s="61">
        <v>38</v>
      </c>
      <c r="AZ13" s="61">
        <v>10</v>
      </c>
      <c r="BA13" s="61">
        <v>17</v>
      </c>
      <c r="BB13" s="61">
        <v>8</v>
      </c>
      <c r="BC13" s="61">
        <v>7</v>
      </c>
      <c r="BD13" s="62">
        <v>80</v>
      </c>
      <c r="BE13" s="63">
        <v>127</v>
      </c>
      <c r="BF13" s="60">
        <v>69</v>
      </c>
      <c r="BG13" s="61">
        <v>39</v>
      </c>
      <c r="BH13" s="62">
        <v>108</v>
      </c>
      <c r="BI13" s="443">
        <v>0</v>
      </c>
      <c r="BJ13" s="61">
        <v>75</v>
      </c>
      <c r="BK13" s="61">
        <v>34</v>
      </c>
      <c r="BL13" s="61">
        <v>35</v>
      </c>
      <c r="BM13" s="61">
        <v>25</v>
      </c>
      <c r="BN13" s="61">
        <v>10</v>
      </c>
      <c r="BO13" s="62">
        <v>179</v>
      </c>
      <c r="BP13" s="63">
        <v>287</v>
      </c>
      <c r="BQ13" s="60">
        <v>72</v>
      </c>
      <c r="BR13" s="61">
        <v>34</v>
      </c>
      <c r="BS13" s="62">
        <v>106</v>
      </c>
      <c r="BT13" s="443">
        <v>0</v>
      </c>
      <c r="BU13" s="61">
        <v>94</v>
      </c>
      <c r="BV13" s="61">
        <v>65</v>
      </c>
      <c r="BW13" s="61">
        <v>52</v>
      </c>
      <c r="BX13" s="61">
        <v>48</v>
      </c>
      <c r="BY13" s="61">
        <v>25</v>
      </c>
      <c r="BZ13" s="62">
        <v>284</v>
      </c>
      <c r="CA13" s="63">
        <v>390</v>
      </c>
      <c r="CB13" s="60">
        <v>0</v>
      </c>
      <c r="CC13" s="61">
        <v>0</v>
      </c>
      <c r="CD13" s="62">
        <v>0</v>
      </c>
      <c r="CE13" s="443">
        <v>0</v>
      </c>
      <c r="CF13" s="61">
        <v>0</v>
      </c>
      <c r="CG13" s="61">
        <v>0</v>
      </c>
      <c r="CH13" s="61">
        <v>0</v>
      </c>
      <c r="CI13" s="61">
        <v>0</v>
      </c>
      <c r="CJ13" s="61">
        <v>0</v>
      </c>
      <c r="CK13" s="62">
        <v>0</v>
      </c>
      <c r="CL13" s="63">
        <v>0</v>
      </c>
      <c r="CM13" s="60">
        <v>186</v>
      </c>
      <c r="CN13" s="61">
        <v>96</v>
      </c>
      <c r="CO13" s="62">
        <v>282</v>
      </c>
      <c r="CP13" s="443">
        <v>0</v>
      </c>
      <c r="CQ13" s="61">
        <v>219</v>
      </c>
      <c r="CR13" s="61">
        <v>120</v>
      </c>
      <c r="CS13" s="61">
        <v>117</v>
      </c>
      <c r="CT13" s="61">
        <v>86</v>
      </c>
      <c r="CU13" s="61">
        <v>45</v>
      </c>
      <c r="CV13" s="62">
        <v>587</v>
      </c>
      <c r="CW13" s="63">
        <v>869</v>
      </c>
      <c r="CX13" s="113">
        <v>31</v>
      </c>
      <c r="CY13" s="72">
        <v>21</v>
      </c>
      <c r="CZ13" s="73">
        <v>52</v>
      </c>
      <c r="DA13" s="443">
        <v>0</v>
      </c>
      <c r="DB13" s="72">
        <v>27</v>
      </c>
      <c r="DC13" s="72">
        <v>24</v>
      </c>
      <c r="DD13" s="72">
        <v>21</v>
      </c>
      <c r="DE13" s="72">
        <v>18</v>
      </c>
      <c r="DF13" s="72">
        <v>10</v>
      </c>
      <c r="DG13" s="74">
        <v>100</v>
      </c>
      <c r="DH13" s="75">
        <v>152</v>
      </c>
      <c r="DI13" s="60">
        <v>0</v>
      </c>
      <c r="DJ13" s="61">
        <v>0</v>
      </c>
      <c r="DK13" s="62">
        <v>0</v>
      </c>
      <c r="DL13" s="443">
        <v>0</v>
      </c>
      <c r="DM13" s="61">
        <v>0</v>
      </c>
      <c r="DN13" s="61">
        <v>2</v>
      </c>
      <c r="DO13" s="61">
        <v>1</v>
      </c>
      <c r="DP13" s="61">
        <v>0</v>
      </c>
      <c r="DQ13" s="61">
        <v>1</v>
      </c>
      <c r="DR13" s="62">
        <v>4</v>
      </c>
      <c r="DS13" s="63">
        <v>4</v>
      </c>
      <c r="DT13" s="60">
        <v>4</v>
      </c>
      <c r="DU13" s="61">
        <v>4</v>
      </c>
      <c r="DV13" s="62">
        <v>8</v>
      </c>
      <c r="DW13" s="443">
        <v>0</v>
      </c>
      <c r="DX13" s="61">
        <v>1</v>
      </c>
      <c r="DY13" s="61">
        <v>0</v>
      </c>
      <c r="DZ13" s="61">
        <v>0</v>
      </c>
      <c r="EA13" s="61">
        <v>0</v>
      </c>
      <c r="EB13" s="61">
        <v>0</v>
      </c>
      <c r="EC13" s="62">
        <v>1</v>
      </c>
      <c r="ED13" s="63">
        <v>9</v>
      </c>
      <c r="EE13" s="60">
        <v>7</v>
      </c>
      <c r="EF13" s="61">
        <v>1</v>
      </c>
      <c r="EG13" s="62">
        <v>8</v>
      </c>
      <c r="EH13" s="443">
        <v>0</v>
      </c>
      <c r="EI13" s="61">
        <v>2</v>
      </c>
      <c r="EJ13" s="61">
        <v>4</v>
      </c>
      <c r="EK13" s="61">
        <v>2</v>
      </c>
      <c r="EL13" s="61">
        <v>0</v>
      </c>
      <c r="EM13" s="61">
        <v>1</v>
      </c>
      <c r="EN13" s="62">
        <v>9</v>
      </c>
      <c r="EO13" s="63">
        <v>17</v>
      </c>
      <c r="EP13" s="60">
        <v>8</v>
      </c>
      <c r="EQ13" s="61">
        <v>4</v>
      </c>
      <c r="ER13" s="62">
        <v>12</v>
      </c>
      <c r="ES13" s="443">
        <v>0</v>
      </c>
      <c r="ET13" s="61">
        <v>6</v>
      </c>
      <c r="EU13" s="61">
        <v>1</v>
      </c>
      <c r="EV13" s="61">
        <v>3</v>
      </c>
      <c r="EW13" s="61">
        <v>2</v>
      </c>
      <c r="EX13" s="61">
        <v>1</v>
      </c>
      <c r="EY13" s="62">
        <v>13</v>
      </c>
      <c r="EZ13" s="63">
        <v>25</v>
      </c>
      <c r="FA13" s="60">
        <v>8</v>
      </c>
      <c r="FB13" s="61">
        <v>7</v>
      </c>
      <c r="FC13" s="62">
        <v>15</v>
      </c>
      <c r="FD13" s="443">
        <v>0</v>
      </c>
      <c r="FE13" s="61">
        <v>6</v>
      </c>
      <c r="FF13" s="61">
        <v>8</v>
      </c>
      <c r="FG13" s="61">
        <v>2</v>
      </c>
      <c r="FH13" s="61">
        <v>4</v>
      </c>
      <c r="FI13" s="61">
        <v>3</v>
      </c>
      <c r="FJ13" s="62">
        <v>23</v>
      </c>
      <c r="FK13" s="63">
        <v>38</v>
      </c>
      <c r="FL13" s="60">
        <v>4</v>
      </c>
      <c r="FM13" s="61">
        <v>5</v>
      </c>
      <c r="FN13" s="62">
        <v>9</v>
      </c>
      <c r="FO13" s="443">
        <v>0</v>
      </c>
      <c r="FP13" s="61">
        <v>12</v>
      </c>
      <c r="FQ13" s="61">
        <v>9</v>
      </c>
      <c r="FR13" s="61">
        <v>13</v>
      </c>
      <c r="FS13" s="61">
        <v>12</v>
      </c>
      <c r="FT13" s="61">
        <v>4</v>
      </c>
      <c r="FU13" s="62">
        <v>50</v>
      </c>
      <c r="FV13" s="63">
        <v>59</v>
      </c>
      <c r="FW13" s="60">
        <v>0</v>
      </c>
      <c r="FX13" s="61">
        <v>0</v>
      </c>
      <c r="FY13" s="62">
        <v>0</v>
      </c>
      <c r="FZ13" s="443">
        <v>0</v>
      </c>
      <c r="GA13" s="61">
        <v>0</v>
      </c>
      <c r="GB13" s="61">
        <v>0</v>
      </c>
      <c r="GC13" s="61">
        <v>0</v>
      </c>
      <c r="GD13" s="61">
        <v>0</v>
      </c>
      <c r="GE13" s="61">
        <v>0</v>
      </c>
      <c r="GF13" s="62">
        <v>0</v>
      </c>
      <c r="GG13" s="63">
        <v>0</v>
      </c>
      <c r="GH13" s="60">
        <v>31</v>
      </c>
      <c r="GI13" s="61">
        <v>21</v>
      </c>
      <c r="GJ13" s="62">
        <v>52</v>
      </c>
      <c r="GK13" s="443">
        <v>0</v>
      </c>
      <c r="GL13" s="61">
        <v>27</v>
      </c>
      <c r="GM13" s="61">
        <v>24</v>
      </c>
      <c r="GN13" s="61">
        <v>21</v>
      </c>
      <c r="GO13" s="61">
        <v>18</v>
      </c>
      <c r="GP13" s="61">
        <v>10</v>
      </c>
      <c r="GQ13" s="62">
        <v>100</v>
      </c>
      <c r="GR13" s="63">
        <v>152</v>
      </c>
      <c r="GS13" s="113">
        <v>217</v>
      </c>
      <c r="GT13" s="72">
        <v>117</v>
      </c>
      <c r="GU13" s="73">
        <v>334</v>
      </c>
      <c r="GV13" s="443">
        <v>0</v>
      </c>
      <c r="GW13" s="72">
        <v>246</v>
      </c>
      <c r="GX13" s="72">
        <v>144</v>
      </c>
      <c r="GY13" s="72">
        <v>138</v>
      </c>
      <c r="GZ13" s="72">
        <v>104</v>
      </c>
      <c r="HA13" s="72">
        <v>55</v>
      </c>
      <c r="HB13" s="74">
        <v>687</v>
      </c>
      <c r="HC13" s="75">
        <v>1021</v>
      </c>
      <c r="HD13" s="60">
        <v>1</v>
      </c>
      <c r="HE13" s="61">
        <v>0</v>
      </c>
      <c r="HF13" s="62">
        <v>1</v>
      </c>
      <c r="HG13" s="443">
        <v>0</v>
      </c>
      <c r="HH13" s="61">
        <v>1</v>
      </c>
      <c r="HI13" s="61">
        <v>2</v>
      </c>
      <c r="HJ13" s="61">
        <v>2</v>
      </c>
      <c r="HK13" s="61">
        <v>0</v>
      </c>
      <c r="HL13" s="61">
        <v>1</v>
      </c>
      <c r="HM13" s="62">
        <v>6</v>
      </c>
      <c r="HN13" s="63">
        <v>7</v>
      </c>
      <c r="HO13" s="60">
        <v>11</v>
      </c>
      <c r="HP13" s="61">
        <v>4</v>
      </c>
      <c r="HQ13" s="62">
        <v>15</v>
      </c>
      <c r="HR13" s="443">
        <v>0</v>
      </c>
      <c r="HS13" s="61">
        <v>4</v>
      </c>
      <c r="HT13" s="61">
        <v>2</v>
      </c>
      <c r="HU13" s="61">
        <v>1</v>
      </c>
      <c r="HV13" s="61">
        <v>0</v>
      </c>
      <c r="HW13" s="61">
        <v>2</v>
      </c>
      <c r="HX13" s="62">
        <v>9</v>
      </c>
      <c r="HY13" s="63">
        <v>24</v>
      </c>
      <c r="HZ13" s="60">
        <v>16</v>
      </c>
      <c r="IA13" s="61">
        <v>5</v>
      </c>
      <c r="IB13" s="62">
        <v>21</v>
      </c>
      <c r="IC13" s="443">
        <v>0</v>
      </c>
      <c r="ID13" s="61">
        <v>10</v>
      </c>
      <c r="IE13" s="61">
        <v>13</v>
      </c>
      <c r="IF13" s="61">
        <v>13</v>
      </c>
      <c r="IG13" s="61">
        <v>5</v>
      </c>
      <c r="IH13" s="61">
        <v>2</v>
      </c>
      <c r="II13" s="62">
        <v>43</v>
      </c>
      <c r="IJ13" s="63">
        <v>64</v>
      </c>
      <c r="IK13" s="60">
        <v>36</v>
      </c>
      <c r="IL13" s="61">
        <v>23</v>
      </c>
      <c r="IM13" s="62">
        <v>59</v>
      </c>
      <c r="IN13" s="443">
        <v>0</v>
      </c>
      <c r="IO13" s="61">
        <v>44</v>
      </c>
      <c r="IP13" s="61">
        <v>11</v>
      </c>
      <c r="IQ13" s="61">
        <v>20</v>
      </c>
      <c r="IR13" s="61">
        <v>10</v>
      </c>
      <c r="IS13" s="61">
        <v>8</v>
      </c>
      <c r="IT13" s="62">
        <v>93</v>
      </c>
      <c r="IU13" s="63">
        <v>152</v>
      </c>
      <c r="IV13" s="60">
        <v>77</v>
      </c>
      <c r="IW13" s="61">
        <v>46</v>
      </c>
      <c r="IX13" s="62">
        <v>123</v>
      </c>
      <c r="IY13" s="443">
        <v>0</v>
      </c>
      <c r="IZ13" s="61">
        <v>81</v>
      </c>
      <c r="JA13" s="61">
        <v>42</v>
      </c>
      <c r="JB13" s="61">
        <v>37</v>
      </c>
      <c r="JC13" s="61">
        <v>29</v>
      </c>
      <c r="JD13" s="61">
        <v>13</v>
      </c>
      <c r="JE13" s="62">
        <v>202</v>
      </c>
      <c r="JF13" s="63">
        <v>325</v>
      </c>
      <c r="JG13" s="60">
        <v>76</v>
      </c>
      <c r="JH13" s="61">
        <v>39</v>
      </c>
      <c r="JI13" s="62">
        <v>115</v>
      </c>
      <c r="JJ13" s="443">
        <v>0</v>
      </c>
      <c r="JK13" s="61">
        <v>106</v>
      </c>
      <c r="JL13" s="61">
        <v>74</v>
      </c>
      <c r="JM13" s="61">
        <v>65</v>
      </c>
      <c r="JN13" s="61">
        <v>60</v>
      </c>
      <c r="JO13" s="61">
        <v>29</v>
      </c>
      <c r="JP13" s="62">
        <v>334</v>
      </c>
      <c r="JQ13" s="63">
        <v>449</v>
      </c>
      <c r="JR13" s="60">
        <v>0</v>
      </c>
      <c r="JS13" s="61">
        <v>0</v>
      </c>
      <c r="JT13" s="62">
        <v>0</v>
      </c>
      <c r="JU13" s="443">
        <v>0</v>
      </c>
      <c r="JV13" s="61">
        <v>0</v>
      </c>
      <c r="JW13" s="61">
        <v>0</v>
      </c>
      <c r="JX13" s="61">
        <v>0</v>
      </c>
      <c r="JY13" s="61">
        <v>0</v>
      </c>
      <c r="JZ13" s="61">
        <v>0</v>
      </c>
      <c r="KA13" s="62">
        <v>0</v>
      </c>
      <c r="KB13" s="63">
        <v>0</v>
      </c>
      <c r="KC13" s="60">
        <v>217</v>
      </c>
      <c r="KD13" s="61">
        <v>117</v>
      </c>
      <c r="KE13" s="62">
        <v>334</v>
      </c>
      <c r="KF13" s="443">
        <v>0</v>
      </c>
      <c r="KG13" s="61">
        <v>246</v>
      </c>
      <c r="KH13" s="61">
        <v>144</v>
      </c>
      <c r="KI13" s="61">
        <v>138</v>
      </c>
      <c r="KJ13" s="61">
        <v>104</v>
      </c>
      <c r="KK13" s="61">
        <v>55</v>
      </c>
      <c r="KL13" s="62">
        <v>687</v>
      </c>
      <c r="KM13" s="63">
        <v>1021</v>
      </c>
    </row>
    <row r="14" spans="2:299" ht="21" customHeight="1" x14ac:dyDescent="0.2">
      <c r="B14" s="437" t="s">
        <v>10</v>
      </c>
      <c r="C14" s="287">
        <v>361</v>
      </c>
      <c r="D14" s="72">
        <v>199</v>
      </c>
      <c r="E14" s="73">
        <v>560</v>
      </c>
      <c r="F14" s="443">
        <v>0</v>
      </c>
      <c r="G14" s="72">
        <v>349</v>
      </c>
      <c r="H14" s="72">
        <v>166</v>
      </c>
      <c r="I14" s="72">
        <v>134</v>
      </c>
      <c r="J14" s="72">
        <v>139</v>
      </c>
      <c r="K14" s="72">
        <v>83</v>
      </c>
      <c r="L14" s="74">
        <v>871</v>
      </c>
      <c r="M14" s="75">
        <v>1431</v>
      </c>
      <c r="N14" s="60">
        <v>5</v>
      </c>
      <c r="O14" s="61">
        <v>3</v>
      </c>
      <c r="P14" s="62">
        <v>8</v>
      </c>
      <c r="Q14" s="443">
        <v>0</v>
      </c>
      <c r="R14" s="61">
        <v>5</v>
      </c>
      <c r="S14" s="61">
        <v>3</v>
      </c>
      <c r="T14" s="61">
        <v>1</v>
      </c>
      <c r="U14" s="61">
        <v>2</v>
      </c>
      <c r="V14" s="61">
        <v>0</v>
      </c>
      <c r="W14" s="62">
        <v>11</v>
      </c>
      <c r="X14" s="63">
        <v>19</v>
      </c>
      <c r="Y14" s="60">
        <v>13</v>
      </c>
      <c r="Z14" s="61">
        <v>5</v>
      </c>
      <c r="AA14" s="62">
        <v>18</v>
      </c>
      <c r="AB14" s="443">
        <v>0</v>
      </c>
      <c r="AC14" s="61">
        <v>14</v>
      </c>
      <c r="AD14" s="61">
        <v>9</v>
      </c>
      <c r="AE14" s="61">
        <v>4</v>
      </c>
      <c r="AF14" s="61">
        <v>6</v>
      </c>
      <c r="AG14" s="61">
        <v>9</v>
      </c>
      <c r="AH14" s="62">
        <v>42</v>
      </c>
      <c r="AI14" s="63">
        <v>60</v>
      </c>
      <c r="AJ14" s="60">
        <v>28</v>
      </c>
      <c r="AK14" s="61">
        <v>8</v>
      </c>
      <c r="AL14" s="62">
        <v>36</v>
      </c>
      <c r="AM14" s="443">
        <v>0</v>
      </c>
      <c r="AN14" s="61">
        <v>25</v>
      </c>
      <c r="AO14" s="61">
        <v>11</v>
      </c>
      <c r="AP14" s="61">
        <v>8</v>
      </c>
      <c r="AQ14" s="61">
        <v>18</v>
      </c>
      <c r="AR14" s="61">
        <v>8</v>
      </c>
      <c r="AS14" s="62">
        <v>70</v>
      </c>
      <c r="AT14" s="63">
        <v>106</v>
      </c>
      <c r="AU14" s="60">
        <v>70</v>
      </c>
      <c r="AV14" s="61">
        <v>37</v>
      </c>
      <c r="AW14" s="62">
        <v>107</v>
      </c>
      <c r="AX14" s="443">
        <v>0</v>
      </c>
      <c r="AY14" s="61">
        <v>74</v>
      </c>
      <c r="AZ14" s="61">
        <v>29</v>
      </c>
      <c r="BA14" s="61">
        <v>24</v>
      </c>
      <c r="BB14" s="61">
        <v>21</v>
      </c>
      <c r="BC14" s="61">
        <v>12</v>
      </c>
      <c r="BD14" s="62">
        <v>160</v>
      </c>
      <c r="BE14" s="63">
        <v>267</v>
      </c>
      <c r="BF14" s="60">
        <v>145</v>
      </c>
      <c r="BG14" s="61">
        <v>82</v>
      </c>
      <c r="BH14" s="62">
        <v>227</v>
      </c>
      <c r="BI14" s="443">
        <v>0</v>
      </c>
      <c r="BJ14" s="61">
        <v>115</v>
      </c>
      <c r="BK14" s="61">
        <v>47</v>
      </c>
      <c r="BL14" s="61">
        <v>29</v>
      </c>
      <c r="BM14" s="61">
        <v>38</v>
      </c>
      <c r="BN14" s="61">
        <v>19</v>
      </c>
      <c r="BO14" s="62">
        <v>248</v>
      </c>
      <c r="BP14" s="63">
        <v>475</v>
      </c>
      <c r="BQ14" s="60">
        <v>100</v>
      </c>
      <c r="BR14" s="61">
        <v>64</v>
      </c>
      <c r="BS14" s="62">
        <v>164</v>
      </c>
      <c r="BT14" s="443">
        <v>0</v>
      </c>
      <c r="BU14" s="61">
        <v>116</v>
      </c>
      <c r="BV14" s="61">
        <v>67</v>
      </c>
      <c r="BW14" s="61">
        <v>68</v>
      </c>
      <c r="BX14" s="61">
        <v>54</v>
      </c>
      <c r="BY14" s="61">
        <v>35</v>
      </c>
      <c r="BZ14" s="62">
        <v>340</v>
      </c>
      <c r="CA14" s="63">
        <v>504</v>
      </c>
      <c r="CB14" s="60">
        <v>0</v>
      </c>
      <c r="CC14" s="61">
        <v>0</v>
      </c>
      <c r="CD14" s="62">
        <v>0</v>
      </c>
      <c r="CE14" s="443">
        <v>0</v>
      </c>
      <c r="CF14" s="61">
        <v>0</v>
      </c>
      <c r="CG14" s="61">
        <v>0</v>
      </c>
      <c r="CH14" s="61">
        <v>0</v>
      </c>
      <c r="CI14" s="61">
        <v>0</v>
      </c>
      <c r="CJ14" s="61">
        <v>0</v>
      </c>
      <c r="CK14" s="62">
        <v>0</v>
      </c>
      <c r="CL14" s="63">
        <v>0</v>
      </c>
      <c r="CM14" s="60">
        <v>361</v>
      </c>
      <c r="CN14" s="61">
        <v>199</v>
      </c>
      <c r="CO14" s="62">
        <v>560</v>
      </c>
      <c r="CP14" s="443">
        <v>0</v>
      </c>
      <c r="CQ14" s="61">
        <v>349</v>
      </c>
      <c r="CR14" s="61">
        <v>166</v>
      </c>
      <c r="CS14" s="61">
        <v>134</v>
      </c>
      <c r="CT14" s="61">
        <v>139</v>
      </c>
      <c r="CU14" s="61">
        <v>83</v>
      </c>
      <c r="CV14" s="62">
        <v>871</v>
      </c>
      <c r="CW14" s="63">
        <v>1431</v>
      </c>
      <c r="CX14" s="113">
        <v>42</v>
      </c>
      <c r="CY14" s="72">
        <v>31</v>
      </c>
      <c r="CZ14" s="73">
        <v>73</v>
      </c>
      <c r="DA14" s="443">
        <v>0</v>
      </c>
      <c r="DB14" s="72">
        <v>54</v>
      </c>
      <c r="DC14" s="72">
        <v>20</v>
      </c>
      <c r="DD14" s="72">
        <v>22</v>
      </c>
      <c r="DE14" s="72">
        <v>27</v>
      </c>
      <c r="DF14" s="72">
        <v>20</v>
      </c>
      <c r="DG14" s="74">
        <v>143</v>
      </c>
      <c r="DH14" s="75">
        <v>216</v>
      </c>
      <c r="DI14" s="60">
        <v>0</v>
      </c>
      <c r="DJ14" s="61">
        <v>2</v>
      </c>
      <c r="DK14" s="62">
        <v>2</v>
      </c>
      <c r="DL14" s="443">
        <v>0</v>
      </c>
      <c r="DM14" s="61">
        <v>0</v>
      </c>
      <c r="DN14" s="61">
        <v>1</v>
      </c>
      <c r="DO14" s="61">
        <v>1</v>
      </c>
      <c r="DP14" s="61">
        <v>0</v>
      </c>
      <c r="DQ14" s="61">
        <v>1</v>
      </c>
      <c r="DR14" s="62">
        <v>3</v>
      </c>
      <c r="DS14" s="63">
        <v>5</v>
      </c>
      <c r="DT14" s="60">
        <v>5</v>
      </c>
      <c r="DU14" s="61">
        <v>2</v>
      </c>
      <c r="DV14" s="62">
        <v>7</v>
      </c>
      <c r="DW14" s="443">
        <v>0</v>
      </c>
      <c r="DX14" s="61">
        <v>0</v>
      </c>
      <c r="DY14" s="61">
        <v>0</v>
      </c>
      <c r="DZ14" s="61">
        <v>1</v>
      </c>
      <c r="EA14" s="61">
        <v>3</v>
      </c>
      <c r="EB14" s="61">
        <v>0</v>
      </c>
      <c r="EC14" s="62">
        <v>4</v>
      </c>
      <c r="ED14" s="63">
        <v>11</v>
      </c>
      <c r="EE14" s="60">
        <v>2</v>
      </c>
      <c r="EF14" s="61">
        <v>2</v>
      </c>
      <c r="EG14" s="62">
        <v>4</v>
      </c>
      <c r="EH14" s="443">
        <v>0</v>
      </c>
      <c r="EI14" s="61">
        <v>3</v>
      </c>
      <c r="EJ14" s="61">
        <v>1</v>
      </c>
      <c r="EK14" s="61">
        <v>1</v>
      </c>
      <c r="EL14" s="61">
        <v>0</v>
      </c>
      <c r="EM14" s="61">
        <v>0</v>
      </c>
      <c r="EN14" s="62">
        <v>5</v>
      </c>
      <c r="EO14" s="63">
        <v>9</v>
      </c>
      <c r="EP14" s="60">
        <v>8</v>
      </c>
      <c r="EQ14" s="61">
        <v>3</v>
      </c>
      <c r="ER14" s="62">
        <v>11</v>
      </c>
      <c r="ES14" s="443">
        <v>0</v>
      </c>
      <c r="ET14" s="61">
        <v>7</v>
      </c>
      <c r="EU14" s="61">
        <v>2</v>
      </c>
      <c r="EV14" s="61">
        <v>3</v>
      </c>
      <c r="EW14" s="61">
        <v>3</v>
      </c>
      <c r="EX14" s="61">
        <v>1</v>
      </c>
      <c r="EY14" s="62">
        <v>16</v>
      </c>
      <c r="EZ14" s="63">
        <v>27</v>
      </c>
      <c r="FA14" s="60">
        <v>21</v>
      </c>
      <c r="FB14" s="61">
        <v>11</v>
      </c>
      <c r="FC14" s="62">
        <v>32</v>
      </c>
      <c r="FD14" s="443">
        <v>0</v>
      </c>
      <c r="FE14" s="61">
        <v>19</v>
      </c>
      <c r="FF14" s="61">
        <v>5</v>
      </c>
      <c r="FG14" s="61">
        <v>5</v>
      </c>
      <c r="FH14" s="61">
        <v>6</v>
      </c>
      <c r="FI14" s="61">
        <v>9</v>
      </c>
      <c r="FJ14" s="62">
        <v>44</v>
      </c>
      <c r="FK14" s="63">
        <v>76</v>
      </c>
      <c r="FL14" s="60">
        <v>6</v>
      </c>
      <c r="FM14" s="61">
        <v>11</v>
      </c>
      <c r="FN14" s="62">
        <v>17</v>
      </c>
      <c r="FO14" s="443">
        <v>0</v>
      </c>
      <c r="FP14" s="61">
        <v>25</v>
      </c>
      <c r="FQ14" s="61">
        <v>11</v>
      </c>
      <c r="FR14" s="61">
        <v>11</v>
      </c>
      <c r="FS14" s="61">
        <v>15</v>
      </c>
      <c r="FT14" s="61">
        <v>9</v>
      </c>
      <c r="FU14" s="62">
        <v>71</v>
      </c>
      <c r="FV14" s="63">
        <v>88</v>
      </c>
      <c r="FW14" s="60">
        <v>0</v>
      </c>
      <c r="FX14" s="61">
        <v>0</v>
      </c>
      <c r="FY14" s="62">
        <v>0</v>
      </c>
      <c r="FZ14" s="443">
        <v>0</v>
      </c>
      <c r="GA14" s="61">
        <v>0</v>
      </c>
      <c r="GB14" s="61">
        <v>0</v>
      </c>
      <c r="GC14" s="61">
        <v>0</v>
      </c>
      <c r="GD14" s="61">
        <v>0</v>
      </c>
      <c r="GE14" s="61">
        <v>0</v>
      </c>
      <c r="GF14" s="62">
        <v>0</v>
      </c>
      <c r="GG14" s="63">
        <v>0</v>
      </c>
      <c r="GH14" s="60">
        <v>42</v>
      </c>
      <c r="GI14" s="61">
        <v>31</v>
      </c>
      <c r="GJ14" s="62">
        <v>73</v>
      </c>
      <c r="GK14" s="443">
        <v>0</v>
      </c>
      <c r="GL14" s="61">
        <v>54</v>
      </c>
      <c r="GM14" s="61">
        <v>20</v>
      </c>
      <c r="GN14" s="61">
        <v>22</v>
      </c>
      <c r="GO14" s="61">
        <v>27</v>
      </c>
      <c r="GP14" s="61">
        <v>20</v>
      </c>
      <c r="GQ14" s="62">
        <v>143</v>
      </c>
      <c r="GR14" s="63">
        <v>216</v>
      </c>
      <c r="GS14" s="113">
        <v>403</v>
      </c>
      <c r="GT14" s="72">
        <v>230</v>
      </c>
      <c r="GU14" s="73">
        <v>633</v>
      </c>
      <c r="GV14" s="443">
        <v>0</v>
      </c>
      <c r="GW14" s="72">
        <v>403</v>
      </c>
      <c r="GX14" s="72">
        <v>186</v>
      </c>
      <c r="GY14" s="72">
        <v>156</v>
      </c>
      <c r="GZ14" s="72">
        <v>166</v>
      </c>
      <c r="HA14" s="72">
        <v>103</v>
      </c>
      <c r="HB14" s="74">
        <v>1014</v>
      </c>
      <c r="HC14" s="75">
        <v>1647</v>
      </c>
      <c r="HD14" s="60">
        <v>5</v>
      </c>
      <c r="HE14" s="61">
        <v>5</v>
      </c>
      <c r="HF14" s="62">
        <v>10</v>
      </c>
      <c r="HG14" s="443">
        <v>0</v>
      </c>
      <c r="HH14" s="61">
        <v>5</v>
      </c>
      <c r="HI14" s="61">
        <v>4</v>
      </c>
      <c r="HJ14" s="61">
        <v>2</v>
      </c>
      <c r="HK14" s="61">
        <v>2</v>
      </c>
      <c r="HL14" s="61">
        <v>1</v>
      </c>
      <c r="HM14" s="62">
        <v>14</v>
      </c>
      <c r="HN14" s="63">
        <v>24</v>
      </c>
      <c r="HO14" s="60">
        <v>18</v>
      </c>
      <c r="HP14" s="61">
        <v>7</v>
      </c>
      <c r="HQ14" s="62">
        <v>25</v>
      </c>
      <c r="HR14" s="443">
        <v>0</v>
      </c>
      <c r="HS14" s="61">
        <v>14</v>
      </c>
      <c r="HT14" s="61">
        <v>9</v>
      </c>
      <c r="HU14" s="61">
        <v>5</v>
      </c>
      <c r="HV14" s="61">
        <v>9</v>
      </c>
      <c r="HW14" s="61">
        <v>9</v>
      </c>
      <c r="HX14" s="62">
        <v>46</v>
      </c>
      <c r="HY14" s="63">
        <v>71</v>
      </c>
      <c r="HZ14" s="60">
        <v>30</v>
      </c>
      <c r="IA14" s="61">
        <v>10</v>
      </c>
      <c r="IB14" s="62">
        <v>40</v>
      </c>
      <c r="IC14" s="443">
        <v>0</v>
      </c>
      <c r="ID14" s="61">
        <v>28</v>
      </c>
      <c r="IE14" s="61">
        <v>12</v>
      </c>
      <c r="IF14" s="61">
        <v>9</v>
      </c>
      <c r="IG14" s="61">
        <v>18</v>
      </c>
      <c r="IH14" s="61">
        <v>8</v>
      </c>
      <c r="II14" s="62">
        <v>75</v>
      </c>
      <c r="IJ14" s="63">
        <v>115</v>
      </c>
      <c r="IK14" s="60">
        <v>78</v>
      </c>
      <c r="IL14" s="61">
        <v>40</v>
      </c>
      <c r="IM14" s="62">
        <v>118</v>
      </c>
      <c r="IN14" s="443">
        <v>0</v>
      </c>
      <c r="IO14" s="61">
        <v>81</v>
      </c>
      <c r="IP14" s="61">
        <v>31</v>
      </c>
      <c r="IQ14" s="61">
        <v>27</v>
      </c>
      <c r="IR14" s="61">
        <v>24</v>
      </c>
      <c r="IS14" s="61">
        <v>13</v>
      </c>
      <c r="IT14" s="62">
        <v>176</v>
      </c>
      <c r="IU14" s="63">
        <v>294</v>
      </c>
      <c r="IV14" s="60">
        <v>166</v>
      </c>
      <c r="IW14" s="61">
        <v>93</v>
      </c>
      <c r="IX14" s="62">
        <v>259</v>
      </c>
      <c r="IY14" s="443">
        <v>0</v>
      </c>
      <c r="IZ14" s="61">
        <v>134</v>
      </c>
      <c r="JA14" s="61">
        <v>52</v>
      </c>
      <c r="JB14" s="61">
        <v>34</v>
      </c>
      <c r="JC14" s="61">
        <v>44</v>
      </c>
      <c r="JD14" s="61">
        <v>28</v>
      </c>
      <c r="JE14" s="62">
        <v>292</v>
      </c>
      <c r="JF14" s="63">
        <v>551</v>
      </c>
      <c r="JG14" s="60">
        <v>106</v>
      </c>
      <c r="JH14" s="61">
        <v>75</v>
      </c>
      <c r="JI14" s="62">
        <v>181</v>
      </c>
      <c r="JJ14" s="443">
        <v>0</v>
      </c>
      <c r="JK14" s="61">
        <v>141</v>
      </c>
      <c r="JL14" s="61">
        <v>78</v>
      </c>
      <c r="JM14" s="61">
        <v>79</v>
      </c>
      <c r="JN14" s="61">
        <v>69</v>
      </c>
      <c r="JO14" s="61">
        <v>44</v>
      </c>
      <c r="JP14" s="62">
        <v>411</v>
      </c>
      <c r="JQ14" s="63">
        <v>592</v>
      </c>
      <c r="JR14" s="60">
        <v>0</v>
      </c>
      <c r="JS14" s="61">
        <v>0</v>
      </c>
      <c r="JT14" s="62">
        <v>0</v>
      </c>
      <c r="JU14" s="443">
        <v>0</v>
      </c>
      <c r="JV14" s="61">
        <v>0</v>
      </c>
      <c r="JW14" s="61">
        <v>0</v>
      </c>
      <c r="JX14" s="61">
        <v>0</v>
      </c>
      <c r="JY14" s="61">
        <v>0</v>
      </c>
      <c r="JZ14" s="61">
        <v>0</v>
      </c>
      <c r="KA14" s="62">
        <v>0</v>
      </c>
      <c r="KB14" s="63">
        <v>0</v>
      </c>
      <c r="KC14" s="60">
        <v>403</v>
      </c>
      <c r="KD14" s="61">
        <v>230</v>
      </c>
      <c r="KE14" s="62">
        <v>633</v>
      </c>
      <c r="KF14" s="443">
        <v>0</v>
      </c>
      <c r="KG14" s="61">
        <v>403</v>
      </c>
      <c r="KH14" s="61">
        <v>186</v>
      </c>
      <c r="KI14" s="61">
        <v>156</v>
      </c>
      <c r="KJ14" s="61">
        <v>166</v>
      </c>
      <c r="KK14" s="61">
        <v>103</v>
      </c>
      <c r="KL14" s="62">
        <v>1014</v>
      </c>
      <c r="KM14" s="63">
        <v>1647</v>
      </c>
    </row>
    <row r="15" spans="2:299" ht="21" customHeight="1" x14ac:dyDescent="0.2">
      <c r="B15" s="437" t="s">
        <v>11</v>
      </c>
      <c r="C15" s="287">
        <v>81</v>
      </c>
      <c r="D15" s="72">
        <v>65</v>
      </c>
      <c r="E15" s="73">
        <v>146</v>
      </c>
      <c r="F15" s="443">
        <v>0</v>
      </c>
      <c r="G15" s="72">
        <v>140</v>
      </c>
      <c r="H15" s="72">
        <v>84</v>
      </c>
      <c r="I15" s="72">
        <v>58</v>
      </c>
      <c r="J15" s="72">
        <v>65</v>
      </c>
      <c r="K15" s="72">
        <v>27</v>
      </c>
      <c r="L15" s="74">
        <v>374</v>
      </c>
      <c r="M15" s="75">
        <v>520</v>
      </c>
      <c r="N15" s="60">
        <v>0</v>
      </c>
      <c r="O15" s="61">
        <v>0</v>
      </c>
      <c r="P15" s="62">
        <v>0</v>
      </c>
      <c r="Q15" s="443">
        <v>0</v>
      </c>
      <c r="R15" s="61">
        <v>6</v>
      </c>
      <c r="S15" s="61">
        <v>1</v>
      </c>
      <c r="T15" s="61">
        <v>1</v>
      </c>
      <c r="U15" s="61">
        <v>1</v>
      </c>
      <c r="V15" s="61">
        <v>0</v>
      </c>
      <c r="W15" s="62">
        <v>9</v>
      </c>
      <c r="X15" s="63">
        <v>9</v>
      </c>
      <c r="Y15" s="60">
        <v>4</v>
      </c>
      <c r="Z15" s="61">
        <v>3</v>
      </c>
      <c r="AA15" s="62">
        <v>7</v>
      </c>
      <c r="AB15" s="443">
        <v>0</v>
      </c>
      <c r="AC15" s="61">
        <v>7</v>
      </c>
      <c r="AD15" s="61">
        <v>7</v>
      </c>
      <c r="AE15" s="61">
        <v>7</v>
      </c>
      <c r="AF15" s="61">
        <v>6</v>
      </c>
      <c r="AG15" s="61">
        <v>2</v>
      </c>
      <c r="AH15" s="62">
        <v>29</v>
      </c>
      <c r="AI15" s="63">
        <v>36</v>
      </c>
      <c r="AJ15" s="60">
        <v>5</v>
      </c>
      <c r="AK15" s="61">
        <v>5</v>
      </c>
      <c r="AL15" s="62">
        <v>10</v>
      </c>
      <c r="AM15" s="443">
        <v>0</v>
      </c>
      <c r="AN15" s="61">
        <v>10</v>
      </c>
      <c r="AO15" s="61">
        <v>5</v>
      </c>
      <c r="AP15" s="61">
        <v>8</v>
      </c>
      <c r="AQ15" s="61">
        <v>3</v>
      </c>
      <c r="AR15" s="61">
        <v>0</v>
      </c>
      <c r="AS15" s="62">
        <v>26</v>
      </c>
      <c r="AT15" s="63">
        <v>36</v>
      </c>
      <c r="AU15" s="60">
        <v>12</v>
      </c>
      <c r="AV15" s="61">
        <v>10</v>
      </c>
      <c r="AW15" s="62">
        <v>22</v>
      </c>
      <c r="AX15" s="443">
        <v>0</v>
      </c>
      <c r="AY15" s="61">
        <v>23</v>
      </c>
      <c r="AZ15" s="61">
        <v>14</v>
      </c>
      <c r="BA15" s="61">
        <v>8</v>
      </c>
      <c r="BB15" s="61">
        <v>8</v>
      </c>
      <c r="BC15" s="61">
        <v>3</v>
      </c>
      <c r="BD15" s="62">
        <v>56</v>
      </c>
      <c r="BE15" s="63">
        <v>78</v>
      </c>
      <c r="BF15" s="60">
        <v>32</v>
      </c>
      <c r="BG15" s="61">
        <v>23</v>
      </c>
      <c r="BH15" s="62">
        <v>55</v>
      </c>
      <c r="BI15" s="443">
        <v>0</v>
      </c>
      <c r="BJ15" s="61">
        <v>40</v>
      </c>
      <c r="BK15" s="61">
        <v>20</v>
      </c>
      <c r="BL15" s="61">
        <v>11</v>
      </c>
      <c r="BM15" s="61">
        <v>27</v>
      </c>
      <c r="BN15" s="61">
        <v>11</v>
      </c>
      <c r="BO15" s="62">
        <v>109</v>
      </c>
      <c r="BP15" s="63">
        <v>164</v>
      </c>
      <c r="BQ15" s="60">
        <v>28</v>
      </c>
      <c r="BR15" s="61">
        <v>24</v>
      </c>
      <c r="BS15" s="62">
        <v>52</v>
      </c>
      <c r="BT15" s="443">
        <v>0</v>
      </c>
      <c r="BU15" s="61">
        <v>54</v>
      </c>
      <c r="BV15" s="61">
        <v>37</v>
      </c>
      <c r="BW15" s="61">
        <v>23</v>
      </c>
      <c r="BX15" s="61">
        <v>20</v>
      </c>
      <c r="BY15" s="61">
        <v>11</v>
      </c>
      <c r="BZ15" s="62">
        <v>145</v>
      </c>
      <c r="CA15" s="63">
        <v>197</v>
      </c>
      <c r="CB15" s="60">
        <v>0</v>
      </c>
      <c r="CC15" s="61">
        <v>0</v>
      </c>
      <c r="CD15" s="62">
        <v>0</v>
      </c>
      <c r="CE15" s="443">
        <v>0</v>
      </c>
      <c r="CF15" s="61">
        <v>0</v>
      </c>
      <c r="CG15" s="61">
        <v>0</v>
      </c>
      <c r="CH15" s="61">
        <v>0</v>
      </c>
      <c r="CI15" s="61">
        <v>0</v>
      </c>
      <c r="CJ15" s="61">
        <v>0</v>
      </c>
      <c r="CK15" s="62">
        <v>0</v>
      </c>
      <c r="CL15" s="63">
        <v>0</v>
      </c>
      <c r="CM15" s="60">
        <v>81</v>
      </c>
      <c r="CN15" s="61">
        <v>65</v>
      </c>
      <c r="CO15" s="62">
        <v>146</v>
      </c>
      <c r="CP15" s="443">
        <v>0</v>
      </c>
      <c r="CQ15" s="61">
        <v>140</v>
      </c>
      <c r="CR15" s="61">
        <v>84</v>
      </c>
      <c r="CS15" s="61">
        <v>58</v>
      </c>
      <c r="CT15" s="61">
        <v>65</v>
      </c>
      <c r="CU15" s="61">
        <v>27</v>
      </c>
      <c r="CV15" s="62">
        <v>374</v>
      </c>
      <c r="CW15" s="63">
        <v>520</v>
      </c>
      <c r="CX15" s="113">
        <v>7</v>
      </c>
      <c r="CY15" s="72">
        <v>10</v>
      </c>
      <c r="CZ15" s="73">
        <v>17</v>
      </c>
      <c r="DA15" s="443">
        <v>0</v>
      </c>
      <c r="DB15" s="72">
        <v>16</v>
      </c>
      <c r="DC15" s="72">
        <v>16</v>
      </c>
      <c r="DD15" s="72">
        <v>7</v>
      </c>
      <c r="DE15" s="72">
        <v>19</v>
      </c>
      <c r="DF15" s="72">
        <v>5</v>
      </c>
      <c r="DG15" s="74">
        <v>63</v>
      </c>
      <c r="DH15" s="75">
        <v>80</v>
      </c>
      <c r="DI15" s="60">
        <v>0</v>
      </c>
      <c r="DJ15" s="61">
        <v>0</v>
      </c>
      <c r="DK15" s="62">
        <v>0</v>
      </c>
      <c r="DL15" s="443">
        <v>0</v>
      </c>
      <c r="DM15" s="61">
        <v>1</v>
      </c>
      <c r="DN15" s="61">
        <v>0</v>
      </c>
      <c r="DO15" s="61">
        <v>0</v>
      </c>
      <c r="DP15" s="61">
        <v>0</v>
      </c>
      <c r="DQ15" s="61">
        <v>0</v>
      </c>
      <c r="DR15" s="62">
        <v>1</v>
      </c>
      <c r="DS15" s="63">
        <v>1</v>
      </c>
      <c r="DT15" s="60">
        <v>1</v>
      </c>
      <c r="DU15" s="61">
        <v>0</v>
      </c>
      <c r="DV15" s="62">
        <v>1</v>
      </c>
      <c r="DW15" s="443">
        <v>0</v>
      </c>
      <c r="DX15" s="61">
        <v>1</v>
      </c>
      <c r="DY15" s="61">
        <v>0</v>
      </c>
      <c r="DZ15" s="61">
        <v>1</v>
      </c>
      <c r="EA15" s="61">
        <v>0</v>
      </c>
      <c r="EB15" s="61">
        <v>0</v>
      </c>
      <c r="EC15" s="62">
        <v>2</v>
      </c>
      <c r="ED15" s="63">
        <v>3</v>
      </c>
      <c r="EE15" s="60">
        <v>1</v>
      </c>
      <c r="EF15" s="61">
        <v>0</v>
      </c>
      <c r="EG15" s="62">
        <v>1</v>
      </c>
      <c r="EH15" s="443">
        <v>0</v>
      </c>
      <c r="EI15" s="61">
        <v>2</v>
      </c>
      <c r="EJ15" s="61">
        <v>2</v>
      </c>
      <c r="EK15" s="61">
        <v>0</v>
      </c>
      <c r="EL15" s="61">
        <v>1</v>
      </c>
      <c r="EM15" s="61">
        <v>2</v>
      </c>
      <c r="EN15" s="62">
        <v>7</v>
      </c>
      <c r="EO15" s="63">
        <v>8</v>
      </c>
      <c r="EP15" s="60">
        <v>2</v>
      </c>
      <c r="EQ15" s="61">
        <v>1</v>
      </c>
      <c r="ER15" s="62">
        <v>3</v>
      </c>
      <c r="ES15" s="443">
        <v>0</v>
      </c>
      <c r="ET15" s="61">
        <v>2</v>
      </c>
      <c r="EU15" s="61">
        <v>3</v>
      </c>
      <c r="EV15" s="61">
        <v>1</v>
      </c>
      <c r="EW15" s="61">
        <v>0</v>
      </c>
      <c r="EX15" s="61">
        <v>0</v>
      </c>
      <c r="EY15" s="62">
        <v>6</v>
      </c>
      <c r="EZ15" s="63">
        <v>9</v>
      </c>
      <c r="FA15" s="60">
        <v>1</v>
      </c>
      <c r="FB15" s="61">
        <v>6</v>
      </c>
      <c r="FC15" s="62">
        <v>7</v>
      </c>
      <c r="FD15" s="443">
        <v>0</v>
      </c>
      <c r="FE15" s="61">
        <v>5</v>
      </c>
      <c r="FF15" s="61">
        <v>6</v>
      </c>
      <c r="FG15" s="61">
        <v>1</v>
      </c>
      <c r="FH15" s="61">
        <v>4</v>
      </c>
      <c r="FI15" s="61">
        <v>0</v>
      </c>
      <c r="FJ15" s="62">
        <v>16</v>
      </c>
      <c r="FK15" s="63">
        <v>23</v>
      </c>
      <c r="FL15" s="60">
        <v>2</v>
      </c>
      <c r="FM15" s="61">
        <v>3</v>
      </c>
      <c r="FN15" s="62">
        <v>5</v>
      </c>
      <c r="FO15" s="443">
        <v>0</v>
      </c>
      <c r="FP15" s="61">
        <v>5</v>
      </c>
      <c r="FQ15" s="61">
        <v>5</v>
      </c>
      <c r="FR15" s="61">
        <v>4</v>
      </c>
      <c r="FS15" s="61">
        <v>14</v>
      </c>
      <c r="FT15" s="61">
        <v>3</v>
      </c>
      <c r="FU15" s="62">
        <v>31</v>
      </c>
      <c r="FV15" s="63">
        <v>36</v>
      </c>
      <c r="FW15" s="60">
        <v>0</v>
      </c>
      <c r="FX15" s="61">
        <v>0</v>
      </c>
      <c r="FY15" s="62">
        <v>0</v>
      </c>
      <c r="FZ15" s="443">
        <v>0</v>
      </c>
      <c r="GA15" s="61">
        <v>0</v>
      </c>
      <c r="GB15" s="61">
        <v>0</v>
      </c>
      <c r="GC15" s="61">
        <v>0</v>
      </c>
      <c r="GD15" s="61">
        <v>0</v>
      </c>
      <c r="GE15" s="61">
        <v>0</v>
      </c>
      <c r="GF15" s="62">
        <v>0</v>
      </c>
      <c r="GG15" s="63">
        <v>0</v>
      </c>
      <c r="GH15" s="60">
        <v>7</v>
      </c>
      <c r="GI15" s="61">
        <v>10</v>
      </c>
      <c r="GJ15" s="62">
        <v>17</v>
      </c>
      <c r="GK15" s="443">
        <v>0</v>
      </c>
      <c r="GL15" s="61">
        <v>16</v>
      </c>
      <c r="GM15" s="61">
        <v>16</v>
      </c>
      <c r="GN15" s="61">
        <v>7</v>
      </c>
      <c r="GO15" s="61">
        <v>19</v>
      </c>
      <c r="GP15" s="61">
        <v>5</v>
      </c>
      <c r="GQ15" s="62">
        <v>63</v>
      </c>
      <c r="GR15" s="63">
        <v>80</v>
      </c>
      <c r="GS15" s="113">
        <v>88</v>
      </c>
      <c r="GT15" s="72">
        <v>75</v>
      </c>
      <c r="GU15" s="73">
        <v>163</v>
      </c>
      <c r="GV15" s="443">
        <v>0</v>
      </c>
      <c r="GW15" s="72">
        <v>156</v>
      </c>
      <c r="GX15" s="72">
        <v>100</v>
      </c>
      <c r="GY15" s="72">
        <v>65</v>
      </c>
      <c r="GZ15" s="72">
        <v>84</v>
      </c>
      <c r="HA15" s="72">
        <v>32</v>
      </c>
      <c r="HB15" s="74">
        <v>437</v>
      </c>
      <c r="HC15" s="75">
        <v>600</v>
      </c>
      <c r="HD15" s="60">
        <v>0</v>
      </c>
      <c r="HE15" s="61">
        <v>0</v>
      </c>
      <c r="HF15" s="62">
        <v>0</v>
      </c>
      <c r="HG15" s="443">
        <v>0</v>
      </c>
      <c r="HH15" s="61">
        <v>7</v>
      </c>
      <c r="HI15" s="61">
        <v>1</v>
      </c>
      <c r="HJ15" s="61">
        <v>1</v>
      </c>
      <c r="HK15" s="61">
        <v>1</v>
      </c>
      <c r="HL15" s="61">
        <v>0</v>
      </c>
      <c r="HM15" s="62">
        <v>10</v>
      </c>
      <c r="HN15" s="63">
        <v>10</v>
      </c>
      <c r="HO15" s="60">
        <v>5</v>
      </c>
      <c r="HP15" s="61">
        <v>3</v>
      </c>
      <c r="HQ15" s="62">
        <v>8</v>
      </c>
      <c r="HR15" s="443">
        <v>0</v>
      </c>
      <c r="HS15" s="61">
        <v>8</v>
      </c>
      <c r="HT15" s="61">
        <v>7</v>
      </c>
      <c r="HU15" s="61">
        <v>8</v>
      </c>
      <c r="HV15" s="61">
        <v>6</v>
      </c>
      <c r="HW15" s="61">
        <v>2</v>
      </c>
      <c r="HX15" s="62">
        <v>31</v>
      </c>
      <c r="HY15" s="63">
        <v>39</v>
      </c>
      <c r="HZ15" s="60">
        <v>6</v>
      </c>
      <c r="IA15" s="61">
        <v>5</v>
      </c>
      <c r="IB15" s="62">
        <v>11</v>
      </c>
      <c r="IC15" s="443">
        <v>0</v>
      </c>
      <c r="ID15" s="61">
        <v>12</v>
      </c>
      <c r="IE15" s="61">
        <v>7</v>
      </c>
      <c r="IF15" s="61">
        <v>8</v>
      </c>
      <c r="IG15" s="61">
        <v>4</v>
      </c>
      <c r="IH15" s="61">
        <v>2</v>
      </c>
      <c r="II15" s="62">
        <v>33</v>
      </c>
      <c r="IJ15" s="63">
        <v>44</v>
      </c>
      <c r="IK15" s="60">
        <v>14</v>
      </c>
      <c r="IL15" s="61">
        <v>11</v>
      </c>
      <c r="IM15" s="62">
        <v>25</v>
      </c>
      <c r="IN15" s="443">
        <v>0</v>
      </c>
      <c r="IO15" s="61">
        <v>25</v>
      </c>
      <c r="IP15" s="61">
        <v>17</v>
      </c>
      <c r="IQ15" s="61">
        <v>9</v>
      </c>
      <c r="IR15" s="61">
        <v>8</v>
      </c>
      <c r="IS15" s="61">
        <v>3</v>
      </c>
      <c r="IT15" s="62">
        <v>62</v>
      </c>
      <c r="IU15" s="63">
        <v>87</v>
      </c>
      <c r="IV15" s="60">
        <v>33</v>
      </c>
      <c r="IW15" s="61">
        <v>29</v>
      </c>
      <c r="IX15" s="62">
        <v>62</v>
      </c>
      <c r="IY15" s="443">
        <v>0</v>
      </c>
      <c r="IZ15" s="61">
        <v>45</v>
      </c>
      <c r="JA15" s="61">
        <v>26</v>
      </c>
      <c r="JB15" s="61">
        <v>12</v>
      </c>
      <c r="JC15" s="61">
        <v>31</v>
      </c>
      <c r="JD15" s="61">
        <v>11</v>
      </c>
      <c r="JE15" s="62">
        <v>125</v>
      </c>
      <c r="JF15" s="63">
        <v>187</v>
      </c>
      <c r="JG15" s="60">
        <v>30</v>
      </c>
      <c r="JH15" s="61">
        <v>27</v>
      </c>
      <c r="JI15" s="62">
        <v>57</v>
      </c>
      <c r="JJ15" s="443">
        <v>0</v>
      </c>
      <c r="JK15" s="61">
        <v>59</v>
      </c>
      <c r="JL15" s="61">
        <v>42</v>
      </c>
      <c r="JM15" s="61">
        <v>27</v>
      </c>
      <c r="JN15" s="61">
        <v>34</v>
      </c>
      <c r="JO15" s="61">
        <v>14</v>
      </c>
      <c r="JP15" s="62">
        <v>176</v>
      </c>
      <c r="JQ15" s="63">
        <v>233</v>
      </c>
      <c r="JR15" s="60">
        <v>0</v>
      </c>
      <c r="JS15" s="61">
        <v>0</v>
      </c>
      <c r="JT15" s="62">
        <v>0</v>
      </c>
      <c r="JU15" s="443">
        <v>0</v>
      </c>
      <c r="JV15" s="61">
        <v>0</v>
      </c>
      <c r="JW15" s="61">
        <v>0</v>
      </c>
      <c r="JX15" s="61">
        <v>0</v>
      </c>
      <c r="JY15" s="61">
        <v>0</v>
      </c>
      <c r="JZ15" s="61">
        <v>0</v>
      </c>
      <c r="KA15" s="62">
        <v>0</v>
      </c>
      <c r="KB15" s="63">
        <v>0</v>
      </c>
      <c r="KC15" s="60">
        <v>88</v>
      </c>
      <c r="KD15" s="61">
        <v>75</v>
      </c>
      <c r="KE15" s="62">
        <v>163</v>
      </c>
      <c r="KF15" s="443">
        <v>0</v>
      </c>
      <c r="KG15" s="61">
        <v>156</v>
      </c>
      <c r="KH15" s="61">
        <v>100</v>
      </c>
      <c r="KI15" s="61">
        <v>65</v>
      </c>
      <c r="KJ15" s="61">
        <v>84</v>
      </c>
      <c r="KK15" s="61">
        <v>32</v>
      </c>
      <c r="KL15" s="62">
        <v>437</v>
      </c>
      <c r="KM15" s="63">
        <v>600</v>
      </c>
    </row>
    <row r="16" spans="2:299" ht="21" customHeight="1" x14ac:dyDescent="0.2">
      <c r="B16" s="437" t="s">
        <v>12</v>
      </c>
      <c r="C16" s="287">
        <v>150</v>
      </c>
      <c r="D16" s="72">
        <v>139</v>
      </c>
      <c r="E16" s="73">
        <v>289</v>
      </c>
      <c r="F16" s="443">
        <v>0</v>
      </c>
      <c r="G16" s="72">
        <v>153</v>
      </c>
      <c r="H16" s="72">
        <v>133</v>
      </c>
      <c r="I16" s="72">
        <v>87</v>
      </c>
      <c r="J16" s="72">
        <v>97</v>
      </c>
      <c r="K16" s="72">
        <v>36</v>
      </c>
      <c r="L16" s="74">
        <v>506</v>
      </c>
      <c r="M16" s="75">
        <v>795</v>
      </c>
      <c r="N16" s="76">
        <v>3</v>
      </c>
      <c r="O16" s="61">
        <v>1</v>
      </c>
      <c r="P16" s="62">
        <v>4</v>
      </c>
      <c r="Q16" s="443">
        <v>0</v>
      </c>
      <c r="R16" s="61">
        <v>2</v>
      </c>
      <c r="S16" s="61">
        <v>2</v>
      </c>
      <c r="T16" s="61">
        <v>0</v>
      </c>
      <c r="U16" s="61">
        <v>3</v>
      </c>
      <c r="V16" s="61">
        <v>1</v>
      </c>
      <c r="W16" s="62">
        <v>8</v>
      </c>
      <c r="X16" s="63">
        <v>12</v>
      </c>
      <c r="Y16" s="60">
        <v>6</v>
      </c>
      <c r="Z16" s="61">
        <v>8</v>
      </c>
      <c r="AA16" s="62">
        <v>14</v>
      </c>
      <c r="AB16" s="443">
        <v>0</v>
      </c>
      <c r="AC16" s="61">
        <v>4</v>
      </c>
      <c r="AD16" s="61">
        <v>5</v>
      </c>
      <c r="AE16" s="61">
        <v>4</v>
      </c>
      <c r="AF16" s="61">
        <v>3</v>
      </c>
      <c r="AG16" s="61">
        <v>2</v>
      </c>
      <c r="AH16" s="62">
        <v>18</v>
      </c>
      <c r="AI16" s="63">
        <v>32</v>
      </c>
      <c r="AJ16" s="76">
        <v>4</v>
      </c>
      <c r="AK16" s="61">
        <v>14</v>
      </c>
      <c r="AL16" s="62">
        <v>18</v>
      </c>
      <c r="AM16" s="443">
        <v>0</v>
      </c>
      <c r="AN16" s="61">
        <v>7</v>
      </c>
      <c r="AO16" s="61">
        <v>7</v>
      </c>
      <c r="AP16" s="61">
        <v>6</v>
      </c>
      <c r="AQ16" s="61">
        <v>8</v>
      </c>
      <c r="AR16" s="61">
        <v>4</v>
      </c>
      <c r="AS16" s="62">
        <v>32</v>
      </c>
      <c r="AT16" s="63">
        <v>50</v>
      </c>
      <c r="AU16" s="60">
        <v>33</v>
      </c>
      <c r="AV16" s="61">
        <v>26</v>
      </c>
      <c r="AW16" s="62">
        <v>59</v>
      </c>
      <c r="AX16" s="443">
        <v>0</v>
      </c>
      <c r="AY16" s="61">
        <v>30</v>
      </c>
      <c r="AZ16" s="61">
        <v>26</v>
      </c>
      <c r="BA16" s="61">
        <v>17</v>
      </c>
      <c r="BB16" s="61">
        <v>20</v>
      </c>
      <c r="BC16" s="61">
        <v>7</v>
      </c>
      <c r="BD16" s="62">
        <v>100</v>
      </c>
      <c r="BE16" s="63">
        <v>159</v>
      </c>
      <c r="BF16" s="76">
        <v>56</v>
      </c>
      <c r="BG16" s="61">
        <v>43</v>
      </c>
      <c r="BH16" s="62">
        <v>99</v>
      </c>
      <c r="BI16" s="443">
        <v>0</v>
      </c>
      <c r="BJ16" s="61">
        <v>54</v>
      </c>
      <c r="BK16" s="61">
        <v>38</v>
      </c>
      <c r="BL16" s="61">
        <v>26</v>
      </c>
      <c r="BM16" s="61">
        <v>22</v>
      </c>
      <c r="BN16" s="61">
        <v>14</v>
      </c>
      <c r="BO16" s="62">
        <v>154</v>
      </c>
      <c r="BP16" s="63">
        <v>253</v>
      </c>
      <c r="BQ16" s="60">
        <v>48</v>
      </c>
      <c r="BR16" s="61">
        <v>47</v>
      </c>
      <c r="BS16" s="62">
        <v>95</v>
      </c>
      <c r="BT16" s="443">
        <v>0</v>
      </c>
      <c r="BU16" s="61">
        <v>56</v>
      </c>
      <c r="BV16" s="61">
        <v>55</v>
      </c>
      <c r="BW16" s="61">
        <v>34</v>
      </c>
      <c r="BX16" s="61">
        <v>41</v>
      </c>
      <c r="BY16" s="61">
        <v>8</v>
      </c>
      <c r="BZ16" s="62">
        <v>194</v>
      </c>
      <c r="CA16" s="63">
        <v>289</v>
      </c>
      <c r="CB16" s="60">
        <v>0</v>
      </c>
      <c r="CC16" s="61">
        <v>0</v>
      </c>
      <c r="CD16" s="62">
        <v>0</v>
      </c>
      <c r="CE16" s="443">
        <v>0</v>
      </c>
      <c r="CF16" s="61">
        <v>0</v>
      </c>
      <c r="CG16" s="61">
        <v>0</v>
      </c>
      <c r="CH16" s="61">
        <v>0</v>
      </c>
      <c r="CI16" s="61">
        <v>0</v>
      </c>
      <c r="CJ16" s="61">
        <v>0</v>
      </c>
      <c r="CK16" s="62">
        <v>0</v>
      </c>
      <c r="CL16" s="63">
        <v>0</v>
      </c>
      <c r="CM16" s="60">
        <v>150</v>
      </c>
      <c r="CN16" s="61">
        <v>139</v>
      </c>
      <c r="CO16" s="62">
        <v>289</v>
      </c>
      <c r="CP16" s="443">
        <v>0</v>
      </c>
      <c r="CQ16" s="61">
        <v>153</v>
      </c>
      <c r="CR16" s="61">
        <v>133</v>
      </c>
      <c r="CS16" s="61">
        <v>87</v>
      </c>
      <c r="CT16" s="61">
        <v>97</v>
      </c>
      <c r="CU16" s="61">
        <v>36</v>
      </c>
      <c r="CV16" s="62">
        <v>506</v>
      </c>
      <c r="CW16" s="63">
        <v>795</v>
      </c>
      <c r="CX16" s="113">
        <v>16</v>
      </c>
      <c r="CY16" s="72">
        <v>19</v>
      </c>
      <c r="CZ16" s="73">
        <v>35</v>
      </c>
      <c r="DA16" s="443">
        <v>0</v>
      </c>
      <c r="DB16" s="72">
        <v>16</v>
      </c>
      <c r="DC16" s="72">
        <v>14</v>
      </c>
      <c r="DD16" s="72">
        <v>11</v>
      </c>
      <c r="DE16" s="72">
        <v>12</v>
      </c>
      <c r="DF16" s="72">
        <v>9</v>
      </c>
      <c r="DG16" s="74">
        <v>62</v>
      </c>
      <c r="DH16" s="75">
        <v>97</v>
      </c>
      <c r="DI16" s="76">
        <v>2</v>
      </c>
      <c r="DJ16" s="61">
        <v>2</v>
      </c>
      <c r="DK16" s="62">
        <v>4</v>
      </c>
      <c r="DL16" s="443">
        <v>0</v>
      </c>
      <c r="DM16" s="61">
        <v>0</v>
      </c>
      <c r="DN16" s="61">
        <v>0</v>
      </c>
      <c r="DO16" s="61">
        <v>0</v>
      </c>
      <c r="DP16" s="61">
        <v>0</v>
      </c>
      <c r="DQ16" s="61">
        <v>0</v>
      </c>
      <c r="DR16" s="62">
        <v>0</v>
      </c>
      <c r="DS16" s="63">
        <v>4</v>
      </c>
      <c r="DT16" s="60">
        <v>2</v>
      </c>
      <c r="DU16" s="61">
        <v>1</v>
      </c>
      <c r="DV16" s="62">
        <v>3</v>
      </c>
      <c r="DW16" s="443">
        <v>0</v>
      </c>
      <c r="DX16" s="61">
        <v>0</v>
      </c>
      <c r="DY16" s="61">
        <v>1</v>
      </c>
      <c r="DZ16" s="61">
        <v>0</v>
      </c>
      <c r="EA16" s="61">
        <v>0</v>
      </c>
      <c r="EB16" s="61">
        <v>0</v>
      </c>
      <c r="EC16" s="62">
        <v>1</v>
      </c>
      <c r="ED16" s="63">
        <v>4</v>
      </c>
      <c r="EE16" s="76">
        <v>0</v>
      </c>
      <c r="EF16" s="61">
        <v>2</v>
      </c>
      <c r="EG16" s="62">
        <v>2</v>
      </c>
      <c r="EH16" s="443">
        <v>0</v>
      </c>
      <c r="EI16" s="61">
        <v>0</v>
      </c>
      <c r="EJ16" s="61">
        <v>0</v>
      </c>
      <c r="EK16" s="61">
        <v>1</v>
      </c>
      <c r="EL16" s="61">
        <v>2</v>
      </c>
      <c r="EM16" s="61">
        <v>0</v>
      </c>
      <c r="EN16" s="62">
        <v>3</v>
      </c>
      <c r="EO16" s="63">
        <v>5</v>
      </c>
      <c r="EP16" s="60">
        <v>6</v>
      </c>
      <c r="EQ16" s="61">
        <v>5</v>
      </c>
      <c r="ER16" s="62">
        <v>11</v>
      </c>
      <c r="ES16" s="443">
        <v>0</v>
      </c>
      <c r="ET16" s="61">
        <v>3</v>
      </c>
      <c r="EU16" s="61">
        <v>1</v>
      </c>
      <c r="EV16" s="61">
        <v>2</v>
      </c>
      <c r="EW16" s="61">
        <v>0</v>
      </c>
      <c r="EX16" s="61">
        <v>2</v>
      </c>
      <c r="EY16" s="62">
        <v>8</v>
      </c>
      <c r="EZ16" s="63">
        <v>19</v>
      </c>
      <c r="FA16" s="76">
        <v>2</v>
      </c>
      <c r="FB16" s="61">
        <v>5</v>
      </c>
      <c r="FC16" s="62">
        <v>7</v>
      </c>
      <c r="FD16" s="443">
        <v>0</v>
      </c>
      <c r="FE16" s="61">
        <v>3</v>
      </c>
      <c r="FF16" s="61">
        <v>3</v>
      </c>
      <c r="FG16" s="61">
        <v>2</v>
      </c>
      <c r="FH16" s="61">
        <v>3</v>
      </c>
      <c r="FI16" s="61">
        <v>2</v>
      </c>
      <c r="FJ16" s="62">
        <v>13</v>
      </c>
      <c r="FK16" s="63">
        <v>20</v>
      </c>
      <c r="FL16" s="60">
        <v>4</v>
      </c>
      <c r="FM16" s="61">
        <v>4</v>
      </c>
      <c r="FN16" s="62">
        <v>8</v>
      </c>
      <c r="FO16" s="443">
        <v>0</v>
      </c>
      <c r="FP16" s="61">
        <v>10</v>
      </c>
      <c r="FQ16" s="61">
        <v>9</v>
      </c>
      <c r="FR16" s="61">
        <v>6</v>
      </c>
      <c r="FS16" s="61">
        <v>7</v>
      </c>
      <c r="FT16" s="61">
        <v>5</v>
      </c>
      <c r="FU16" s="62">
        <v>37</v>
      </c>
      <c r="FV16" s="63">
        <v>45</v>
      </c>
      <c r="FW16" s="60">
        <v>0</v>
      </c>
      <c r="FX16" s="61">
        <v>0</v>
      </c>
      <c r="FY16" s="62">
        <v>0</v>
      </c>
      <c r="FZ16" s="443">
        <v>0</v>
      </c>
      <c r="GA16" s="61">
        <v>0</v>
      </c>
      <c r="GB16" s="61">
        <v>0</v>
      </c>
      <c r="GC16" s="61">
        <v>0</v>
      </c>
      <c r="GD16" s="61">
        <v>0</v>
      </c>
      <c r="GE16" s="61">
        <v>0</v>
      </c>
      <c r="GF16" s="62">
        <v>0</v>
      </c>
      <c r="GG16" s="63">
        <v>0</v>
      </c>
      <c r="GH16" s="60">
        <v>16</v>
      </c>
      <c r="GI16" s="61">
        <v>19</v>
      </c>
      <c r="GJ16" s="62">
        <v>35</v>
      </c>
      <c r="GK16" s="443">
        <v>0</v>
      </c>
      <c r="GL16" s="61">
        <v>16</v>
      </c>
      <c r="GM16" s="61">
        <v>14</v>
      </c>
      <c r="GN16" s="61">
        <v>11</v>
      </c>
      <c r="GO16" s="61">
        <v>12</v>
      </c>
      <c r="GP16" s="61">
        <v>9</v>
      </c>
      <c r="GQ16" s="62">
        <v>62</v>
      </c>
      <c r="GR16" s="63">
        <v>97</v>
      </c>
      <c r="GS16" s="113">
        <v>166</v>
      </c>
      <c r="GT16" s="72">
        <v>158</v>
      </c>
      <c r="GU16" s="73">
        <v>324</v>
      </c>
      <c r="GV16" s="443">
        <v>0</v>
      </c>
      <c r="GW16" s="72">
        <v>169</v>
      </c>
      <c r="GX16" s="72">
        <v>147</v>
      </c>
      <c r="GY16" s="72">
        <v>98</v>
      </c>
      <c r="GZ16" s="72">
        <v>109</v>
      </c>
      <c r="HA16" s="72">
        <v>45</v>
      </c>
      <c r="HB16" s="74">
        <v>568</v>
      </c>
      <c r="HC16" s="75">
        <v>892</v>
      </c>
      <c r="HD16" s="76">
        <v>5</v>
      </c>
      <c r="HE16" s="61">
        <v>3</v>
      </c>
      <c r="HF16" s="62">
        <v>8</v>
      </c>
      <c r="HG16" s="443">
        <v>0</v>
      </c>
      <c r="HH16" s="61">
        <v>2</v>
      </c>
      <c r="HI16" s="61">
        <v>2</v>
      </c>
      <c r="HJ16" s="61">
        <v>0</v>
      </c>
      <c r="HK16" s="61">
        <v>3</v>
      </c>
      <c r="HL16" s="61">
        <v>1</v>
      </c>
      <c r="HM16" s="62">
        <v>8</v>
      </c>
      <c r="HN16" s="63">
        <v>16</v>
      </c>
      <c r="HO16" s="60">
        <v>8</v>
      </c>
      <c r="HP16" s="61">
        <v>9</v>
      </c>
      <c r="HQ16" s="62">
        <v>17</v>
      </c>
      <c r="HR16" s="443">
        <v>0</v>
      </c>
      <c r="HS16" s="61">
        <v>4</v>
      </c>
      <c r="HT16" s="61">
        <v>6</v>
      </c>
      <c r="HU16" s="61">
        <v>4</v>
      </c>
      <c r="HV16" s="61">
        <v>3</v>
      </c>
      <c r="HW16" s="61">
        <v>2</v>
      </c>
      <c r="HX16" s="62">
        <v>19</v>
      </c>
      <c r="HY16" s="63">
        <v>36</v>
      </c>
      <c r="HZ16" s="76">
        <v>4</v>
      </c>
      <c r="IA16" s="61">
        <v>16</v>
      </c>
      <c r="IB16" s="62">
        <v>20</v>
      </c>
      <c r="IC16" s="443">
        <v>0</v>
      </c>
      <c r="ID16" s="61">
        <v>7</v>
      </c>
      <c r="IE16" s="61">
        <v>7</v>
      </c>
      <c r="IF16" s="61">
        <v>7</v>
      </c>
      <c r="IG16" s="61">
        <v>10</v>
      </c>
      <c r="IH16" s="61">
        <v>4</v>
      </c>
      <c r="II16" s="62">
        <v>35</v>
      </c>
      <c r="IJ16" s="63">
        <v>55</v>
      </c>
      <c r="IK16" s="60">
        <v>39</v>
      </c>
      <c r="IL16" s="61">
        <v>31</v>
      </c>
      <c r="IM16" s="62">
        <v>70</v>
      </c>
      <c r="IN16" s="443">
        <v>0</v>
      </c>
      <c r="IO16" s="61">
        <v>33</v>
      </c>
      <c r="IP16" s="61">
        <v>27</v>
      </c>
      <c r="IQ16" s="61">
        <v>19</v>
      </c>
      <c r="IR16" s="61">
        <v>20</v>
      </c>
      <c r="IS16" s="61">
        <v>9</v>
      </c>
      <c r="IT16" s="62">
        <v>108</v>
      </c>
      <c r="IU16" s="63">
        <v>178</v>
      </c>
      <c r="IV16" s="76">
        <v>58</v>
      </c>
      <c r="IW16" s="61">
        <v>48</v>
      </c>
      <c r="IX16" s="62">
        <v>106</v>
      </c>
      <c r="IY16" s="443">
        <v>0</v>
      </c>
      <c r="IZ16" s="61">
        <v>57</v>
      </c>
      <c r="JA16" s="61">
        <v>41</v>
      </c>
      <c r="JB16" s="61">
        <v>28</v>
      </c>
      <c r="JC16" s="61">
        <v>25</v>
      </c>
      <c r="JD16" s="61">
        <v>16</v>
      </c>
      <c r="JE16" s="62">
        <v>167</v>
      </c>
      <c r="JF16" s="63">
        <v>273</v>
      </c>
      <c r="JG16" s="60">
        <v>52</v>
      </c>
      <c r="JH16" s="61">
        <v>51</v>
      </c>
      <c r="JI16" s="62">
        <v>103</v>
      </c>
      <c r="JJ16" s="443">
        <v>0</v>
      </c>
      <c r="JK16" s="61">
        <v>66</v>
      </c>
      <c r="JL16" s="61">
        <v>64</v>
      </c>
      <c r="JM16" s="61">
        <v>40</v>
      </c>
      <c r="JN16" s="61">
        <v>48</v>
      </c>
      <c r="JO16" s="61">
        <v>13</v>
      </c>
      <c r="JP16" s="62">
        <v>231</v>
      </c>
      <c r="JQ16" s="63">
        <v>334</v>
      </c>
      <c r="JR16" s="60">
        <v>0</v>
      </c>
      <c r="JS16" s="61">
        <v>0</v>
      </c>
      <c r="JT16" s="62">
        <v>0</v>
      </c>
      <c r="JU16" s="443">
        <v>0</v>
      </c>
      <c r="JV16" s="61">
        <v>0</v>
      </c>
      <c r="JW16" s="61">
        <v>0</v>
      </c>
      <c r="JX16" s="61">
        <v>0</v>
      </c>
      <c r="JY16" s="61">
        <v>0</v>
      </c>
      <c r="JZ16" s="61">
        <v>0</v>
      </c>
      <c r="KA16" s="62">
        <v>0</v>
      </c>
      <c r="KB16" s="63">
        <v>0</v>
      </c>
      <c r="KC16" s="60">
        <v>166</v>
      </c>
      <c r="KD16" s="61">
        <v>158</v>
      </c>
      <c r="KE16" s="62">
        <v>324</v>
      </c>
      <c r="KF16" s="443">
        <v>0</v>
      </c>
      <c r="KG16" s="61">
        <v>169</v>
      </c>
      <c r="KH16" s="61">
        <v>147</v>
      </c>
      <c r="KI16" s="61">
        <v>98</v>
      </c>
      <c r="KJ16" s="61">
        <v>109</v>
      </c>
      <c r="KK16" s="61">
        <v>45</v>
      </c>
      <c r="KL16" s="62">
        <v>568</v>
      </c>
      <c r="KM16" s="63">
        <v>892</v>
      </c>
    </row>
    <row r="17" spans="2:299" ht="21" customHeight="1" x14ac:dyDescent="0.2">
      <c r="B17" s="437" t="s">
        <v>13</v>
      </c>
      <c r="C17" s="287">
        <v>41</v>
      </c>
      <c r="D17" s="72">
        <v>31</v>
      </c>
      <c r="E17" s="73">
        <v>72</v>
      </c>
      <c r="F17" s="443">
        <v>0</v>
      </c>
      <c r="G17" s="72">
        <v>74</v>
      </c>
      <c r="H17" s="72">
        <v>67</v>
      </c>
      <c r="I17" s="72">
        <v>59</v>
      </c>
      <c r="J17" s="72">
        <v>40</v>
      </c>
      <c r="K17" s="72">
        <v>25</v>
      </c>
      <c r="L17" s="74">
        <v>265</v>
      </c>
      <c r="M17" s="75">
        <v>337</v>
      </c>
      <c r="N17" s="60">
        <v>0</v>
      </c>
      <c r="O17" s="61">
        <v>0</v>
      </c>
      <c r="P17" s="62">
        <v>0</v>
      </c>
      <c r="Q17" s="443">
        <v>0</v>
      </c>
      <c r="R17" s="61">
        <v>1</v>
      </c>
      <c r="S17" s="61">
        <v>1</v>
      </c>
      <c r="T17" s="61">
        <v>0</v>
      </c>
      <c r="U17" s="61">
        <v>0</v>
      </c>
      <c r="V17" s="61">
        <v>0</v>
      </c>
      <c r="W17" s="62">
        <v>2</v>
      </c>
      <c r="X17" s="63">
        <v>2</v>
      </c>
      <c r="Y17" s="60">
        <v>3</v>
      </c>
      <c r="Z17" s="61">
        <v>0</v>
      </c>
      <c r="AA17" s="62">
        <v>3</v>
      </c>
      <c r="AB17" s="443">
        <v>0</v>
      </c>
      <c r="AC17" s="61">
        <v>3</v>
      </c>
      <c r="AD17" s="61">
        <v>0</v>
      </c>
      <c r="AE17" s="61">
        <v>3</v>
      </c>
      <c r="AF17" s="61">
        <v>1</v>
      </c>
      <c r="AG17" s="61">
        <v>2</v>
      </c>
      <c r="AH17" s="62">
        <v>9</v>
      </c>
      <c r="AI17" s="63">
        <v>12</v>
      </c>
      <c r="AJ17" s="60">
        <v>2</v>
      </c>
      <c r="AK17" s="61">
        <v>1</v>
      </c>
      <c r="AL17" s="62">
        <v>3</v>
      </c>
      <c r="AM17" s="443">
        <v>0</v>
      </c>
      <c r="AN17" s="61">
        <v>3</v>
      </c>
      <c r="AO17" s="61">
        <v>3</v>
      </c>
      <c r="AP17" s="61">
        <v>6</v>
      </c>
      <c r="AQ17" s="61">
        <v>1</v>
      </c>
      <c r="AR17" s="61">
        <v>1</v>
      </c>
      <c r="AS17" s="62">
        <v>14</v>
      </c>
      <c r="AT17" s="63">
        <v>17</v>
      </c>
      <c r="AU17" s="60">
        <v>5</v>
      </c>
      <c r="AV17" s="61">
        <v>7</v>
      </c>
      <c r="AW17" s="62">
        <v>12</v>
      </c>
      <c r="AX17" s="443">
        <v>0</v>
      </c>
      <c r="AY17" s="61">
        <v>17</v>
      </c>
      <c r="AZ17" s="61">
        <v>9</v>
      </c>
      <c r="BA17" s="61">
        <v>9</v>
      </c>
      <c r="BB17" s="61">
        <v>8</v>
      </c>
      <c r="BC17" s="61">
        <v>6</v>
      </c>
      <c r="BD17" s="62">
        <v>49</v>
      </c>
      <c r="BE17" s="63">
        <v>61</v>
      </c>
      <c r="BF17" s="60">
        <v>20</v>
      </c>
      <c r="BG17" s="61">
        <v>14</v>
      </c>
      <c r="BH17" s="62">
        <v>34</v>
      </c>
      <c r="BI17" s="443">
        <v>0</v>
      </c>
      <c r="BJ17" s="61">
        <v>24</v>
      </c>
      <c r="BK17" s="61">
        <v>22</v>
      </c>
      <c r="BL17" s="61">
        <v>21</v>
      </c>
      <c r="BM17" s="61">
        <v>14</v>
      </c>
      <c r="BN17" s="61">
        <v>5</v>
      </c>
      <c r="BO17" s="62">
        <v>86</v>
      </c>
      <c r="BP17" s="63">
        <v>120</v>
      </c>
      <c r="BQ17" s="60">
        <v>11</v>
      </c>
      <c r="BR17" s="61">
        <v>9</v>
      </c>
      <c r="BS17" s="62">
        <v>20</v>
      </c>
      <c r="BT17" s="443">
        <v>0</v>
      </c>
      <c r="BU17" s="61">
        <v>26</v>
      </c>
      <c r="BV17" s="61">
        <v>32</v>
      </c>
      <c r="BW17" s="61">
        <v>20</v>
      </c>
      <c r="BX17" s="61">
        <v>16</v>
      </c>
      <c r="BY17" s="61">
        <v>11</v>
      </c>
      <c r="BZ17" s="62">
        <v>105</v>
      </c>
      <c r="CA17" s="63">
        <v>125</v>
      </c>
      <c r="CB17" s="60">
        <v>0</v>
      </c>
      <c r="CC17" s="61">
        <v>0</v>
      </c>
      <c r="CD17" s="62">
        <v>0</v>
      </c>
      <c r="CE17" s="443">
        <v>0</v>
      </c>
      <c r="CF17" s="61">
        <v>0</v>
      </c>
      <c r="CG17" s="61">
        <v>0</v>
      </c>
      <c r="CH17" s="61">
        <v>0</v>
      </c>
      <c r="CI17" s="61">
        <v>0</v>
      </c>
      <c r="CJ17" s="61">
        <v>0</v>
      </c>
      <c r="CK17" s="62">
        <v>0</v>
      </c>
      <c r="CL17" s="63">
        <v>0</v>
      </c>
      <c r="CM17" s="60">
        <v>41</v>
      </c>
      <c r="CN17" s="61">
        <v>31</v>
      </c>
      <c r="CO17" s="62">
        <v>72</v>
      </c>
      <c r="CP17" s="443">
        <v>0</v>
      </c>
      <c r="CQ17" s="61">
        <v>74</v>
      </c>
      <c r="CR17" s="61">
        <v>67</v>
      </c>
      <c r="CS17" s="61">
        <v>59</v>
      </c>
      <c r="CT17" s="61">
        <v>40</v>
      </c>
      <c r="CU17" s="61">
        <v>25</v>
      </c>
      <c r="CV17" s="62">
        <v>265</v>
      </c>
      <c r="CW17" s="63">
        <v>337</v>
      </c>
      <c r="CX17" s="113">
        <v>9</v>
      </c>
      <c r="CY17" s="72">
        <v>5</v>
      </c>
      <c r="CZ17" s="73">
        <v>14</v>
      </c>
      <c r="DA17" s="443">
        <v>0</v>
      </c>
      <c r="DB17" s="72">
        <v>12</v>
      </c>
      <c r="DC17" s="72">
        <v>8</v>
      </c>
      <c r="DD17" s="72">
        <v>3</v>
      </c>
      <c r="DE17" s="72">
        <v>7</v>
      </c>
      <c r="DF17" s="72">
        <v>3</v>
      </c>
      <c r="DG17" s="74">
        <v>33</v>
      </c>
      <c r="DH17" s="75">
        <v>47</v>
      </c>
      <c r="DI17" s="60">
        <v>0</v>
      </c>
      <c r="DJ17" s="61">
        <v>0</v>
      </c>
      <c r="DK17" s="62">
        <v>0</v>
      </c>
      <c r="DL17" s="443">
        <v>0</v>
      </c>
      <c r="DM17" s="61">
        <v>0</v>
      </c>
      <c r="DN17" s="61">
        <v>0</v>
      </c>
      <c r="DO17" s="61">
        <v>0</v>
      </c>
      <c r="DP17" s="61">
        <v>0</v>
      </c>
      <c r="DQ17" s="61">
        <v>0</v>
      </c>
      <c r="DR17" s="62">
        <v>0</v>
      </c>
      <c r="DS17" s="63">
        <v>0</v>
      </c>
      <c r="DT17" s="60">
        <v>0</v>
      </c>
      <c r="DU17" s="61">
        <v>0</v>
      </c>
      <c r="DV17" s="62">
        <v>0</v>
      </c>
      <c r="DW17" s="443">
        <v>0</v>
      </c>
      <c r="DX17" s="61">
        <v>0</v>
      </c>
      <c r="DY17" s="61">
        <v>0</v>
      </c>
      <c r="DZ17" s="61">
        <v>1</v>
      </c>
      <c r="EA17" s="61">
        <v>0</v>
      </c>
      <c r="EB17" s="61">
        <v>0</v>
      </c>
      <c r="EC17" s="62">
        <v>1</v>
      </c>
      <c r="ED17" s="63">
        <v>1</v>
      </c>
      <c r="EE17" s="60">
        <v>1</v>
      </c>
      <c r="EF17" s="61">
        <v>0</v>
      </c>
      <c r="EG17" s="62">
        <v>1</v>
      </c>
      <c r="EH17" s="443">
        <v>0</v>
      </c>
      <c r="EI17" s="61">
        <v>4</v>
      </c>
      <c r="EJ17" s="61">
        <v>0</v>
      </c>
      <c r="EK17" s="61">
        <v>0</v>
      </c>
      <c r="EL17" s="61">
        <v>0</v>
      </c>
      <c r="EM17" s="61">
        <v>0</v>
      </c>
      <c r="EN17" s="62">
        <v>4</v>
      </c>
      <c r="EO17" s="63">
        <v>5</v>
      </c>
      <c r="EP17" s="60">
        <v>3</v>
      </c>
      <c r="EQ17" s="61">
        <v>2</v>
      </c>
      <c r="ER17" s="62">
        <v>5</v>
      </c>
      <c r="ES17" s="443">
        <v>0</v>
      </c>
      <c r="ET17" s="61">
        <v>3</v>
      </c>
      <c r="EU17" s="61">
        <v>1</v>
      </c>
      <c r="EV17" s="61">
        <v>0</v>
      </c>
      <c r="EW17" s="61">
        <v>1</v>
      </c>
      <c r="EX17" s="61">
        <v>0</v>
      </c>
      <c r="EY17" s="62">
        <v>5</v>
      </c>
      <c r="EZ17" s="63">
        <v>10</v>
      </c>
      <c r="FA17" s="60">
        <v>1</v>
      </c>
      <c r="FB17" s="61">
        <v>3</v>
      </c>
      <c r="FC17" s="62">
        <v>4</v>
      </c>
      <c r="FD17" s="443">
        <v>0</v>
      </c>
      <c r="FE17" s="61">
        <v>2</v>
      </c>
      <c r="FF17" s="61">
        <v>3</v>
      </c>
      <c r="FG17" s="61">
        <v>1</v>
      </c>
      <c r="FH17" s="61">
        <v>2</v>
      </c>
      <c r="FI17" s="61">
        <v>0</v>
      </c>
      <c r="FJ17" s="62">
        <v>8</v>
      </c>
      <c r="FK17" s="63">
        <v>12</v>
      </c>
      <c r="FL17" s="60">
        <v>4</v>
      </c>
      <c r="FM17" s="61">
        <v>0</v>
      </c>
      <c r="FN17" s="62">
        <v>4</v>
      </c>
      <c r="FO17" s="443">
        <v>0</v>
      </c>
      <c r="FP17" s="61">
        <v>3</v>
      </c>
      <c r="FQ17" s="61">
        <v>4</v>
      </c>
      <c r="FR17" s="61">
        <v>1</v>
      </c>
      <c r="FS17" s="61">
        <v>4</v>
      </c>
      <c r="FT17" s="61">
        <v>3</v>
      </c>
      <c r="FU17" s="62">
        <v>15</v>
      </c>
      <c r="FV17" s="63">
        <v>19</v>
      </c>
      <c r="FW17" s="60">
        <v>0</v>
      </c>
      <c r="FX17" s="61">
        <v>0</v>
      </c>
      <c r="FY17" s="62">
        <v>0</v>
      </c>
      <c r="FZ17" s="443">
        <v>0</v>
      </c>
      <c r="GA17" s="61">
        <v>0</v>
      </c>
      <c r="GB17" s="61">
        <v>0</v>
      </c>
      <c r="GC17" s="61">
        <v>0</v>
      </c>
      <c r="GD17" s="61">
        <v>0</v>
      </c>
      <c r="GE17" s="61">
        <v>0</v>
      </c>
      <c r="GF17" s="62">
        <v>0</v>
      </c>
      <c r="GG17" s="63">
        <v>0</v>
      </c>
      <c r="GH17" s="60">
        <v>9</v>
      </c>
      <c r="GI17" s="61">
        <v>5</v>
      </c>
      <c r="GJ17" s="62">
        <v>14</v>
      </c>
      <c r="GK17" s="443">
        <v>0</v>
      </c>
      <c r="GL17" s="61">
        <v>12</v>
      </c>
      <c r="GM17" s="61">
        <v>8</v>
      </c>
      <c r="GN17" s="61">
        <v>3</v>
      </c>
      <c r="GO17" s="61">
        <v>7</v>
      </c>
      <c r="GP17" s="61">
        <v>3</v>
      </c>
      <c r="GQ17" s="62">
        <v>33</v>
      </c>
      <c r="GR17" s="63">
        <v>47</v>
      </c>
      <c r="GS17" s="113">
        <v>50</v>
      </c>
      <c r="GT17" s="72">
        <v>36</v>
      </c>
      <c r="GU17" s="73">
        <v>86</v>
      </c>
      <c r="GV17" s="443">
        <v>0</v>
      </c>
      <c r="GW17" s="72">
        <v>86</v>
      </c>
      <c r="GX17" s="72">
        <v>75</v>
      </c>
      <c r="GY17" s="72">
        <v>62</v>
      </c>
      <c r="GZ17" s="72">
        <v>47</v>
      </c>
      <c r="HA17" s="72">
        <v>28</v>
      </c>
      <c r="HB17" s="74">
        <v>298</v>
      </c>
      <c r="HC17" s="75">
        <v>384</v>
      </c>
      <c r="HD17" s="60">
        <v>0</v>
      </c>
      <c r="HE17" s="61">
        <v>0</v>
      </c>
      <c r="HF17" s="62">
        <v>0</v>
      </c>
      <c r="HG17" s="443">
        <v>0</v>
      </c>
      <c r="HH17" s="61">
        <v>1</v>
      </c>
      <c r="HI17" s="61">
        <v>1</v>
      </c>
      <c r="HJ17" s="61">
        <v>0</v>
      </c>
      <c r="HK17" s="61">
        <v>0</v>
      </c>
      <c r="HL17" s="61">
        <v>0</v>
      </c>
      <c r="HM17" s="62">
        <v>2</v>
      </c>
      <c r="HN17" s="63">
        <v>2</v>
      </c>
      <c r="HO17" s="60">
        <v>3</v>
      </c>
      <c r="HP17" s="61">
        <v>0</v>
      </c>
      <c r="HQ17" s="62">
        <v>3</v>
      </c>
      <c r="HR17" s="443">
        <v>0</v>
      </c>
      <c r="HS17" s="61">
        <v>3</v>
      </c>
      <c r="HT17" s="61">
        <v>0</v>
      </c>
      <c r="HU17" s="61">
        <v>4</v>
      </c>
      <c r="HV17" s="61">
        <v>1</v>
      </c>
      <c r="HW17" s="61">
        <v>2</v>
      </c>
      <c r="HX17" s="62">
        <v>10</v>
      </c>
      <c r="HY17" s="63">
        <v>13</v>
      </c>
      <c r="HZ17" s="60">
        <v>3</v>
      </c>
      <c r="IA17" s="61">
        <v>1</v>
      </c>
      <c r="IB17" s="62">
        <v>4</v>
      </c>
      <c r="IC17" s="443">
        <v>0</v>
      </c>
      <c r="ID17" s="61">
        <v>7</v>
      </c>
      <c r="IE17" s="61">
        <v>3</v>
      </c>
      <c r="IF17" s="61">
        <v>6</v>
      </c>
      <c r="IG17" s="61">
        <v>1</v>
      </c>
      <c r="IH17" s="61">
        <v>1</v>
      </c>
      <c r="II17" s="62">
        <v>18</v>
      </c>
      <c r="IJ17" s="63">
        <v>22</v>
      </c>
      <c r="IK17" s="60">
        <v>8</v>
      </c>
      <c r="IL17" s="61">
        <v>9</v>
      </c>
      <c r="IM17" s="62">
        <v>17</v>
      </c>
      <c r="IN17" s="443">
        <v>0</v>
      </c>
      <c r="IO17" s="61">
        <v>20</v>
      </c>
      <c r="IP17" s="61">
        <v>10</v>
      </c>
      <c r="IQ17" s="61">
        <v>9</v>
      </c>
      <c r="IR17" s="61">
        <v>9</v>
      </c>
      <c r="IS17" s="61">
        <v>6</v>
      </c>
      <c r="IT17" s="62">
        <v>54</v>
      </c>
      <c r="IU17" s="63">
        <v>71</v>
      </c>
      <c r="IV17" s="60">
        <v>21</v>
      </c>
      <c r="IW17" s="61">
        <v>17</v>
      </c>
      <c r="IX17" s="62">
        <v>38</v>
      </c>
      <c r="IY17" s="443">
        <v>0</v>
      </c>
      <c r="IZ17" s="61">
        <v>26</v>
      </c>
      <c r="JA17" s="61">
        <v>25</v>
      </c>
      <c r="JB17" s="61">
        <v>22</v>
      </c>
      <c r="JC17" s="61">
        <v>16</v>
      </c>
      <c r="JD17" s="61">
        <v>5</v>
      </c>
      <c r="JE17" s="62">
        <v>94</v>
      </c>
      <c r="JF17" s="63">
        <v>132</v>
      </c>
      <c r="JG17" s="60">
        <v>15</v>
      </c>
      <c r="JH17" s="61">
        <v>9</v>
      </c>
      <c r="JI17" s="62">
        <v>24</v>
      </c>
      <c r="JJ17" s="443">
        <v>0</v>
      </c>
      <c r="JK17" s="61">
        <v>29</v>
      </c>
      <c r="JL17" s="61">
        <v>36</v>
      </c>
      <c r="JM17" s="61">
        <v>21</v>
      </c>
      <c r="JN17" s="61">
        <v>20</v>
      </c>
      <c r="JO17" s="61">
        <v>14</v>
      </c>
      <c r="JP17" s="62">
        <v>120</v>
      </c>
      <c r="JQ17" s="63">
        <v>144</v>
      </c>
      <c r="JR17" s="60">
        <v>0</v>
      </c>
      <c r="JS17" s="61">
        <v>0</v>
      </c>
      <c r="JT17" s="62">
        <v>0</v>
      </c>
      <c r="JU17" s="443">
        <v>0</v>
      </c>
      <c r="JV17" s="61">
        <v>0</v>
      </c>
      <c r="JW17" s="61">
        <v>0</v>
      </c>
      <c r="JX17" s="61">
        <v>0</v>
      </c>
      <c r="JY17" s="61">
        <v>0</v>
      </c>
      <c r="JZ17" s="61">
        <v>0</v>
      </c>
      <c r="KA17" s="62">
        <v>0</v>
      </c>
      <c r="KB17" s="63">
        <v>0</v>
      </c>
      <c r="KC17" s="60">
        <v>50</v>
      </c>
      <c r="KD17" s="61">
        <v>36</v>
      </c>
      <c r="KE17" s="62">
        <v>86</v>
      </c>
      <c r="KF17" s="443">
        <v>0</v>
      </c>
      <c r="KG17" s="61">
        <v>86</v>
      </c>
      <c r="KH17" s="61">
        <v>75</v>
      </c>
      <c r="KI17" s="61">
        <v>62</v>
      </c>
      <c r="KJ17" s="61">
        <v>47</v>
      </c>
      <c r="KK17" s="61">
        <v>28</v>
      </c>
      <c r="KL17" s="62">
        <v>298</v>
      </c>
      <c r="KM17" s="63">
        <v>384</v>
      </c>
    </row>
    <row r="18" spans="2:299" ht="21" customHeight="1" x14ac:dyDescent="0.2">
      <c r="B18" s="437" t="s">
        <v>15</v>
      </c>
      <c r="C18" s="287">
        <v>21</v>
      </c>
      <c r="D18" s="72">
        <v>29</v>
      </c>
      <c r="E18" s="73">
        <v>50</v>
      </c>
      <c r="F18" s="443">
        <v>0</v>
      </c>
      <c r="G18" s="72">
        <v>40</v>
      </c>
      <c r="H18" s="72">
        <v>25</v>
      </c>
      <c r="I18" s="72">
        <v>23</v>
      </c>
      <c r="J18" s="72">
        <v>25</v>
      </c>
      <c r="K18" s="72">
        <v>6</v>
      </c>
      <c r="L18" s="74">
        <v>119</v>
      </c>
      <c r="M18" s="75">
        <v>169</v>
      </c>
      <c r="N18" s="60">
        <v>0</v>
      </c>
      <c r="O18" s="61">
        <v>1</v>
      </c>
      <c r="P18" s="62">
        <v>1</v>
      </c>
      <c r="Q18" s="443">
        <v>0</v>
      </c>
      <c r="R18" s="61">
        <v>1</v>
      </c>
      <c r="S18" s="61">
        <v>0</v>
      </c>
      <c r="T18" s="61">
        <v>0</v>
      </c>
      <c r="U18" s="61">
        <v>1</v>
      </c>
      <c r="V18" s="61">
        <v>0</v>
      </c>
      <c r="W18" s="62">
        <v>2</v>
      </c>
      <c r="X18" s="63">
        <v>3</v>
      </c>
      <c r="Y18" s="60">
        <v>2</v>
      </c>
      <c r="Z18" s="61">
        <v>2</v>
      </c>
      <c r="AA18" s="62">
        <v>4</v>
      </c>
      <c r="AB18" s="443">
        <v>0</v>
      </c>
      <c r="AC18" s="61">
        <v>3</v>
      </c>
      <c r="AD18" s="61">
        <v>2</v>
      </c>
      <c r="AE18" s="61">
        <v>3</v>
      </c>
      <c r="AF18" s="61">
        <v>3</v>
      </c>
      <c r="AG18" s="61">
        <v>1</v>
      </c>
      <c r="AH18" s="62">
        <v>12</v>
      </c>
      <c r="AI18" s="63">
        <v>16</v>
      </c>
      <c r="AJ18" s="60">
        <v>3</v>
      </c>
      <c r="AK18" s="61">
        <v>2</v>
      </c>
      <c r="AL18" s="62">
        <v>5</v>
      </c>
      <c r="AM18" s="443">
        <v>0</v>
      </c>
      <c r="AN18" s="61">
        <v>5</v>
      </c>
      <c r="AO18" s="61">
        <v>7</v>
      </c>
      <c r="AP18" s="61">
        <v>1</v>
      </c>
      <c r="AQ18" s="61">
        <v>1</v>
      </c>
      <c r="AR18" s="61">
        <v>2</v>
      </c>
      <c r="AS18" s="62">
        <v>16</v>
      </c>
      <c r="AT18" s="63">
        <v>21</v>
      </c>
      <c r="AU18" s="60">
        <v>8</v>
      </c>
      <c r="AV18" s="61">
        <v>4</v>
      </c>
      <c r="AW18" s="62">
        <v>12</v>
      </c>
      <c r="AX18" s="443">
        <v>0</v>
      </c>
      <c r="AY18" s="61">
        <v>10</v>
      </c>
      <c r="AZ18" s="61">
        <v>5</v>
      </c>
      <c r="BA18" s="61">
        <v>5</v>
      </c>
      <c r="BB18" s="61">
        <v>2</v>
      </c>
      <c r="BC18" s="61">
        <v>1</v>
      </c>
      <c r="BD18" s="62">
        <v>23</v>
      </c>
      <c r="BE18" s="63">
        <v>35</v>
      </c>
      <c r="BF18" s="60">
        <v>2</v>
      </c>
      <c r="BG18" s="61">
        <v>11</v>
      </c>
      <c r="BH18" s="62">
        <v>13</v>
      </c>
      <c r="BI18" s="443">
        <v>0</v>
      </c>
      <c r="BJ18" s="61">
        <v>9</v>
      </c>
      <c r="BK18" s="61">
        <v>2</v>
      </c>
      <c r="BL18" s="61">
        <v>5</v>
      </c>
      <c r="BM18" s="61">
        <v>6</v>
      </c>
      <c r="BN18" s="61">
        <v>1</v>
      </c>
      <c r="BO18" s="62">
        <v>23</v>
      </c>
      <c r="BP18" s="63">
        <v>36</v>
      </c>
      <c r="BQ18" s="60">
        <v>6</v>
      </c>
      <c r="BR18" s="61">
        <v>9</v>
      </c>
      <c r="BS18" s="62">
        <v>15</v>
      </c>
      <c r="BT18" s="443">
        <v>0</v>
      </c>
      <c r="BU18" s="61">
        <v>12</v>
      </c>
      <c r="BV18" s="61">
        <v>9</v>
      </c>
      <c r="BW18" s="61">
        <v>9</v>
      </c>
      <c r="BX18" s="61">
        <v>12</v>
      </c>
      <c r="BY18" s="61">
        <v>1</v>
      </c>
      <c r="BZ18" s="62">
        <v>43</v>
      </c>
      <c r="CA18" s="63">
        <v>58</v>
      </c>
      <c r="CB18" s="60">
        <v>0</v>
      </c>
      <c r="CC18" s="61">
        <v>0</v>
      </c>
      <c r="CD18" s="62">
        <v>0</v>
      </c>
      <c r="CE18" s="443">
        <v>0</v>
      </c>
      <c r="CF18" s="61">
        <v>0</v>
      </c>
      <c r="CG18" s="61">
        <v>0</v>
      </c>
      <c r="CH18" s="61">
        <v>0</v>
      </c>
      <c r="CI18" s="61">
        <v>0</v>
      </c>
      <c r="CJ18" s="61">
        <v>0</v>
      </c>
      <c r="CK18" s="62">
        <v>0</v>
      </c>
      <c r="CL18" s="63">
        <v>0</v>
      </c>
      <c r="CM18" s="60">
        <v>21</v>
      </c>
      <c r="CN18" s="61">
        <v>29</v>
      </c>
      <c r="CO18" s="62">
        <v>50</v>
      </c>
      <c r="CP18" s="443">
        <v>0</v>
      </c>
      <c r="CQ18" s="61">
        <v>40</v>
      </c>
      <c r="CR18" s="61">
        <v>25</v>
      </c>
      <c r="CS18" s="61">
        <v>23</v>
      </c>
      <c r="CT18" s="61">
        <v>25</v>
      </c>
      <c r="CU18" s="61">
        <v>6</v>
      </c>
      <c r="CV18" s="62">
        <v>119</v>
      </c>
      <c r="CW18" s="63">
        <v>169</v>
      </c>
      <c r="CX18" s="113">
        <v>6</v>
      </c>
      <c r="CY18" s="72">
        <v>6</v>
      </c>
      <c r="CZ18" s="73">
        <v>12</v>
      </c>
      <c r="DA18" s="443">
        <v>0</v>
      </c>
      <c r="DB18" s="72">
        <v>7</v>
      </c>
      <c r="DC18" s="72">
        <v>4</v>
      </c>
      <c r="DD18" s="72">
        <v>1</v>
      </c>
      <c r="DE18" s="72">
        <v>5</v>
      </c>
      <c r="DF18" s="72">
        <v>1</v>
      </c>
      <c r="DG18" s="74">
        <v>18</v>
      </c>
      <c r="DH18" s="75">
        <v>30</v>
      </c>
      <c r="DI18" s="60">
        <v>0</v>
      </c>
      <c r="DJ18" s="61">
        <v>1</v>
      </c>
      <c r="DK18" s="62">
        <v>1</v>
      </c>
      <c r="DL18" s="443">
        <v>0</v>
      </c>
      <c r="DM18" s="61">
        <v>1</v>
      </c>
      <c r="DN18" s="61">
        <v>0</v>
      </c>
      <c r="DO18" s="61">
        <v>0</v>
      </c>
      <c r="DP18" s="61">
        <v>0</v>
      </c>
      <c r="DQ18" s="61">
        <v>0</v>
      </c>
      <c r="DR18" s="62">
        <v>1</v>
      </c>
      <c r="DS18" s="63">
        <v>2</v>
      </c>
      <c r="DT18" s="60">
        <v>1</v>
      </c>
      <c r="DU18" s="61">
        <v>0</v>
      </c>
      <c r="DV18" s="62">
        <v>1</v>
      </c>
      <c r="DW18" s="443">
        <v>0</v>
      </c>
      <c r="DX18" s="61">
        <v>1</v>
      </c>
      <c r="DY18" s="61">
        <v>0</v>
      </c>
      <c r="DZ18" s="61">
        <v>0</v>
      </c>
      <c r="EA18" s="61">
        <v>0</v>
      </c>
      <c r="EB18" s="61">
        <v>0</v>
      </c>
      <c r="EC18" s="62">
        <v>1</v>
      </c>
      <c r="ED18" s="63">
        <v>2</v>
      </c>
      <c r="EE18" s="60">
        <v>2</v>
      </c>
      <c r="EF18" s="61">
        <v>2</v>
      </c>
      <c r="EG18" s="62">
        <v>4</v>
      </c>
      <c r="EH18" s="443">
        <v>0</v>
      </c>
      <c r="EI18" s="61">
        <v>0</v>
      </c>
      <c r="EJ18" s="61">
        <v>0</v>
      </c>
      <c r="EK18" s="61">
        <v>0</v>
      </c>
      <c r="EL18" s="61">
        <v>0</v>
      </c>
      <c r="EM18" s="61">
        <v>0</v>
      </c>
      <c r="EN18" s="62">
        <v>0</v>
      </c>
      <c r="EO18" s="63">
        <v>4</v>
      </c>
      <c r="EP18" s="60">
        <v>0</v>
      </c>
      <c r="EQ18" s="61">
        <v>1</v>
      </c>
      <c r="ER18" s="62">
        <v>1</v>
      </c>
      <c r="ES18" s="443">
        <v>0</v>
      </c>
      <c r="ET18" s="61">
        <v>2</v>
      </c>
      <c r="EU18" s="61">
        <v>0</v>
      </c>
      <c r="EV18" s="61">
        <v>0</v>
      </c>
      <c r="EW18" s="61">
        <v>1</v>
      </c>
      <c r="EX18" s="61">
        <v>0</v>
      </c>
      <c r="EY18" s="62">
        <v>3</v>
      </c>
      <c r="EZ18" s="63">
        <v>4</v>
      </c>
      <c r="FA18" s="60">
        <v>2</v>
      </c>
      <c r="FB18" s="61">
        <v>1</v>
      </c>
      <c r="FC18" s="62">
        <v>3</v>
      </c>
      <c r="FD18" s="443">
        <v>0</v>
      </c>
      <c r="FE18" s="61">
        <v>1</v>
      </c>
      <c r="FF18" s="61">
        <v>1</v>
      </c>
      <c r="FG18" s="61">
        <v>0</v>
      </c>
      <c r="FH18" s="61">
        <v>1</v>
      </c>
      <c r="FI18" s="61">
        <v>1</v>
      </c>
      <c r="FJ18" s="62">
        <v>4</v>
      </c>
      <c r="FK18" s="63">
        <v>7</v>
      </c>
      <c r="FL18" s="60">
        <v>1</v>
      </c>
      <c r="FM18" s="61">
        <v>1</v>
      </c>
      <c r="FN18" s="62">
        <v>2</v>
      </c>
      <c r="FO18" s="443">
        <v>0</v>
      </c>
      <c r="FP18" s="61">
        <v>2</v>
      </c>
      <c r="FQ18" s="61">
        <v>3</v>
      </c>
      <c r="FR18" s="61">
        <v>1</v>
      </c>
      <c r="FS18" s="61">
        <v>3</v>
      </c>
      <c r="FT18" s="61">
        <v>0</v>
      </c>
      <c r="FU18" s="62">
        <v>9</v>
      </c>
      <c r="FV18" s="63">
        <v>11</v>
      </c>
      <c r="FW18" s="60">
        <v>0</v>
      </c>
      <c r="FX18" s="61">
        <v>0</v>
      </c>
      <c r="FY18" s="62">
        <v>0</v>
      </c>
      <c r="FZ18" s="443">
        <v>0</v>
      </c>
      <c r="GA18" s="61">
        <v>0</v>
      </c>
      <c r="GB18" s="61">
        <v>0</v>
      </c>
      <c r="GC18" s="61">
        <v>0</v>
      </c>
      <c r="GD18" s="61">
        <v>0</v>
      </c>
      <c r="GE18" s="61">
        <v>0</v>
      </c>
      <c r="GF18" s="62">
        <v>0</v>
      </c>
      <c r="GG18" s="63">
        <v>0</v>
      </c>
      <c r="GH18" s="60">
        <v>6</v>
      </c>
      <c r="GI18" s="61">
        <v>6</v>
      </c>
      <c r="GJ18" s="62">
        <v>12</v>
      </c>
      <c r="GK18" s="443">
        <v>0</v>
      </c>
      <c r="GL18" s="61">
        <v>7</v>
      </c>
      <c r="GM18" s="61">
        <v>4</v>
      </c>
      <c r="GN18" s="61">
        <v>1</v>
      </c>
      <c r="GO18" s="61">
        <v>5</v>
      </c>
      <c r="GP18" s="61">
        <v>1</v>
      </c>
      <c r="GQ18" s="62">
        <v>18</v>
      </c>
      <c r="GR18" s="63">
        <v>30</v>
      </c>
      <c r="GS18" s="113">
        <v>27</v>
      </c>
      <c r="GT18" s="72">
        <v>35</v>
      </c>
      <c r="GU18" s="73">
        <v>62</v>
      </c>
      <c r="GV18" s="443">
        <v>0</v>
      </c>
      <c r="GW18" s="72">
        <v>47</v>
      </c>
      <c r="GX18" s="72">
        <v>29</v>
      </c>
      <c r="GY18" s="72">
        <v>24</v>
      </c>
      <c r="GZ18" s="72">
        <v>30</v>
      </c>
      <c r="HA18" s="72">
        <v>7</v>
      </c>
      <c r="HB18" s="74">
        <v>137</v>
      </c>
      <c r="HC18" s="75">
        <v>199</v>
      </c>
      <c r="HD18" s="60">
        <v>0</v>
      </c>
      <c r="HE18" s="61">
        <v>2</v>
      </c>
      <c r="HF18" s="62">
        <v>2</v>
      </c>
      <c r="HG18" s="443">
        <v>0</v>
      </c>
      <c r="HH18" s="61">
        <v>2</v>
      </c>
      <c r="HI18" s="61">
        <v>0</v>
      </c>
      <c r="HJ18" s="61">
        <v>0</v>
      </c>
      <c r="HK18" s="61">
        <v>1</v>
      </c>
      <c r="HL18" s="61">
        <v>0</v>
      </c>
      <c r="HM18" s="62">
        <v>3</v>
      </c>
      <c r="HN18" s="63">
        <v>5</v>
      </c>
      <c r="HO18" s="60">
        <v>3</v>
      </c>
      <c r="HP18" s="61">
        <v>2</v>
      </c>
      <c r="HQ18" s="62">
        <v>5</v>
      </c>
      <c r="HR18" s="443">
        <v>0</v>
      </c>
      <c r="HS18" s="61">
        <v>4</v>
      </c>
      <c r="HT18" s="61">
        <v>2</v>
      </c>
      <c r="HU18" s="61">
        <v>3</v>
      </c>
      <c r="HV18" s="61">
        <v>3</v>
      </c>
      <c r="HW18" s="61">
        <v>1</v>
      </c>
      <c r="HX18" s="62">
        <v>13</v>
      </c>
      <c r="HY18" s="63">
        <v>18</v>
      </c>
      <c r="HZ18" s="60">
        <v>5</v>
      </c>
      <c r="IA18" s="61">
        <v>4</v>
      </c>
      <c r="IB18" s="62">
        <v>9</v>
      </c>
      <c r="IC18" s="443">
        <v>0</v>
      </c>
      <c r="ID18" s="61">
        <v>5</v>
      </c>
      <c r="IE18" s="61">
        <v>7</v>
      </c>
      <c r="IF18" s="61">
        <v>1</v>
      </c>
      <c r="IG18" s="61">
        <v>1</v>
      </c>
      <c r="IH18" s="61">
        <v>2</v>
      </c>
      <c r="II18" s="62">
        <v>16</v>
      </c>
      <c r="IJ18" s="63">
        <v>25</v>
      </c>
      <c r="IK18" s="60">
        <v>8</v>
      </c>
      <c r="IL18" s="61">
        <v>5</v>
      </c>
      <c r="IM18" s="62">
        <v>13</v>
      </c>
      <c r="IN18" s="443">
        <v>0</v>
      </c>
      <c r="IO18" s="61">
        <v>12</v>
      </c>
      <c r="IP18" s="61">
        <v>5</v>
      </c>
      <c r="IQ18" s="61">
        <v>5</v>
      </c>
      <c r="IR18" s="61">
        <v>3</v>
      </c>
      <c r="IS18" s="61">
        <v>1</v>
      </c>
      <c r="IT18" s="62">
        <v>26</v>
      </c>
      <c r="IU18" s="63">
        <v>39</v>
      </c>
      <c r="IV18" s="60">
        <v>4</v>
      </c>
      <c r="IW18" s="61">
        <v>12</v>
      </c>
      <c r="IX18" s="62">
        <v>16</v>
      </c>
      <c r="IY18" s="443">
        <v>0</v>
      </c>
      <c r="IZ18" s="61">
        <v>10</v>
      </c>
      <c r="JA18" s="61">
        <v>3</v>
      </c>
      <c r="JB18" s="61">
        <v>5</v>
      </c>
      <c r="JC18" s="61">
        <v>7</v>
      </c>
      <c r="JD18" s="61">
        <v>2</v>
      </c>
      <c r="JE18" s="62">
        <v>27</v>
      </c>
      <c r="JF18" s="63">
        <v>43</v>
      </c>
      <c r="JG18" s="60">
        <v>7</v>
      </c>
      <c r="JH18" s="61">
        <v>10</v>
      </c>
      <c r="JI18" s="62">
        <v>17</v>
      </c>
      <c r="JJ18" s="443">
        <v>0</v>
      </c>
      <c r="JK18" s="61">
        <v>14</v>
      </c>
      <c r="JL18" s="61">
        <v>12</v>
      </c>
      <c r="JM18" s="61">
        <v>10</v>
      </c>
      <c r="JN18" s="61">
        <v>15</v>
      </c>
      <c r="JO18" s="61">
        <v>1</v>
      </c>
      <c r="JP18" s="62">
        <v>52</v>
      </c>
      <c r="JQ18" s="63">
        <v>69</v>
      </c>
      <c r="JR18" s="60">
        <v>0</v>
      </c>
      <c r="JS18" s="61">
        <v>0</v>
      </c>
      <c r="JT18" s="62">
        <v>0</v>
      </c>
      <c r="JU18" s="443">
        <v>0</v>
      </c>
      <c r="JV18" s="61">
        <v>0</v>
      </c>
      <c r="JW18" s="61">
        <v>0</v>
      </c>
      <c r="JX18" s="61">
        <v>0</v>
      </c>
      <c r="JY18" s="61">
        <v>0</v>
      </c>
      <c r="JZ18" s="61">
        <v>0</v>
      </c>
      <c r="KA18" s="62">
        <v>0</v>
      </c>
      <c r="KB18" s="63">
        <v>0</v>
      </c>
      <c r="KC18" s="60">
        <v>27</v>
      </c>
      <c r="KD18" s="61">
        <v>35</v>
      </c>
      <c r="KE18" s="62">
        <v>62</v>
      </c>
      <c r="KF18" s="443">
        <v>0</v>
      </c>
      <c r="KG18" s="61">
        <v>47</v>
      </c>
      <c r="KH18" s="61">
        <v>29</v>
      </c>
      <c r="KI18" s="61">
        <v>24</v>
      </c>
      <c r="KJ18" s="61">
        <v>30</v>
      </c>
      <c r="KK18" s="61">
        <v>7</v>
      </c>
      <c r="KL18" s="62">
        <v>137</v>
      </c>
      <c r="KM18" s="63">
        <v>199</v>
      </c>
    </row>
    <row r="19" spans="2:299" ht="21" customHeight="1" x14ac:dyDescent="0.2">
      <c r="B19" s="437" t="s">
        <v>16</v>
      </c>
      <c r="C19" s="287">
        <v>39</v>
      </c>
      <c r="D19" s="72">
        <v>49</v>
      </c>
      <c r="E19" s="73">
        <v>88</v>
      </c>
      <c r="F19" s="443">
        <v>0</v>
      </c>
      <c r="G19" s="72">
        <v>71</v>
      </c>
      <c r="H19" s="72">
        <v>103</v>
      </c>
      <c r="I19" s="72">
        <v>52</v>
      </c>
      <c r="J19" s="72">
        <v>37</v>
      </c>
      <c r="K19" s="72">
        <v>25</v>
      </c>
      <c r="L19" s="74">
        <v>288</v>
      </c>
      <c r="M19" s="75">
        <v>376</v>
      </c>
      <c r="N19" s="60">
        <v>2</v>
      </c>
      <c r="O19" s="61">
        <v>0</v>
      </c>
      <c r="P19" s="62">
        <v>2</v>
      </c>
      <c r="Q19" s="443">
        <v>0</v>
      </c>
      <c r="R19" s="61">
        <v>0</v>
      </c>
      <c r="S19" s="61">
        <v>2</v>
      </c>
      <c r="T19" s="61">
        <v>0</v>
      </c>
      <c r="U19" s="61">
        <v>0</v>
      </c>
      <c r="V19" s="61">
        <v>1</v>
      </c>
      <c r="W19" s="62">
        <v>3</v>
      </c>
      <c r="X19" s="63">
        <v>5</v>
      </c>
      <c r="Y19" s="60">
        <v>0</v>
      </c>
      <c r="Z19" s="61">
        <v>3</v>
      </c>
      <c r="AA19" s="62">
        <v>3</v>
      </c>
      <c r="AB19" s="443">
        <v>0</v>
      </c>
      <c r="AC19" s="61">
        <v>7</v>
      </c>
      <c r="AD19" s="61">
        <v>8</v>
      </c>
      <c r="AE19" s="61">
        <v>5</v>
      </c>
      <c r="AF19" s="61">
        <v>1</v>
      </c>
      <c r="AG19" s="61">
        <v>3</v>
      </c>
      <c r="AH19" s="62">
        <v>24</v>
      </c>
      <c r="AI19" s="63">
        <v>27</v>
      </c>
      <c r="AJ19" s="60">
        <v>6</v>
      </c>
      <c r="AK19" s="61">
        <v>5</v>
      </c>
      <c r="AL19" s="62">
        <v>11</v>
      </c>
      <c r="AM19" s="443">
        <v>0</v>
      </c>
      <c r="AN19" s="61">
        <v>5</v>
      </c>
      <c r="AO19" s="61">
        <v>7</v>
      </c>
      <c r="AP19" s="61">
        <v>10</v>
      </c>
      <c r="AQ19" s="61">
        <v>1</v>
      </c>
      <c r="AR19" s="61">
        <v>5</v>
      </c>
      <c r="AS19" s="62">
        <v>28</v>
      </c>
      <c r="AT19" s="63">
        <v>39</v>
      </c>
      <c r="AU19" s="60">
        <v>10</v>
      </c>
      <c r="AV19" s="61">
        <v>8</v>
      </c>
      <c r="AW19" s="62">
        <v>18</v>
      </c>
      <c r="AX19" s="443">
        <v>0</v>
      </c>
      <c r="AY19" s="61">
        <v>14</v>
      </c>
      <c r="AZ19" s="61">
        <v>26</v>
      </c>
      <c r="BA19" s="61">
        <v>9</v>
      </c>
      <c r="BB19" s="61">
        <v>6</v>
      </c>
      <c r="BC19" s="61">
        <v>7</v>
      </c>
      <c r="BD19" s="62">
        <v>62</v>
      </c>
      <c r="BE19" s="63">
        <v>80</v>
      </c>
      <c r="BF19" s="60">
        <v>10</v>
      </c>
      <c r="BG19" s="61">
        <v>19</v>
      </c>
      <c r="BH19" s="62">
        <v>29</v>
      </c>
      <c r="BI19" s="443">
        <v>0</v>
      </c>
      <c r="BJ19" s="61">
        <v>23</v>
      </c>
      <c r="BK19" s="61">
        <v>25</v>
      </c>
      <c r="BL19" s="61">
        <v>10</v>
      </c>
      <c r="BM19" s="61">
        <v>4</v>
      </c>
      <c r="BN19" s="61">
        <v>2</v>
      </c>
      <c r="BO19" s="62">
        <v>64</v>
      </c>
      <c r="BP19" s="63">
        <v>93</v>
      </c>
      <c r="BQ19" s="60">
        <v>11</v>
      </c>
      <c r="BR19" s="61">
        <v>14</v>
      </c>
      <c r="BS19" s="62">
        <v>25</v>
      </c>
      <c r="BT19" s="443">
        <v>0</v>
      </c>
      <c r="BU19" s="61">
        <v>22</v>
      </c>
      <c r="BV19" s="61">
        <v>35</v>
      </c>
      <c r="BW19" s="61">
        <v>18</v>
      </c>
      <c r="BX19" s="61">
        <v>25</v>
      </c>
      <c r="BY19" s="61">
        <v>7</v>
      </c>
      <c r="BZ19" s="62">
        <v>107</v>
      </c>
      <c r="CA19" s="63">
        <v>132</v>
      </c>
      <c r="CB19" s="60">
        <v>0</v>
      </c>
      <c r="CC19" s="61">
        <v>0</v>
      </c>
      <c r="CD19" s="62">
        <v>0</v>
      </c>
      <c r="CE19" s="443">
        <v>0</v>
      </c>
      <c r="CF19" s="61">
        <v>0</v>
      </c>
      <c r="CG19" s="61">
        <v>0</v>
      </c>
      <c r="CH19" s="61">
        <v>0</v>
      </c>
      <c r="CI19" s="61">
        <v>0</v>
      </c>
      <c r="CJ19" s="61">
        <v>0</v>
      </c>
      <c r="CK19" s="62">
        <v>0</v>
      </c>
      <c r="CL19" s="63">
        <v>0</v>
      </c>
      <c r="CM19" s="60">
        <v>39</v>
      </c>
      <c r="CN19" s="61">
        <v>49</v>
      </c>
      <c r="CO19" s="62">
        <v>88</v>
      </c>
      <c r="CP19" s="443">
        <v>0</v>
      </c>
      <c r="CQ19" s="61">
        <v>71</v>
      </c>
      <c r="CR19" s="61">
        <v>103</v>
      </c>
      <c r="CS19" s="61">
        <v>52</v>
      </c>
      <c r="CT19" s="61">
        <v>37</v>
      </c>
      <c r="CU19" s="61">
        <v>25</v>
      </c>
      <c r="CV19" s="62">
        <v>288</v>
      </c>
      <c r="CW19" s="63">
        <v>376</v>
      </c>
      <c r="CX19" s="113">
        <v>9</v>
      </c>
      <c r="CY19" s="72">
        <v>13</v>
      </c>
      <c r="CZ19" s="73">
        <v>22</v>
      </c>
      <c r="DA19" s="443">
        <v>0</v>
      </c>
      <c r="DB19" s="72">
        <v>5</v>
      </c>
      <c r="DC19" s="72">
        <v>11</v>
      </c>
      <c r="DD19" s="72">
        <v>5</v>
      </c>
      <c r="DE19" s="72">
        <v>10</v>
      </c>
      <c r="DF19" s="72">
        <v>8</v>
      </c>
      <c r="DG19" s="74">
        <v>39</v>
      </c>
      <c r="DH19" s="75">
        <v>61</v>
      </c>
      <c r="DI19" s="60">
        <v>0</v>
      </c>
      <c r="DJ19" s="61">
        <v>1</v>
      </c>
      <c r="DK19" s="62">
        <v>1</v>
      </c>
      <c r="DL19" s="443">
        <v>0</v>
      </c>
      <c r="DM19" s="61">
        <v>0</v>
      </c>
      <c r="DN19" s="61">
        <v>0</v>
      </c>
      <c r="DO19" s="61">
        <v>0</v>
      </c>
      <c r="DP19" s="61">
        <v>0</v>
      </c>
      <c r="DQ19" s="61">
        <v>0</v>
      </c>
      <c r="DR19" s="62">
        <v>0</v>
      </c>
      <c r="DS19" s="63">
        <v>1</v>
      </c>
      <c r="DT19" s="60">
        <v>0</v>
      </c>
      <c r="DU19" s="61">
        <v>1</v>
      </c>
      <c r="DV19" s="62">
        <v>1</v>
      </c>
      <c r="DW19" s="443">
        <v>0</v>
      </c>
      <c r="DX19" s="61">
        <v>0</v>
      </c>
      <c r="DY19" s="61">
        <v>1</v>
      </c>
      <c r="DZ19" s="61">
        <v>0</v>
      </c>
      <c r="EA19" s="61">
        <v>0</v>
      </c>
      <c r="EB19" s="61">
        <v>1</v>
      </c>
      <c r="EC19" s="62">
        <v>2</v>
      </c>
      <c r="ED19" s="63">
        <v>3</v>
      </c>
      <c r="EE19" s="60">
        <v>1</v>
      </c>
      <c r="EF19" s="61">
        <v>1</v>
      </c>
      <c r="EG19" s="62">
        <v>2</v>
      </c>
      <c r="EH19" s="443">
        <v>0</v>
      </c>
      <c r="EI19" s="61">
        <v>1</v>
      </c>
      <c r="EJ19" s="61">
        <v>0</v>
      </c>
      <c r="EK19" s="61">
        <v>0</v>
      </c>
      <c r="EL19" s="61">
        <v>1</v>
      </c>
      <c r="EM19" s="61">
        <v>1</v>
      </c>
      <c r="EN19" s="62">
        <v>3</v>
      </c>
      <c r="EO19" s="63">
        <v>5</v>
      </c>
      <c r="EP19" s="60">
        <v>2</v>
      </c>
      <c r="EQ19" s="61">
        <v>2</v>
      </c>
      <c r="ER19" s="62">
        <v>4</v>
      </c>
      <c r="ES19" s="443">
        <v>0</v>
      </c>
      <c r="ET19" s="61">
        <v>2</v>
      </c>
      <c r="EU19" s="61">
        <v>6</v>
      </c>
      <c r="EV19" s="61">
        <v>0</v>
      </c>
      <c r="EW19" s="61">
        <v>2</v>
      </c>
      <c r="EX19" s="61">
        <v>1</v>
      </c>
      <c r="EY19" s="62">
        <v>11</v>
      </c>
      <c r="EZ19" s="63">
        <v>15</v>
      </c>
      <c r="FA19" s="60">
        <v>4</v>
      </c>
      <c r="FB19" s="61">
        <v>6</v>
      </c>
      <c r="FC19" s="62">
        <v>10</v>
      </c>
      <c r="FD19" s="443">
        <v>0</v>
      </c>
      <c r="FE19" s="61">
        <v>0</v>
      </c>
      <c r="FF19" s="61">
        <v>2</v>
      </c>
      <c r="FG19" s="61">
        <v>3</v>
      </c>
      <c r="FH19" s="61">
        <v>3</v>
      </c>
      <c r="FI19" s="61">
        <v>1</v>
      </c>
      <c r="FJ19" s="62">
        <v>9</v>
      </c>
      <c r="FK19" s="63">
        <v>19</v>
      </c>
      <c r="FL19" s="60">
        <v>2</v>
      </c>
      <c r="FM19" s="61">
        <v>2</v>
      </c>
      <c r="FN19" s="62">
        <v>4</v>
      </c>
      <c r="FO19" s="443">
        <v>0</v>
      </c>
      <c r="FP19" s="61">
        <v>2</v>
      </c>
      <c r="FQ19" s="61">
        <v>2</v>
      </c>
      <c r="FR19" s="61">
        <v>2</v>
      </c>
      <c r="FS19" s="61">
        <v>4</v>
      </c>
      <c r="FT19" s="61">
        <v>4</v>
      </c>
      <c r="FU19" s="62">
        <v>14</v>
      </c>
      <c r="FV19" s="63">
        <v>18</v>
      </c>
      <c r="FW19" s="60">
        <v>0</v>
      </c>
      <c r="FX19" s="61">
        <v>0</v>
      </c>
      <c r="FY19" s="62">
        <v>0</v>
      </c>
      <c r="FZ19" s="443">
        <v>0</v>
      </c>
      <c r="GA19" s="61">
        <v>0</v>
      </c>
      <c r="GB19" s="61">
        <v>0</v>
      </c>
      <c r="GC19" s="61">
        <v>0</v>
      </c>
      <c r="GD19" s="61">
        <v>0</v>
      </c>
      <c r="GE19" s="61">
        <v>0</v>
      </c>
      <c r="GF19" s="62">
        <v>0</v>
      </c>
      <c r="GG19" s="63">
        <v>0</v>
      </c>
      <c r="GH19" s="60">
        <v>9</v>
      </c>
      <c r="GI19" s="61">
        <v>13</v>
      </c>
      <c r="GJ19" s="62">
        <v>22</v>
      </c>
      <c r="GK19" s="443">
        <v>0</v>
      </c>
      <c r="GL19" s="61">
        <v>5</v>
      </c>
      <c r="GM19" s="61">
        <v>11</v>
      </c>
      <c r="GN19" s="61">
        <v>5</v>
      </c>
      <c r="GO19" s="61">
        <v>10</v>
      </c>
      <c r="GP19" s="61">
        <v>8</v>
      </c>
      <c r="GQ19" s="62">
        <v>39</v>
      </c>
      <c r="GR19" s="63">
        <v>61</v>
      </c>
      <c r="GS19" s="113">
        <v>48</v>
      </c>
      <c r="GT19" s="72">
        <v>62</v>
      </c>
      <c r="GU19" s="73">
        <v>110</v>
      </c>
      <c r="GV19" s="443">
        <v>0</v>
      </c>
      <c r="GW19" s="72">
        <v>76</v>
      </c>
      <c r="GX19" s="72">
        <v>114</v>
      </c>
      <c r="GY19" s="72">
        <v>57</v>
      </c>
      <c r="GZ19" s="72">
        <v>47</v>
      </c>
      <c r="HA19" s="72">
        <v>33</v>
      </c>
      <c r="HB19" s="74">
        <v>327</v>
      </c>
      <c r="HC19" s="75">
        <v>437</v>
      </c>
      <c r="HD19" s="60">
        <v>2</v>
      </c>
      <c r="HE19" s="61">
        <v>1</v>
      </c>
      <c r="HF19" s="62">
        <v>3</v>
      </c>
      <c r="HG19" s="443">
        <v>0</v>
      </c>
      <c r="HH19" s="61">
        <v>0</v>
      </c>
      <c r="HI19" s="61">
        <v>2</v>
      </c>
      <c r="HJ19" s="61">
        <v>0</v>
      </c>
      <c r="HK19" s="61">
        <v>0</v>
      </c>
      <c r="HL19" s="61">
        <v>1</v>
      </c>
      <c r="HM19" s="62">
        <v>3</v>
      </c>
      <c r="HN19" s="63">
        <v>6</v>
      </c>
      <c r="HO19" s="60">
        <v>0</v>
      </c>
      <c r="HP19" s="61">
        <v>4</v>
      </c>
      <c r="HQ19" s="62">
        <v>4</v>
      </c>
      <c r="HR19" s="443">
        <v>0</v>
      </c>
      <c r="HS19" s="61">
        <v>7</v>
      </c>
      <c r="HT19" s="61">
        <v>9</v>
      </c>
      <c r="HU19" s="61">
        <v>5</v>
      </c>
      <c r="HV19" s="61">
        <v>1</v>
      </c>
      <c r="HW19" s="61">
        <v>4</v>
      </c>
      <c r="HX19" s="62">
        <v>26</v>
      </c>
      <c r="HY19" s="63">
        <v>30</v>
      </c>
      <c r="HZ19" s="60">
        <v>7</v>
      </c>
      <c r="IA19" s="61">
        <v>6</v>
      </c>
      <c r="IB19" s="62">
        <v>13</v>
      </c>
      <c r="IC19" s="443">
        <v>0</v>
      </c>
      <c r="ID19" s="61">
        <v>6</v>
      </c>
      <c r="IE19" s="61">
        <v>7</v>
      </c>
      <c r="IF19" s="61">
        <v>10</v>
      </c>
      <c r="IG19" s="61">
        <v>2</v>
      </c>
      <c r="IH19" s="61">
        <v>6</v>
      </c>
      <c r="II19" s="62">
        <v>31</v>
      </c>
      <c r="IJ19" s="63">
        <v>44</v>
      </c>
      <c r="IK19" s="60">
        <v>12</v>
      </c>
      <c r="IL19" s="61">
        <v>10</v>
      </c>
      <c r="IM19" s="62">
        <v>22</v>
      </c>
      <c r="IN19" s="443">
        <v>0</v>
      </c>
      <c r="IO19" s="61">
        <v>16</v>
      </c>
      <c r="IP19" s="61">
        <v>32</v>
      </c>
      <c r="IQ19" s="61">
        <v>9</v>
      </c>
      <c r="IR19" s="61">
        <v>8</v>
      </c>
      <c r="IS19" s="61">
        <v>8</v>
      </c>
      <c r="IT19" s="62">
        <v>73</v>
      </c>
      <c r="IU19" s="63">
        <v>95</v>
      </c>
      <c r="IV19" s="60">
        <v>14</v>
      </c>
      <c r="IW19" s="61">
        <v>25</v>
      </c>
      <c r="IX19" s="62">
        <v>39</v>
      </c>
      <c r="IY19" s="443">
        <v>0</v>
      </c>
      <c r="IZ19" s="61">
        <v>23</v>
      </c>
      <c r="JA19" s="61">
        <v>27</v>
      </c>
      <c r="JB19" s="61">
        <v>13</v>
      </c>
      <c r="JC19" s="61">
        <v>7</v>
      </c>
      <c r="JD19" s="61">
        <v>3</v>
      </c>
      <c r="JE19" s="62">
        <v>73</v>
      </c>
      <c r="JF19" s="63">
        <v>112</v>
      </c>
      <c r="JG19" s="60">
        <v>13</v>
      </c>
      <c r="JH19" s="61">
        <v>16</v>
      </c>
      <c r="JI19" s="62">
        <v>29</v>
      </c>
      <c r="JJ19" s="443">
        <v>0</v>
      </c>
      <c r="JK19" s="61">
        <v>24</v>
      </c>
      <c r="JL19" s="61">
        <v>37</v>
      </c>
      <c r="JM19" s="61">
        <v>20</v>
      </c>
      <c r="JN19" s="61">
        <v>29</v>
      </c>
      <c r="JO19" s="61">
        <v>11</v>
      </c>
      <c r="JP19" s="62">
        <v>121</v>
      </c>
      <c r="JQ19" s="63">
        <v>150</v>
      </c>
      <c r="JR19" s="60">
        <v>0</v>
      </c>
      <c r="JS19" s="61">
        <v>0</v>
      </c>
      <c r="JT19" s="62">
        <v>0</v>
      </c>
      <c r="JU19" s="443">
        <v>0</v>
      </c>
      <c r="JV19" s="61">
        <v>0</v>
      </c>
      <c r="JW19" s="61">
        <v>0</v>
      </c>
      <c r="JX19" s="61">
        <v>0</v>
      </c>
      <c r="JY19" s="61">
        <v>0</v>
      </c>
      <c r="JZ19" s="61">
        <v>0</v>
      </c>
      <c r="KA19" s="62">
        <v>0</v>
      </c>
      <c r="KB19" s="63">
        <v>0</v>
      </c>
      <c r="KC19" s="60">
        <v>48</v>
      </c>
      <c r="KD19" s="61">
        <v>62</v>
      </c>
      <c r="KE19" s="62">
        <v>110</v>
      </c>
      <c r="KF19" s="443">
        <v>0</v>
      </c>
      <c r="KG19" s="61">
        <v>76</v>
      </c>
      <c r="KH19" s="61">
        <v>114</v>
      </c>
      <c r="KI19" s="61">
        <v>57</v>
      </c>
      <c r="KJ19" s="61">
        <v>47</v>
      </c>
      <c r="KK19" s="61">
        <v>33</v>
      </c>
      <c r="KL19" s="62">
        <v>327</v>
      </c>
      <c r="KM19" s="63">
        <v>437</v>
      </c>
    </row>
    <row r="20" spans="2:299" ht="21" customHeight="1" x14ac:dyDescent="0.2">
      <c r="B20" s="437" t="s">
        <v>17</v>
      </c>
      <c r="C20" s="287">
        <v>70</v>
      </c>
      <c r="D20" s="72">
        <v>54</v>
      </c>
      <c r="E20" s="73">
        <v>124</v>
      </c>
      <c r="F20" s="443">
        <v>0</v>
      </c>
      <c r="G20" s="72">
        <v>107</v>
      </c>
      <c r="H20" s="72">
        <v>114</v>
      </c>
      <c r="I20" s="72">
        <v>69</v>
      </c>
      <c r="J20" s="72">
        <v>31</v>
      </c>
      <c r="K20" s="72">
        <v>26</v>
      </c>
      <c r="L20" s="74">
        <v>347</v>
      </c>
      <c r="M20" s="75">
        <v>471</v>
      </c>
      <c r="N20" s="60">
        <v>2</v>
      </c>
      <c r="O20" s="61">
        <v>3</v>
      </c>
      <c r="P20" s="62">
        <v>5</v>
      </c>
      <c r="Q20" s="443">
        <v>0</v>
      </c>
      <c r="R20" s="61">
        <v>1</v>
      </c>
      <c r="S20" s="61">
        <v>1</v>
      </c>
      <c r="T20" s="61">
        <v>4</v>
      </c>
      <c r="U20" s="61">
        <v>0</v>
      </c>
      <c r="V20" s="61">
        <v>1</v>
      </c>
      <c r="W20" s="62">
        <v>7</v>
      </c>
      <c r="X20" s="63">
        <v>12</v>
      </c>
      <c r="Y20" s="60">
        <v>1</v>
      </c>
      <c r="Z20" s="61">
        <v>2</v>
      </c>
      <c r="AA20" s="62">
        <v>3</v>
      </c>
      <c r="AB20" s="443">
        <v>0</v>
      </c>
      <c r="AC20" s="61">
        <v>7</v>
      </c>
      <c r="AD20" s="61">
        <v>3</v>
      </c>
      <c r="AE20" s="61">
        <v>3</v>
      </c>
      <c r="AF20" s="61">
        <v>1</v>
      </c>
      <c r="AG20" s="61">
        <v>1</v>
      </c>
      <c r="AH20" s="62">
        <v>15</v>
      </c>
      <c r="AI20" s="63">
        <v>18</v>
      </c>
      <c r="AJ20" s="60">
        <v>7</v>
      </c>
      <c r="AK20" s="61">
        <v>5</v>
      </c>
      <c r="AL20" s="62">
        <v>12</v>
      </c>
      <c r="AM20" s="443">
        <v>0</v>
      </c>
      <c r="AN20" s="61">
        <v>14</v>
      </c>
      <c r="AO20" s="61">
        <v>16</v>
      </c>
      <c r="AP20" s="61">
        <v>6</v>
      </c>
      <c r="AQ20" s="61">
        <v>2</v>
      </c>
      <c r="AR20" s="61">
        <v>2</v>
      </c>
      <c r="AS20" s="62">
        <v>40</v>
      </c>
      <c r="AT20" s="63">
        <v>52</v>
      </c>
      <c r="AU20" s="60">
        <v>21</v>
      </c>
      <c r="AV20" s="61">
        <v>15</v>
      </c>
      <c r="AW20" s="62">
        <v>36</v>
      </c>
      <c r="AX20" s="443">
        <v>0</v>
      </c>
      <c r="AY20" s="61">
        <v>27</v>
      </c>
      <c r="AZ20" s="61">
        <v>29</v>
      </c>
      <c r="BA20" s="61">
        <v>12</v>
      </c>
      <c r="BB20" s="61">
        <v>6</v>
      </c>
      <c r="BC20" s="61">
        <v>4</v>
      </c>
      <c r="BD20" s="62">
        <v>78</v>
      </c>
      <c r="BE20" s="63">
        <v>114</v>
      </c>
      <c r="BF20" s="60">
        <v>20</v>
      </c>
      <c r="BG20" s="61">
        <v>13</v>
      </c>
      <c r="BH20" s="62">
        <v>33</v>
      </c>
      <c r="BI20" s="443">
        <v>0</v>
      </c>
      <c r="BJ20" s="61">
        <v>29</v>
      </c>
      <c r="BK20" s="61">
        <v>38</v>
      </c>
      <c r="BL20" s="61">
        <v>24</v>
      </c>
      <c r="BM20" s="61">
        <v>10</v>
      </c>
      <c r="BN20" s="61">
        <v>7</v>
      </c>
      <c r="BO20" s="62">
        <v>108</v>
      </c>
      <c r="BP20" s="63">
        <v>141</v>
      </c>
      <c r="BQ20" s="60">
        <v>19</v>
      </c>
      <c r="BR20" s="61">
        <v>16</v>
      </c>
      <c r="BS20" s="62">
        <v>35</v>
      </c>
      <c r="BT20" s="443">
        <v>0</v>
      </c>
      <c r="BU20" s="61">
        <v>29</v>
      </c>
      <c r="BV20" s="61">
        <v>27</v>
      </c>
      <c r="BW20" s="61">
        <v>20</v>
      </c>
      <c r="BX20" s="61">
        <v>12</v>
      </c>
      <c r="BY20" s="61">
        <v>11</v>
      </c>
      <c r="BZ20" s="62">
        <v>99</v>
      </c>
      <c r="CA20" s="63">
        <v>134</v>
      </c>
      <c r="CB20" s="60">
        <v>0</v>
      </c>
      <c r="CC20" s="61">
        <v>0</v>
      </c>
      <c r="CD20" s="62">
        <v>0</v>
      </c>
      <c r="CE20" s="443">
        <v>0</v>
      </c>
      <c r="CF20" s="61">
        <v>0</v>
      </c>
      <c r="CG20" s="61">
        <v>0</v>
      </c>
      <c r="CH20" s="61">
        <v>0</v>
      </c>
      <c r="CI20" s="61">
        <v>0</v>
      </c>
      <c r="CJ20" s="61">
        <v>0</v>
      </c>
      <c r="CK20" s="62">
        <v>0</v>
      </c>
      <c r="CL20" s="63">
        <v>0</v>
      </c>
      <c r="CM20" s="60">
        <v>70</v>
      </c>
      <c r="CN20" s="61">
        <v>54</v>
      </c>
      <c r="CO20" s="62">
        <v>124</v>
      </c>
      <c r="CP20" s="443">
        <v>0</v>
      </c>
      <c r="CQ20" s="61">
        <v>107</v>
      </c>
      <c r="CR20" s="61">
        <v>114</v>
      </c>
      <c r="CS20" s="61">
        <v>69</v>
      </c>
      <c r="CT20" s="61">
        <v>31</v>
      </c>
      <c r="CU20" s="61">
        <v>26</v>
      </c>
      <c r="CV20" s="62">
        <v>347</v>
      </c>
      <c r="CW20" s="63">
        <v>471</v>
      </c>
      <c r="CX20" s="113">
        <v>9</v>
      </c>
      <c r="CY20" s="72">
        <v>8</v>
      </c>
      <c r="CZ20" s="73">
        <v>17</v>
      </c>
      <c r="DA20" s="443">
        <v>0</v>
      </c>
      <c r="DB20" s="72">
        <v>10</v>
      </c>
      <c r="DC20" s="72">
        <v>18</v>
      </c>
      <c r="DD20" s="72">
        <v>9</v>
      </c>
      <c r="DE20" s="72">
        <v>12</v>
      </c>
      <c r="DF20" s="72">
        <v>5</v>
      </c>
      <c r="DG20" s="74">
        <v>54</v>
      </c>
      <c r="DH20" s="75">
        <v>71</v>
      </c>
      <c r="DI20" s="60">
        <v>0</v>
      </c>
      <c r="DJ20" s="61">
        <v>0</v>
      </c>
      <c r="DK20" s="62">
        <v>0</v>
      </c>
      <c r="DL20" s="443">
        <v>0</v>
      </c>
      <c r="DM20" s="61">
        <v>0</v>
      </c>
      <c r="DN20" s="61">
        <v>2</v>
      </c>
      <c r="DO20" s="61">
        <v>0</v>
      </c>
      <c r="DP20" s="61">
        <v>1</v>
      </c>
      <c r="DQ20" s="61">
        <v>0</v>
      </c>
      <c r="DR20" s="62">
        <v>3</v>
      </c>
      <c r="DS20" s="63">
        <v>3</v>
      </c>
      <c r="DT20" s="60">
        <v>0</v>
      </c>
      <c r="DU20" s="61">
        <v>1</v>
      </c>
      <c r="DV20" s="62">
        <v>1</v>
      </c>
      <c r="DW20" s="443">
        <v>0</v>
      </c>
      <c r="DX20" s="61">
        <v>0</v>
      </c>
      <c r="DY20" s="61">
        <v>1</v>
      </c>
      <c r="DZ20" s="61">
        <v>1</v>
      </c>
      <c r="EA20" s="61">
        <v>0</v>
      </c>
      <c r="EB20" s="61">
        <v>0</v>
      </c>
      <c r="EC20" s="62">
        <v>2</v>
      </c>
      <c r="ED20" s="63">
        <v>3</v>
      </c>
      <c r="EE20" s="60">
        <v>5</v>
      </c>
      <c r="EF20" s="61">
        <v>4</v>
      </c>
      <c r="EG20" s="62">
        <v>9</v>
      </c>
      <c r="EH20" s="443">
        <v>0</v>
      </c>
      <c r="EI20" s="61">
        <v>0</v>
      </c>
      <c r="EJ20" s="61">
        <v>0</v>
      </c>
      <c r="EK20" s="61">
        <v>0</v>
      </c>
      <c r="EL20" s="61">
        <v>0</v>
      </c>
      <c r="EM20" s="61">
        <v>0</v>
      </c>
      <c r="EN20" s="62">
        <v>0</v>
      </c>
      <c r="EO20" s="63">
        <v>9</v>
      </c>
      <c r="EP20" s="60">
        <v>2</v>
      </c>
      <c r="EQ20" s="61">
        <v>1</v>
      </c>
      <c r="ER20" s="62">
        <v>3</v>
      </c>
      <c r="ES20" s="443">
        <v>0</v>
      </c>
      <c r="ET20" s="61">
        <v>3</v>
      </c>
      <c r="EU20" s="61">
        <v>3</v>
      </c>
      <c r="EV20" s="61">
        <v>2</v>
      </c>
      <c r="EW20" s="61">
        <v>1</v>
      </c>
      <c r="EX20" s="61">
        <v>0</v>
      </c>
      <c r="EY20" s="62">
        <v>9</v>
      </c>
      <c r="EZ20" s="63">
        <v>12</v>
      </c>
      <c r="FA20" s="60">
        <v>2</v>
      </c>
      <c r="FB20" s="61">
        <v>1</v>
      </c>
      <c r="FC20" s="62">
        <v>3</v>
      </c>
      <c r="FD20" s="443">
        <v>0</v>
      </c>
      <c r="FE20" s="61">
        <v>3</v>
      </c>
      <c r="FF20" s="61">
        <v>5</v>
      </c>
      <c r="FG20" s="61">
        <v>1</v>
      </c>
      <c r="FH20" s="61">
        <v>3</v>
      </c>
      <c r="FI20" s="61">
        <v>0</v>
      </c>
      <c r="FJ20" s="62">
        <v>12</v>
      </c>
      <c r="FK20" s="63">
        <v>15</v>
      </c>
      <c r="FL20" s="60">
        <v>0</v>
      </c>
      <c r="FM20" s="61">
        <v>1</v>
      </c>
      <c r="FN20" s="62">
        <v>1</v>
      </c>
      <c r="FO20" s="443">
        <v>0</v>
      </c>
      <c r="FP20" s="61">
        <v>4</v>
      </c>
      <c r="FQ20" s="61">
        <v>7</v>
      </c>
      <c r="FR20" s="61">
        <v>5</v>
      </c>
      <c r="FS20" s="61">
        <v>7</v>
      </c>
      <c r="FT20" s="61">
        <v>5</v>
      </c>
      <c r="FU20" s="62">
        <v>28</v>
      </c>
      <c r="FV20" s="63">
        <v>29</v>
      </c>
      <c r="FW20" s="60">
        <v>0</v>
      </c>
      <c r="FX20" s="61">
        <v>0</v>
      </c>
      <c r="FY20" s="62">
        <v>0</v>
      </c>
      <c r="FZ20" s="443">
        <v>0</v>
      </c>
      <c r="GA20" s="61">
        <v>0</v>
      </c>
      <c r="GB20" s="61">
        <v>0</v>
      </c>
      <c r="GC20" s="61">
        <v>0</v>
      </c>
      <c r="GD20" s="61">
        <v>0</v>
      </c>
      <c r="GE20" s="61">
        <v>0</v>
      </c>
      <c r="GF20" s="62">
        <v>0</v>
      </c>
      <c r="GG20" s="63">
        <v>0</v>
      </c>
      <c r="GH20" s="60">
        <v>9</v>
      </c>
      <c r="GI20" s="61">
        <v>8</v>
      </c>
      <c r="GJ20" s="62">
        <v>17</v>
      </c>
      <c r="GK20" s="443">
        <v>0</v>
      </c>
      <c r="GL20" s="61">
        <v>10</v>
      </c>
      <c r="GM20" s="61">
        <v>18</v>
      </c>
      <c r="GN20" s="61">
        <v>9</v>
      </c>
      <c r="GO20" s="61">
        <v>12</v>
      </c>
      <c r="GP20" s="61">
        <v>5</v>
      </c>
      <c r="GQ20" s="62">
        <v>54</v>
      </c>
      <c r="GR20" s="63">
        <v>71</v>
      </c>
      <c r="GS20" s="113">
        <v>79</v>
      </c>
      <c r="GT20" s="72">
        <v>62</v>
      </c>
      <c r="GU20" s="73">
        <v>141</v>
      </c>
      <c r="GV20" s="443">
        <v>0</v>
      </c>
      <c r="GW20" s="72">
        <v>117</v>
      </c>
      <c r="GX20" s="72">
        <v>132</v>
      </c>
      <c r="GY20" s="72">
        <v>78</v>
      </c>
      <c r="GZ20" s="72">
        <v>43</v>
      </c>
      <c r="HA20" s="72">
        <v>31</v>
      </c>
      <c r="HB20" s="74">
        <v>401</v>
      </c>
      <c r="HC20" s="75">
        <v>542</v>
      </c>
      <c r="HD20" s="60">
        <v>2</v>
      </c>
      <c r="HE20" s="61">
        <v>3</v>
      </c>
      <c r="HF20" s="62">
        <v>5</v>
      </c>
      <c r="HG20" s="443">
        <v>0</v>
      </c>
      <c r="HH20" s="61">
        <v>1</v>
      </c>
      <c r="HI20" s="61">
        <v>3</v>
      </c>
      <c r="HJ20" s="61">
        <v>4</v>
      </c>
      <c r="HK20" s="61">
        <v>1</v>
      </c>
      <c r="HL20" s="61">
        <v>1</v>
      </c>
      <c r="HM20" s="62">
        <v>10</v>
      </c>
      <c r="HN20" s="63">
        <v>15</v>
      </c>
      <c r="HO20" s="60">
        <v>1</v>
      </c>
      <c r="HP20" s="61">
        <v>3</v>
      </c>
      <c r="HQ20" s="62">
        <v>4</v>
      </c>
      <c r="HR20" s="443">
        <v>0</v>
      </c>
      <c r="HS20" s="61">
        <v>7</v>
      </c>
      <c r="HT20" s="61">
        <v>4</v>
      </c>
      <c r="HU20" s="61">
        <v>4</v>
      </c>
      <c r="HV20" s="61">
        <v>1</v>
      </c>
      <c r="HW20" s="61">
        <v>1</v>
      </c>
      <c r="HX20" s="62">
        <v>17</v>
      </c>
      <c r="HY20" s="63">
        <v>21</v>
      </c>
      <c r="HZ20" s="60">
        <v>12</v>
      </c>
      <c r="IA20" s="61">
        <v>9</v>
      </c>
      <c r="IB20" s="62">
        <v>21</v>
      </c>
      <c r="IC20" s="443">
        <v>0</v>
      </c>
      <c r="ID20" s="61">
        <v>14</v>
      </c>
      <c r="IE20" s="61">
        <v>16</v>
      </c>
      <c r="IF20" s="61">
        <v>6</v>
      </c>
      <c r="IG20" s="61">
        <v>2</v>
      </c>
      <c r="IH20" s="61">
        <v>2</v>
      </c>
      <c r="II20" s="62">
        <v>40</v>
      </c>
      <c r="IJ20" s="63">
        <v>61</v>
      </c>
      <c r="IK20" s="60">
        <v>23</v>
      </c>
      <c r="IL20" s="61">
        <v>16</v>
      </c>
      <c r="IM20" s="62">
        <v>39</v>
      </c>
      <c r="IN20" s="443">
        <v>0</v>
      </c>
      <c r="IO20" s="61">
        <v>30</v>
      </c>
      <c r="IP20" s="61">
        <v>32</v>
      </c>
      <c r="IQ20" s="61">
        <v>14</v>
      </c>
      <c r="IR20" s="61">
        <v>7</v>
      </c>
      <c r="IS20" s="61">
        <v>4</v>
      </c>
      <c r="IT20" s="62">
        <v>87</v>
      </c>
      <c r="IU20" s="63">
        <v>126</v>
      </c>
      <c r="IV20" s="60">
        <v>22</v>
      </c>
      <c r="IW20" s="61">
        <v>14</v>
      </c>
      <c r="IX20" s="62">
        <v>36</v>
      </c>
      <c r="IY20" s="443">
        <v>0</v>
      </c>
      <c r="IZ20" s="61">
        <v>32</v>
      </c>
      <c r="JA20" s="61">
        <v>43</v>
      </c>
      <c r="JB20" s="61">
        <v>25</v>
      </c>
      <c r="JC20" s="61">
        <v>13</v>
      </c>
      <c r="JD20" s="61">
        <v>7</v>
      </c>
      <c r="JE20" s="62">
        <v>120</v>
      </c>
      <c r="JF20" s="63">
        <v>156</v>
      </c>
      <c r="JG20" s="60">
        <v>19</v>
      </c>
      <c r="JH20" s="61">
        <v>17</v>
      </c>
      <c r="JI20" s="62">
        <v>36</v>
      </c>
      <c r="JJ20" s="443">
        <v>0</v>
      </c>
      <c r="JK20" s="61">
        <v>33</v>
      </c>
      <c r="JL20" s="61">
        <v>34</v>
      </c>
      <c r="JM20" s="61">
        <v>25</v>
      </c>
      <c r="JN20" s="61">
        <v>19</v>
      </c>
      <c r="JO20" s="61">
        <v>16</v>
      </c>
      <c r="JP20" s="62">
        <v>127</v>
      </c>
      <c r="JQ20" s="63">
        <v>163</v>
      </c>
      <c r="JR20" s="60">
        <v>0</v>
      </c>
      <c r="JS20" s="61">
        <v>0</v>
      </c>
      <c r="JT20" s="62">
        <v>0</v>
      </c>
      <c r="JU20" s="443">
        <v>0</v>
      </c>
      <c r="JV20" s="61">
        <v>0</v>
      </c>
      <c r="JW20" s="61">
        <v>0</v>
      </c>
      <c r="JX20" s="61">
        <v>0</v>
      </c>
      <c r="JY20" s="61">
        <v>0</v>
      </c>
      <c r="JZ20" s="61">
        <v>0</v>
      </c>
      <c r="KA20" s="62">
        <v>0</v>
      </c>
      <c r="KB20" s="63">
        <v>0</v>
      </c>
      <c r="KC20" s="60">
        <v>79</v>
      </c>
      <c r="KD20" s="61">
        <v>62</v>
      </c>
      <c r="KE20" s="62">
        <v>141</v>
      </c>
      <c r="KF20" s="443">
        <v>0</v>
      </c>
      <c r="KG20" s="61">
        <v>117</v>
      </c>
      <c r="KH20" s="61">
        <v>132</v>
      </c>
      <c r="KI20" s="61">
        <v>78</v>
      </c>
      <c r="KJ20" s="61">
        <v>43</v>
      </c>
      <c r="KK20" s="61">
        <v>31</v>
      </c>
      <c r="KL20" s="62">
        <v>401</v>
      </c>
      <c r="KM20" s="63">
        <v>542</v>
      </c>
    </row>
    <row r="21" spans="2:299" ht="21" customHeight="1" x14ac:dyDescent="0.2">
      <c r="B21" s="437" t="s">
        <v>18</v>
      </c>
      <c r="C21" s="287">
        <v>65</v>
      </c>
      <c r="D21" s="72">
        <v>78</v>
      </c>
      <c r="E21" s="73">
        <v>143</v>
      </c>
      <c r="F21" s="443">
        <v>0</v>
      </c>
      <c r="G21" s="72">
        <v>165</v>
      </c>
      <c r="H21" s="72">
        <v>113</v>
      </c>
      <c r="I21" s="72">
        <v>79</v>
      </c>
      <c r="J21" s="72">
        <v>65</v>
      </c>
      <c r="K21" s="72">
        <v>33</v>
      </c>
      <c r="L21" s="74">
        <v>455</v>
      </c>
      <c r="M21" s="75">
        <v>598</v>
      </c>
      <c r="N21" s="60">
        <v>1</v>
      </c>
      <c r="O21" s="61">
        <v>0</v>
      </c>
      <c r="P21" s="62">
        <v>1</v>
      </c>
      <c r="Q21" s="443">
        <v>0</v>
      </c>
      <c r="R21" s="61">
        <v>5</v>
      </c>
      <c r="S21" s="61">
        <v>2</v>
      </c>
      <c r="T21" s="61">
        <v>2</v>
      </c>
      <c r="U21" s="61">
        <v>3</v>
      </c>
      <c r="V21" s="61">
        <v>1</v>
      </c>
      <c r="W21" s="62">
        <v>13</v>
      </c>
      <c r="X21" s="63">
        <v>14</v>
      </c>
      <c r="Y21" s="60">
        <v>3</v>
      </c>
      <c r="Z21" s="61">
        <v>4</v>
      </c>
      <c r="AA21" s="62">
        <v>7</v>
      </c>
      <c r="AB21" s="443">
        <v>0</v>
      </c>
      <c r="AC21" s="61">
        <v>10</v>
      </c>
      <c r="AD21" s="61">
        <v>8</v>
      </c>
      <c r="AE21" s="61">
        <v>3</v>
      </c>
      <c r="AF21" s="61">
        <v>4</v>
      </c>
      <c r="AG21" s="61">
        <v>2</v>
      </c>
      <c r="AH21" s="62">
        <v>27</v>
      </c>
      <c r="AI21" s="63">
        <v>34</v>
      </c>
      <c r="AJ21" s="60">
        <v>8</v>
      </c>
      <c r="AK21" s="61">
        <v>9</v>
      </c>
      <c r="AL21" s="62">
        <v>17</v>
      </c>
      <c r="AM21" s="443">
        <v>0</v>
      </c>
      <c r="AN21" s="61">
        <v>11</v>
      </c>
      <c r="AO21" s="61">
        <v>4</v>
      </c>
      <c r="AP21" s="61">
        <v>4</v>
      </c>
      <c r="AQ21" s="61">
        <v>4</v>
      </c>
      <c r="AR21" s="61">
        <v>2</v>
      </c>
      <c r="AS21" s="62">
        <v>25</v>
      </c>
      <c r="AT21" s="63">
        <v>42</v>
      </c>
      <c r="AU21" s="60">
        <v>18</v>
      </c>
      <c r="AV21" s="61">
        <v>9</v>
      </c>
      <c r="AW21" s="62">
        <v>27</v>
      </c>
      <c r="AX21" s="443">
        <v>0</v>
      </c>
      <c r="AY21" s="61">
        <v>25</v>
      </c>
      <c r="AZ21" s="61">
        <v>28</v>
      </c>
      <c r="BA21" s="61">
        <v>9</v>
      </c>
      <c r="BB21" s="61">
        <v>12</v>
      </c>
      <c r="BC21" s="61">
        <v>6</v>
      </c>
      <c r="BD21" s="62">
        <v>80</v>
      </c>
      <c r="BE21" s="63">
        <v>107</v>
      </c>
      <c r="BF21" s="60">
        <v>17</v>
      </c>
      <c r="BG21" s="61">
        <v>29</v>
      </c>
      <c r="BH21" s="62">
        <v>46</v>
      </c>
      <c r="BI21" s="443">
        <v>0</v>
      </c>
      <c r="BJ21" s="61">
        <v>58</v>
      </c>
      <c r="BK21" s="61">
        <v>31</v>
      </c>
      <c r="BL21" s="61">
        <v>32</v>
      </c>
      <c r="BM21" s="61">
        <v>17</v>
      </c>
      <c r="BN21" s="61">
        <v>11</v>
      </c>
      <c r="BO21" s="62">
        <v>149</v>
      </c>
      <c r="BP21" s="63">
        <v>195</v>
      </c>
      <c r="BQ21" s="60">
        <v>18</v>
      </c>
      <c r="BR21" s="61">
        <v>27</v>
      </c>
      <c r="BS21" s="62">
        <v>45</v>
      </c>
      <c r="BT21" s="443">
        <v>0</v>
      </c>
      <c r="BU21" s="61">
        <v>56</v>
      </c>
      <c r="BV21" s="61">
        <v>40</v>
      </c>
      <c r="BW21" s="61">
        <v>29</v>
      </c>
      <c r="BX21" s="61">
        <v>25</v>
      </c>
      <c r="BY21" s="61">
        <v>11</v>
      </c>
      <c r="BZ21" s="62">
        <v>161</v>
      </c>
      <c r="CA21" s="63">
        <v>206</v>
      </c>
      <c r="CB21" s="60">
        <v>0</v>
      </c>
      <c r="CC21" s="61">
        <v>0</v>
      </c>
      <c r="CD21" s="62">
        <v>0</v>
      </c>
      <c r="CE21" s="443">
        <v>0</v>
      </c>
      <c r="CF21" s="61">
        <v>0</v>
      </c>
      <c r="CG21" s="61">
        <v>0</v>
      </c>
      <c r="CH21" s="61">
        <v>0</v>
      </c>
      <c r="CI21" s="61">
        <v>0</v>
      </c>
      <c r="CJ21" s="61">
        <v>0</v>
      </c>
      <c r="CK21" s="62">
        <v>0</v>
      </c>
      <c r="CL21" s="63">
        <v>0</v>
      </c>
      <c r="CM21" s="60">
        <v>65</v>
      </c>
      <c r="CN21" s="61">
        <v>78</v>
      </c>
      <c r="CO21" s="62">
        <v>143</v>
      </c>
      <c r="CP21" s="443">
        <v>0</v>
      </c>
      <c r="CQ21" s="61">
        <v>165</v>
      </c>
      <c r="CR21" s="61">
        <v>113</v>
      </c>
      <c r="CS21" s="61">
        <v>79</v>
      </c>
      <c r="CT21" s="61">
        <v>65</v>
      </c>
      <c r="CU21" s="61">
        <v>33</v>
      </c>
      <c r="CV21" s="62">
        <v>455</v>
      </c>
      <c r="CW21" s="63">
        <v>598</v>
      </c>
      <c r="CX21" s="113">
        <v>11</v>
      </c>
      <c r="CY21" s="72">
        <v>21</v>
      </c>
      <c r="CZ21" s="73">
        <v>32</v>
      </c>
      <c r="DA21" s="443">
        <v>0</v>
      </c>
      <c r="DB21" s="72">
        <v>20</v>
      </c>
      <c r="DC21" s="72">
        <v>13</v>
      </c>
      <c r="DD21" s="72">
        <v>9</v>
      </c>
      <c r="DE21" s="72">
        <v>5</v>
      </c>
      <c r="DF21" s="72">
        <v>4</v>
      </c>
      <c r="DG21" s="74">
        <v>51</v>
      </c>
      <c r="DH21" s="75">
        <v>83</v>
      </c>
      <c r="DI21" s="60">
        <v>0</v>
      </c>
      <c r="DJ21" s="61">
        <v>0</v>
      </c>
      <c r="DK21" s="62">
        <v>0</v>
      </c>
      <c r="DL21" s="443">
        <v>0</v>
      </c>
      <c r="DM21" s="61">
        <v>0</v>
      </c>
      <c r="DN21" s="61">
        <v>0</v>
      </c>
      <c r="DO21" s="61">
        <v>0</v>
      </c>
      <c r="DP21" s="61">
        <v>0</v>
      </c>
      <c r="DQ21" s="61">
        <v>1</v>
      </c>
      <c r="DR21" s="62">
        <v>1</v>
      </c>
      <c r="DS21" s="63">
        <v>1</v>
      </c>
      <c r="DT21" s="60">
        <v>1</v>
      </c>
      <c r="DU21" s="61">
        <v>3</v>
      </c>
      <c r="DV21" s="62">
        <v>4</v>
      </c>
      <c r="DW21" s="443">
        <v>0</v>
      </c>
      <c r="DX21" s="61">
        <v>1</v>
      </c>
      <c r="DY21" s="61">
        <v>2</v>
      </c>
      <c r="DZ21" s="61">
        <v>1</v>
      </c>
      <c r="EA21" s="61">
        <v>0</v>
      </c>
      <c r="EB21" s="61">
        <v>0</v>
      </c>
      <c r="EC21" s="62">
        <v>4</v>
      </c>
      <c r="ED21" s="63">
        <v>8</v>
      </c>
      <c r="EE21" s="60">
        <v>3</v>
      </c>
      <c r="EF21" s="61">
        <v>5</v>
      </c>
      <c r="EG21" s="62">
        <v>8</v>
      </c>
      <c r="EH21" s="443">
        <v>0</v>
      </c>
      <c r="EI21" s="61">
        <v>3</v>
      </c>
      <c r="EJ21" s="61">
        <v>0</v>
      </c>
      <c r="EK21" s="61">
        <v>0</v>
      </c>
      <c r="EL21" s="61">
        <v>0</v>
      </c>
      <c r="EM21" s="61">
        <v>0</v>
      </c>
      <c r="EN21" s="62">
        <v>3</v>
      </c>
      <c r="EO21" s="63">
        <v>11</v>
      </c>
      <c r="EP21" s="60">
        <v>3</v>
      </c>
      <c r="EQ21" s="61">
        <v>9</v>
      </c>
      <c r="ER21" s="62">
        <v>12</v>
      </c>
      <c r="ES21" s="443">
        <v>0</v>
      </c>
      <c r="ET21" s="61">
        <v>5</v>
      </c>
      <c r="EU21" s="61">
        <v>1</v>
      </c>
      <c r="EV21" s="61">
        <v>1</v>
      </c>
      <c r="EW21" s="61">
        <v>0</v>
      </c>
      <c r="EX21" s="61">
        <v>0</v>
      </c>
      <c r="EY21" s="62">
        <v>7</v>
      </c>
      <c r="EZ21" s="63">
        <v>19</v>
      </c>
      <c r="FA21" s="60">
        <v>1</v>
      </c>
      <c r="FB21" s="61">
        <v>2</v>
      </c>
      <c r="FC21" s="62">
        <v>3</v>
      </c>
      <c r="FD21" s="443">
        <v>0</v>
      </c>
      <c r="FE21" s="61">
        <v>5</v>
      </c>
      <c r="FF21" s="61">
        <v>5</v>
      </c>
      <c r="FG21" s="61">
        <v>3</v>
      </c>
      <c r="FH21" s="61">
        <v>1</v>
      </c>
      <c r="FI21" s="61">
        <v>1</v>
      </c>
      <c r="FJ21" s="62">
        <v>15</v>
      </c>
      <c r="FK21" s="63">
        <v>18</v>
      </c>
      <c r="FL21" s="60">
        <v>3</v>
      </c>
      <c r="FM21" s="61">
        <v>2</v>
      </c>
      <c r="FN21" s="62">
        <v>5</v>
      </c>
      <c r="FO21" s="443">
        <v>0</v>
      </c>
      <c r="FP21" s="61">
        <v>6</v>
      </c>
      <c r="FQ21" s="61">
        <v>5</v>
      </c>
      <c r="FR21" s="61">
        <v>4</v>
      </c>
      <c r="FS21" s="61">
        <v>4</v>
      </c>
      <c r="FT21" s="61">
        <v>2</v>
      </c>
      <c r="FU21" s="62">
        <v>21</v>
      </c>
      <c r="FV21" s="63">
        <v>26</v>
      </c>
      <c r="FW21" s="60">
        <v>0</v>
      </c>
      <c r="FX21" s="61">
        <v>0</v>
      </c>
      <c r="FY21" s="62">
        <v>0</v>
      </c>
      <c r="FZ21" s="443">
        <v>0</v>
      </c>
      <c r="GA21" s="61">
        <v>0</v>
      </c>
      <c r="GB21" s="61">
        <v>0</v>
      </c>
      <c r="GC21" s="61">
        <v>0</v>
      </c>
      <c r="GD21" s="61">
        <v>0</v>
      </c>
      <c r="GE21" s="61">
        <v>0</v>
      </c>
      <c r="GF21" s="62">
        <v>0</v>
      </c>
      <c r="GG21" s="63">
        <v>0</v>
      </c>
      <c r="GH21" s="60">
        <v>11</v>
      </c>
      <c r="GI21" s="61">
        <v>21</v>
      </c>
      <c r="GJ21" s="62">
        <v>32</v>
      </c>
      <c r="GK21" s="443">
        <v>0</v>
      </c>
      <c r="GL21" s="61">
        <v>20</v>
      </c>
      <c r="GM21" s="61">
        <v>13</v>
      </c>
      <c r="GN21" s="61">
        <v>9</v>
      </c>
      <c r="GO21" s="61">
        <v>5</v>
      </c>
      <c r="GP21" s="61">
        <v>4</v>
      </c>
      <c r="GQ21" s="62">
        <v>51</v>
      </c>
      <c r="GR21" s="63">
        <v>83</v>
      </c>
      <c r="GS21" s="113">
        <v>76</v>
      </c>
      <c r="GT21" s="72">
        <v>99</v>
      </c>
      <c r="GU21" s="73">
        <v>175</v>
      </c>
      <c r="GV21" s="443">
        <v>0</v>
      </c>
      <c r="GW21" s="72">
        <v>185</v>
      </c>
      <c r="GX21" s="72">
        <v>126</v>
      </c>
      <c r="GY21" s="72">
        <v>88</v>
      </c>
      <c r="GZ21" s="72">
        <v>70</v>
      </c>
      <c r="HA21" s="72">
        <v>37</v>
      </c>
      <c r="HB21" s="74">
        <v>506</v>
      </c>
      <c r="HC21" s="75">
        <v>681</v>
      </c>
      <c r="HD21" s="60">
        <v>1</v>
      </c>
      <c r="HE21" s="61">
        <v>0</v>
      </c>
      <c r="HF21" s="62">
        <v>1</v>
      </c>
      <c r="HG21" s="443">
        <v>0</v>
      </c>
      <c r="HH21" s="61">
        <v>5</v>
      </c>
      <c r="HI21" s="61">
        <v>2</v>
      </c>
      <c r="HJ21" s="61">
        <v>2</v>
      </c>
      <c r="HK21" s="61">
        <v>3</v>
      </c>
      <c r="HL21" s="61">
        <v>2</v>
      </c>
      <c r="HM21" s="62">
        <v>14</v>
      </c>
      <c r="HN21" s="63">
        <v>15</v>
      </c>
      <c r="HO21" s="60">
        <v>4</v>
      </c>
      <c r="HP21" s="61">
        <v>7</v>
      </c>
      <c r="HQ21" s="62">
        <v>11</v>
      </c>
      <c r="HR21" s="443">
        <v>0</v>
      </c>
      <c r="HS21" s="61">
        <v>11</v>
      </c>
      <c r="HT21" s="61">
        <v>10</v>
      </c>
      <c r="HU21" s="61">
        <v>4</v>
      </c>
      <c r="HV21" s="61">
        <v>4</v>
      </c>
      <c r="HW21" s="61">
        <v>2</v>
      </c>
      <c r="HX21" s="62">
        <v>31</v>
      </c>
      <c r="HY21" s="63">
        <v>42</v>
      </c>
      <c r="HZ21" s="60">
        <v>11</v>
      </c>
      <c r="IA21" s="61">
        <v>14</v>
      </c>
      <c r="IB21" s="62">
        <v>25</v>
      </c>
      <c r="IC21" s="443">
        <v>0</v>
      </c>
      <c r="ID21" s="61">
        <v>14</v>
      </c>
      <c r="IE21" s="61">
        <v>4</v>
      </c>
      <c r="IF21" s="61">
        <v>4</v>
      </c>
      <c r="IG21" s="61">
        <v>4</v>
      </c>
      <c r="IH21" s="61">
        <v>2</v>
      </c>
      <c r="II21" s="62">
        <v>28</v>
      </c>
      <c r="IJ21" s="63">
        <v>53</v>
      </c>
      <c r="IK21" s="60">
        <v>21</v>
      </c>
      <c r="IL21" s="61">
        <v>18</v>
      </c>
      <c r="IM21" s="62">
        <v>39</v>
      </c>
      <c r="IN21" s="443">
        <v>0</v>
      </c>
      <c r="IO21" s="61">
        <v>30</v>
      </c>
      <c r="IP21" s="61">
        <v>29</v>
      </c>
      <c r="IQ21" s="61">
        <v>10</v>
      </c>
      <c r="IR21" s="61">
        <v>12</v>
      </c>
      <c r="IS21" s="61">
        <v>6</v>
      </c>
      <c r="IT21" s="62">
        <v>87</v>
      </c>
      <c r="IU21" s="63">
        <v>126</v>
      </c>
      <c r="IV21" s="60">
        <v>18</v>
      </c>
      <c r="IW21" s="61">
        <v>31</v>
      </c>
      <c r="IX21" s="62">
        <v>49</v>
      </c>
      <c r="IY21" s="443">
        <v>0</v>
      </c>
      <c r="IZ21" s="61">
        <v>63</v>
      </c>
      <c r="JA21" s="61">
        <v>36</v>
      </c>
      <c r="JB21" s="61">
        <v>35</v>
      </c>
      <c r="JC21" s="61">
        <v>18</v>
      </c>
      <c r="JD21" s="61">
        <v>12</v>
      </c>
      <c r="JE21" s="62">
        <v>164</v>
      </c>
      <c r="JF21" s="63">
        <v>213</v>
      </c>
      <c r="JG21" s="60">
        <v>21</v>
      </c>
      <c r="JH21" s="61">
        <v>29</v>
      </c>
      <c r="JI21" s="62">
        <v>50</v>
      </c>
      <c r="JJ21" s="443">
        <v>0</v>
      </c>
      <c r="JK21" s="61">
        <v>62</v>
      </c>
      <c r="JL21" s="61">
        <v>45</v>
      </c>
      <c r="JM21" s="61">
        <v>33</v>
      </c>
      <c r="JN21" s="61">
        <v>29</v>
      </c>
      <c r="JO21" s="61">
        <v>13</v>
      </c>
      <c r="JP21" s="62">
        <v>182</v>
      </c>
      <c r="JQ21" s="63">
        <v>232</v>
      </c>
      <c r="JR21" s="60">
        <v>0</v>
      </c>
      <c r="JS21" s="61">
        <v>0</v>
      </c>
      <c r="JT21" s="62">
        <v>0</v>
      </c>
      <c r="JU21" s="443">
        <v>0</v>
      </c>
      <c r="JV21" s="61">
        <v>0</v>
      </c>
      <c r="JW21" s="61">
        <v>0</v>
      </c>
      <c r="JX21" s="61">
        <v>0</v>
      </c>
      <c r="JY21" s="61">
        <v>0</v>
      </c>
      <c r="JZ21" s="61">
        <v>0</v>
      </c>
      <c r="KA21" s="62">
        <v>0</v>
      </c>
      <c r="KB21" s="63">
        <v>0</v>
      </c>
      <c r="KC21" s="60">
        <v>76</v>
      </c>
      <c r="KD21" s="61">
        <v>99</v>
      </c>
      <c r="KE21" s="62">
        <v>175</v>
      </c>
      <c r="KF21" s="443">
        <v>0</v>
      </c>
      <c r="KG21" s="61">
        <v>185</v>
      </c>
      <c r="KH21" s="61">
        <v>126</v>
      </c>
      <c r="KI21" s="61">
        <v>88</v>
      </c>
      <c r="KJ21" s="61">
        <v>70</v>
      </c>
      <c r="KK21" s="61">
        <v>37</v>
      </c>
      <c r="KL21" s="62">
        <v>506</v>
      </c>
      <c r="KM21" s="63">
        <v>681</v>
      </c>
    </row>
    <row r="22" spans="2:299" ht="21" customHeight="1" x14ac:dyDescent="0.2">
      <c r="B22" s="437" t="s">
        <v>19</v>
      </c>
      <c r="C22" s="287">
        <v>38</v>
      </c>
      <c r="D22" s="72">
        <v>35</v>
      </c>
      <c r="E22" s="73">
        <v>73</v>
      </c>
      <c r="F22" s="443">
        <v>0</v>
      </c>
      <c r="G22" s="72">
        <v>66</v>
      </c>
      <c r="H22" s="72">
        <v>44</v>
      </c>
      <c r="I22" s="72">
        <v>31</v>
      </c>
      <c r="J22" s="72">
        <v>19</v>
      </c>
      <c r="K22" s="72">
        <v>28</v>
      </c>
      <c r="L22" s="74">
        <v>188</v>
      </c>
      <c r="M22" s="75">
        <v>261</v>
      </c>
      <c r="N22" s="76">
        <v>0</v>
      </c>
      <c r="O22" s="61">
        <v>2</v>
      </c>
      <c r="P22" s="62">
        <v>2</v>
      </c>
      <c r="Q22" s="443">
        <v>0</v>
      </c>
      <c r="R22" s="61">
        <v>1</v>
      </c>
      <c r="S22" s="61">
        <v>1</v>
      </c>
      <c r="T22" s="61">
        <v>1</v>
      </c>
      <c r="U22" s="61">
        <v>0</v>
      </c>
      <c r="V22" s="61">
        <v>2</v>
      </c>
      <c r="W22" s="62">
        <v>5</v>
      </c>
      <c r="X22" s="63">
        <v>7</v>
      </c>
      <c r="Y22" s="60">
        <v>0</v>
      </c>
      <c r="Z22" s="61">
        <v>1</v>
      </c>
      <c r="AA22" s="62">
        <v>1</v>
      </c>
      <c r="AB22" s="443">
        <v>0</v>
      </c>
      <c r="AC22" s="61">
        <v>3</v>
      </c>
      <c r="AD22" s="61">
        <v>3</v>
      </c>
      <c r="AE22" s="61">
        <v>0</v>
      </c>
      <c r="AF22" s="61">
        <v>1</v>
      </c>
      <c r="AG22" s="61">
        <v>0</v>
      </c>
      <c r="AH22" s="62">
        <v>7</v>
      </c>
      <c r="AI22" s="63">
        <v>8</v>
      </c>
      <c r="AJ22" s="76">
        <v>2</v>
      </c>
      <c r="AK22" s="61">
        <v>1</v>
      </c>
      <c r="AL22" s="62">
        <v>3</v>
      </c>
      <c r="AM22" s="443">
        <v>0</v>
      </c>
      <c r="AN22" s="61">
        <v>7</v>
      </c>
      <c r="AO22" s="61">
        <v>2</v>
      </c>
      <c r="AP22" s="61">
        <v>1</v>
      </c>
      <c r="AQ22" s="61">
        <v>0</v>
      </c>
      <c r="AR22" s="61">
        <v>1</v>
      </c>
      <c r="AS22" s="62">
        <v>11</v>
      </c>
      <c r="AT22" s="63">
        <v>14</v>
      </c>
      <c r="AU22" s="60">
        <v>9</v>
      </c>
      <c r="AV22" s="61">
        <v>8</v>
      </c>
      <c r="AW22" s="62">
        <v>17</v>
      </c>
      <c r="AX22" s="443">
        <v>0</v>
      </c>
      <c r="AY22" s="61">
        <v>9</v>
      </c>
      <c r="AZ22" s="61">
        <v>6</v>
      </c>
      <c r="BA22" s="61">
        <v>7</v>
      </c>
      <c r="BB22" s="61">
        <v>5</v>
      </c>
      <c r="BC22" s="61">
        <v>6</v>
      </c>
      <c r="BD22" s="62">
        <v>33</v>
      </c>
      <c r="BE22" s="63">
        <v>50</v>
      </c>
      <c r="BF22" s="76">
        <v>13</v>
      </c>
      <c r="BG22" s="61">
        <v>12</v>
      </c>
      <c r="BH22" s="62">
        <v>25</v>
      </c>
      <c r="BI22" s="443">
        <v>0</v>
      </c>
      <c r="BJ22" s="61">
        <v>28</v>
      </c>
      <c r="BK22" s="61">
        <v>10</v>
      </c>
      <c r="BL22" s="61">
        <v>10</v>
      </c>
      <c r="BM22" s="61">
        <v>9</v>
      </c>
      <c r="BN22" s="61">
        <v>13</v>
      </c>
      <c r="BO22" s="62">
        <v>70</v>
      </c>
      <c r="BP22" s="63">
        <v>95</v>
      </c>
      <c r="BQ22" s="60">
        <v>14</v>
      </c>
      <c r="BR22" s="61">
        <v>11</v>
      </c>
      <c r="BS22" s="62">
        <v>25</v>
      </c>
      <c r="BT22" s="443">
        <v>0</v>
      </c>
      <c r="BU22" s="61">
        <v>18</v>
      </c>
      <c r="BV22" s="61">
        <v>22</v>
      </c>
      <c r="BW22" s="61">
        <v>12</v>
      </c>
      <c r="BX22" s="61">
        <v>4</v>
      </c>
      <c r="BY22" s="61">
        <v>6</v>
      </c>
      <c r="BZ22" s="62">
        <v>62</v>
      </c>
      <c r="CA22" s="63">
        <v>87</v>
      </c>
      <c r="CB22" s="60">
        <v>0</v>
      </c>
      <c r="CC22" s="61">
        <v>0</v>
      </c>
      <c r="CD22" s="62">
        <v>0</v>
      </c>
      <c r="CE22" s="443">
        <v>0</v>
      </c>
      <c r="CF22" s="61">
        <v>0</v>
      </c>
      <c r="CG22" s="61">
        <v>0</v>
      </c>
      <c r="CH22" s="61">
        <v>0</v>
      </c>
      <c r="CI22" s="61">
        <v>0</v>
      </c>
      <c r="CJ22" s="61">
        <v>0</v>
      </c>
      <c r="CK22" s="62">
        <v>0</v>
      </c>
      <c r="CL22" s="63">
        <v>0</v>
      </c>
      <c r="CM22" s="60">
        <v>38</v>
      </c>
      <c r="CN22" s="61">
        <v>35</v>
      </c>
      <c r="CO22" s="62">
        <v>73</v>
      </c>
      <c r="CP22" s="443">
        <v>0</v>
      </c>
      <c r="CQ22" s="61">
        <v>66</v>
      </c>
      <c r="CR22" s="61">
        <v>44</v>
      </c>
      <c r="CS22" s="61">
        <v>31</v>
      </c>
      <c r="CT22" s="61">
        <v>19</v>
      </c>
      <c r="CU22" s="61">
        <v>28</v>
      </c>
      <c r="CV22" s="62">
        <v>188</v>
      </c>
      <c r="CW22" s="63">
        <v>261</v>
      </c>
      <c r="CX22" s="113">
        <v>3</v>
      </c>
      <c r="CY22" s="72">
        <v>6</v>
      </c>
      <c r="CZ22" s="73">
        <v>9</v>
      </c>
      <c r="DA22" s="443">
        <v>0</v>
      </c>
      <c r="DB22" s="72">
        <v>11</v>
      </c>
      <c r="DC22" s="72">
        <v>7</v>
      </c>
      <c r="DD22" s="72">
        <v>6</v>
      </c>
      <c r="DE22" s="72">
        <v>4</v>
      </c>
      <c r="DF22" s="72">
        <v>5</v>
      </c>
      <c r="DG22" s="74">
        <v>33</v>
      </c>
      <c r="DH22" s="75">
        <v>42</v>
      </c>
      <c r="DI22" s="76">
        <v>1</v>
      </c>
      <c r="DJ22" s="61">
        <v>0</v>
      </c>
      <c r="DK22" s="62">
        <v>1</v>
      </c>
      <c r="DL22" s="443">
        <v>0</v>
      </c>
      <c r="DM22" s="61">
        <v>0</v>
      </c>
      <c r="DN22" s="61">
        <v>1</v>
      </c>
      <c r="DO22" s="61">
        <v>0</v>
      </c>
      <c r="DP22" s="61">
        <v>0</v>
      </c>
      <c r="DQ22" s="61">
        <v>0</v>
      </c>
      <c r="DR22" s="62">
        <v>1</v>
      </c>
      <c r="DS22" s="63">
        <v>2</v>
      </c>
      <c r="DT22" s="60">
        <v>0</v>
      </c>
      <c r="DU22" s="61">
        <v>0</v>
      </c>
      <c r="DV22" s="62">
        <v>0</v>
      </c>
      <c r="DW22" s="443">
        <v>0</v>
      </c>
      <c r="DX22" s="61">
        <v>0</v>
      </c>
      <c r="DY22" s="61">
        <v>0</v>
      </c>
      <c r="DZ22" s="61">
        <v>0</v>
      </c>
      <c r="EA22" s="61">
        <v>0</v>
      </c>
      <c r="EB22" s="61">
        <v>0</v>
      </c>
      <c r="EC22" s="62">
        <v>0</v>
      </c>
      <c r="ED22" s="63">
        <v>0</v>
      </c>
      <c r="EE22" s="76">
        <v>0</v>
      </c>
      <c r="EF22" s="61">
        <v>1</v>
      </c>
      <c r="EG22" s="62">
        <v>1</v>
      </c>
      <c r="EH22" s="443">
        <v>0</v>
      </c>
      <c r="EI22" s="61">
        <v>0</v>
      </c>
      <c r="EJ22" s="61">
        <v>0</v>
      </c>
      <c r="EK22" s="61">
        <v>0</v>
      </c>
      <c r="EL22" s="61">
        <v>1</v>
      </c>
      <c r="EM22" s="61">
        <v>0</v>
      </c>
      <c r="EN22" s="62">
        <v>1</v>
      </c>
      <c r="EO22" s="63">
        <v>2</v>
      </c>
      <c r="EP22" s="60">
        <v>2</v>
      </c>
      <c r="EQ22" s="61">
        <v>3</v>
      </c>
      <c r="ER22" s="62">
        <v>5</v>
      </c>
      <c r="ES22" s="443">
        <v>0</v>
      </c>
      <c r="ET22" s="61">
        <v>4</v>
      </c>
      <c r="EU22" s="61">
        <v>2</v>
      </c>
      <c r="EV22" s="61">
        <v>1</v>
      </c>
      <c r="EW22" s="61">
        <v>0</v>
      </c>
      <c r="EX22" s="61">
        <v>0</v>
      </c>
      <c r="EY22" s="62">
        <v>7</v>
      </c>
      <c r="EZ22" s="63">
        <v>12</v>
      </c>
      <c r="FA22" s="76">
        <v>0</v>
      </c>
      <c r="FB22" s="61">
        <v>1</v>
      </c>
      <c r="FC22" s="62">
        <v>1</v>
      </c>
      <c r="FD22" s="443">
        <v>0</v>
      </c>
      <c r="FE22" s="61">
        <v>4</v>
      </c>
      <c r="FF22" s="61">
        <v>2</v>
      </c>
      <c r="FG22" s="61">
        <v>1</v>
      </c>
      <c r="FH22" s="61">
        <v>2</v>
      </c>
      <c r="FI22" s="61">
        <v>1</v>
      </c>
      <c r="FJ22" s="62">
        <v>10</v>
      </c>
      <c r="FK22" s="63">
        <v>11</v>
      </c>
      <c r="FL22" s="60">
        <v>0</v>
      </c>
      <c r="FM22" s="61">
        <v>1</v>
      </c>
      <c r="FN22" s="62">
        <v>1</v>
      </c>
      <c r="FO22" s="443">
        <v>0</v>
      </c>
      <c r="FP22" s="61">
        <v>3</v>
      </c>
      <c r="FQ22" s="61">
        <v>2</v>
      </c>
      <c r="FR22" s="61">
        <v>4</v>
      </c>
      <c r="FS22" s="61">
        <v>1</v>
      </c>
      <c r="FT22" s="61">
        <v>4</v>
      </c>
      <c r="FU22" s="62">
        <v>14</v>
      </c>
      <c r="FV22" s="63">
        <v>15</v>
      </c>
      <c r="FW22" s="60">
        <v>0</v>
      </c>
      <c r="FX22" s="61">
        <v>0</v>
      </c>
      <c r="FY22" s="62">
        <v>0</v>
      </c>
      <c r="FZ22" s="443">
        <v>0</v>
      </c>
      <c r="GA22" s="61">
        <v>0</v>
      </c>
      <c r="GB22" s="61">
        <v>0</v>
      </c>
      <c r="GC22" s="61">
        <v>0</v>
      </c>
      <c r="GD22" s="61">
        <v>0</v>
      </c>
      <c r="GE22" s="61">
        <v>0</v>
      </c>
      <c r="GF22" s="62">
        <v>0</v>
      </c>
      <c r="GG22" s="63">
        <v>0</v>
      </c>
      <c r="GH22" s="60">
        <v>3</v>
      </c>
      <c r="GI22" s="61">
        <v>6</v>
      </c>
      <c r="GJ22" s="62">
        <v>9</v>
      </c>
      <c r="GK22" s="443">
        <v>0</v>
      </c>
      <c r="GL22" s="61">
        <v>11</v>
      </c>
      <c r="GM22" s="61">
        <v>7</v>
      </c>
      <c r="GN22" s="61">
        <v>6</v>
      </c>
      <c r="GO22" s="61">
        <v>4</v>
      </c>
      <c r="GP22" s="61">
        <v>5</v>
      </c>
      <c r="GQ22" s="62">
        <v>33</v>
      </c>
      <c r="GR22" s="63">
        <v>42</v>
      </c>
      <c r="GS22" s="113">
        <v>41</v>
      </c>
      <c r="GT22" s="72">
        <v>41</v>
      </c>
      <c r="GU22" s="73">
        <v>82</v>
      </c>
      <c r="GV22" s="443">
        <v>0</v>
      </c>
      <c r="GW22" s="72">
        <v>77</v>
      </c>
      <c r="GX22" s="72">
        <v>51</v>
      </c>
      <c r="GY22" s="72">
        <v>37</v>
      </c>
      <c r="GZ22" s="72">
        <v>23</v>
      </c>
      <c r="HA22" s="72">
        <v>33</v>
      </c>
      <c r="HB22" s="74">
        <v>221</v>
      </c>
      <c r="HC22" s="75">
        <v>303</v>
      </c>
      <c r="HD22" s="76">
        <v>1</v>
      </c>
      <c r="HE22" s="61">
        <v>2</v>
      </c>
      <c r="HF22" s="62">
        <v>3</v>
      </c>
      <c r="HG22" s="443">
        <v>0</v>
      </c>
      <c r="HH22" s="61">
        <v>1</v>
      </c>
      <c r="HI22" s="61">
        <v>2</v>
      </c>
      <c r="HJ22" s="61">
        <v>1</v>
      </c>
      <c r="HK22" s="61">
        <v>0</v>
      </c>
      <c r="HL22" s="61">
        <v>2</v>
      </c>
      <c r="HM22" s="62">
        <v>6</v>
      </c>
      <c r="HN22" s="63">
        <v>9</v>
      </c>
      <c r="HO22" s="60">
        <v>0</v>
      </c>
      <c r="HP22" s="61">
        <v>1</v>
      </c>
      <c r="HQ22" s="62">
        <v>1</v>
      </c>
      <c r="HR22" s="443">
        <v>0</v>
      </c>
      <c r="HS22" s="61">
        <v>3</v>
      </c>
      <c r="HT22" s="61">
        <v>3</v>
      </c>
      <c r="HU22" s="61">
        <v>0</v>
      </c>
      <c r="HV22" s="61">
        <v>1</v>
      </c>
      <c r="HW22" s="61">
        <v>0</v>
      </c>
      <c r="HX22" s="62">
        <v>7</v>
      </c>
      <c r="HY22" s="63">
        <v>8</v>
      </c>
      <c r="HZ22" s="76">
        <v>2</v>
      </c>
      <c r="IA22" s="61">
        <v>2</v>
      </c>
      <c r="IB22" s="62">
        <v>4</v>
      </c>
      <c r="IC22" s="443">
        <v>0</v>
      </c>
      <c r="ID22" s="61">
        <v>7</v>
      </c>
      <c r="IE22" s="61">
        <v>2</v>
      </c>
      <c r="IF22" s="61">
        <v>1</v>
      </c>
      <c r="IG22" s="61">
        <v>1</v>
      </c>
      <c r="IH22" s="61">
        <v>1</v>
      </c>
      <c r="II22" s="62">
        <v>12</v>
      </c>
      <c r="IJ22" s="63">
        <v>16</v>
      </c>
      <c r="IK22" s="60">
        <v>11</v>
      </c>
      <c r="IL22" s="61">
        <v>11</v>
      </c>
      <c r="IM22" s="62">
        <v>22</v>
      </c>
      <c r="IN22" s="443">
        <v>0</v>
      </c>
      <c r="IO22" s="61">
        <v>13</v>
      </c>
      <c r="IP22" s="61">
        <v>8</v>
      </c>
      <c r="IQ22" s="61">
        <v>8</v>
      </c>
      <c r="IR22" s="61">
        <v>5</v>
      </c>
      <c r="IS22" s="61">
        <v>6</v>
      </c>
      <c r="IT22" s="62">
        <v>40</v>
      </c>
      <c r="IU22" s="63">
        <v>62</v>
      </c>
      <c r="IV22" s="76">
        <v>13</v>
      </c>
      <c r="IW22" s="61">
        <v>13</v>
      </c>
      <c r="IX22" s="62">
        <v>26</v>
      </c>
      <c r="IY22" s="443">
        <v>0</v>
      </c>
      <c r="IZ22" s="61">
        <v>32</v>
      </c>
      <c r="JA22" s="61">
        <v>12</v>
      </c>
      <c r="JB22" s="61">
        <v>11</v>
      </c>
      <c r="JC22" s="61">
        <v>11</v>
      </c>
      <c r="JD22" s="61">
        <v>14</v>
      </c>
      <c r="JE22" s="62">
        <v>80</v>
      </c>
      <c r="JF22" s="63">
        <v>106</v>
      </c>
      <c r="JG22" s="60">
        <v>14</v>
      </c>
      <c r="JH22" s="61">
        <v>12</v>
      </c>
      <c r="JI22" s="62">
        <v>26</v>
      </c>
      <c r="JJ22" s="443">
        <v>0</v>
      </c>
      <c r="JK22" s="61">
        <v>21</v>
      </c>
      <c r="JL22" s="61">
        <v>24</v>
      </c>
      <c r="JM22" s="61">
        <v>16</v>
      </c>
      <c r="JN22" s="61">
        <v>5</v>
      </c>
      <c r="JO22" s="61">
        <v>10</v>
      </c>
      <c r="JP22" s="62">
        <v>76</v>
      </c>
      <c r="JQ22" s="63">
        <v>102</v>
      </c>
      <c r="JR22" s="60">
        <v>0</v>
      </c>
      <c r="JS22" s="61">
        <v>0</v>
      </c>
      <c r="JT22" s="62">
        <v>0</v>
      </c>
      <c r="JU22" s="443">
        <v>0</v>
      </c>
      <c r="JV22" s="61">
        <v>0</v>
      </c>
      <c r="JW22" s="61">
        <v>0</v>
      </c>
      <c r="JX22" s="61">
        <v>0</v>
      </c>
      <c r="JY22" s="61">
        <v>0</v>
      </c>
      <c r="JZ22" s="61">
        <v>0</v>
      </c>
      <c r="KA22" s="62">
        <v>0</v>
      </c>
      <c r="KB22" s="63">
        <v>0</v>
      </c>
      <c r="KC22" s="60">
        <v>41</v>
      </c>
      <c r="KD22" s="61">
        <v>41</v>
      </c>
      <c r="KE22" s="62">
        <v>82</v>
      </c>
      <c r="KF22" s="443">
        <v>0</v>
      </c>
      <c r="KG22" s="61">
        <v>77</v>
      </c>
      <c r="KH22" s="61">
        <v>51</v>
      </c>
      <c r="KI22" s="61">
        <v>37</v>
      </c>
      <c r="KJ22" s="61">
        <v>23</v>
      </c>
      <c r="KK22" s="61">
        <v>33</v>
      </c>
      <c r="KL22" s="62">
        <v>221</v>
      </c>
      <c r="KM22" s="63">
        <v>303</v>
      </c>
    </row>
    <row r="23" spans="2:299" ht="21" customHeight="1" x14ac:dyDescent="0.2">
      <c r="B23" s="437" t="s">
        <v>20</v>
      </c>
      <c r="C23" s="287">
        <v>60</v>
      </c>
      <c r="D23" s="72">
        <v>63</v>
      </c>
      <c r="E23" s="73">
        <v>123</v>
      </c>
      <c r="F23" s="443">
        <v>0</v>
      </c>
      <c r="G23" s="72">
        <v>125</v>
      </c>
      <c r="H23" s="72">
        <v>77</v>
      </c>
      <c r="I23" s="72">
        <v>48</v>
      </c>
      <c r="J23" s="72">
        <v>36</v>
      </c>
      <c r="K23" s="72">
        <v>19</v>
      </c>
      <c r="L23" s="74">
        <v>305</v>
      </c>
      <c r="M23" s="75">
        <v>428</v>
      </c>
      <c r="N23" s="60">
        <v>0</v>
      </c>
      <c r="O23" s="61">
        <v>1</v>
      </c>
      <c r="P23" s="62">
        <v>1</v>
      </c>
      <c r="Q23" s="443">
        <v>0</v>
      </c>
      <c r="R23" s="61">
        <v>2</v>
      </c>
      <c r="S23" s="61">
        <v>1</v>
      </c>
      <c r="T23" s="61">
        <v>3</v>
      </c>
      <c r="U23" s="61">
        <v>0</v>
      </c>
      <c r="V23" s="61">
        <v>0</v>
      </c>
      <c r="W23" s="62">
        <v>6</v>
      </c>
      <c r="X23" s="63">
        <v>7</v>
      </c>
      <c r="Y23" s="60">
        <v>2</v>
      </c>
      <c r="Z23" s="61">
        <v>2</v>
      </c>
      <c r="AA23" s="62">
        <v>4</v>
      </c>
      <c r="AB23" s="443">
        <v>0</v>
      </c>
      <c r="AC23" s="61">
        <v>5</v>
      </c>
      <c r="AD23" s="61">
        <v>4</v>
      </c>
      <c r="AE23" s="61">
        <v>2</v>
      </c>
      <c r="AF23" s="61">
        <v>2</v>
      </c>
      <c r="AG23" s="61">
        <v>0</v>
      </c>
      <c r="AH23" s="62">
        <v>13</v>
      </c>
      <c r="AI23" s="63">
        <v>17</v>
      </c>
      <c r="AJ23" s="60">
        <v>9</v>
      </c>
      <c r="AK23" s="61">
        <v>5</v>
      </c>
      <c r="AL23" s="62">
        <v>14</v>
      </c>
      <c r="AM23" s="443">
        <v>0</v>
      </c>
      <c r="AN23" s="61">
        <v>12</v>
      </c>
      <c r="AO23" s="61">
        <v>4</v>
      </c>
      <c r="AP23" s="61">
        <v>7</v>
      </c>
      <c r="AQ23" s="61">
        <v>5</v>
      </c>
      <c r="AR23" s="61">
        <v>3</v>
      </c>
      <c r="AS23" s="62">
        <v>31</v>
      </c>
      <c r="AT23" s="63">
        <v>45</v>
      </c>
      <c r="AU23" s="60">
        <v>12</v>
      </c>
      <c r="AV23" s="61">
        <v>12</v>
      </c>
      <c r="AW23" s="62">
        <v>24</v>
      </c>
      <c r="AX23" s="443">
        <v>0</v>
      </c>
      <c r="AY23" s="61">
        <v>38</v>
      </c>
      <c r="AZ23" s="61">
        <v>17</v>
      </c>
      <c r="BA23" s="61">
        <v>10</v>
      </c>
      <c r="BB23" s="61">
        <v>10</v>
      </c>
      <c r="BC23" s="61">
        <v>7</v>
      </c>
      <c r="BD23" s="62">
        <v>82</v>
      </c>
      <c r="BE23" s="63">
        <v>106</v>
      </c>
      <c r="BF23" s="60">
        <v>23</v>
      </c>
      <c r="BG23" s="61">
        <v>26</v>
      </c>
      <c r="BH23" s="62">
        <v>49</v>
      </c>
      <c r="BI23" s="443">
        <v>0</v>
      </c>
      <c r="BJ23" s="61">
        <v>38</v>
      </c>
      <c r="BK23" s="61">
        <v>24</v>
      </c>
      <c r="BL23" s="61">
        <v>15</v>
      </c>
      <c r="BM23" s="61">
        <v>11</v>
      </c>
      <c r="BN23" s="61">
        <v>5</v>
      </c>
      <c r="BO23" s="62">
        <v>93</v>
      </c>
      <c r="BP23" s="63">
        <v>142</v>
      </c>
      <c r="BQ23" s="60">
        <v>14</v>
      </c>
      <c r="BR23" s="61">
        <v>17</v>
      </c>
      <c r="BS23" s="62">
        <v>31</v>
      </c>
      <c r="BT23" s="443">
        <v>0</v>
      </c>
      <c r="BU23" s="61">
        <v>30</v>
      </c>
      <c r="BV23" s="61">
        <v>27</v>
      </c>
      <c r="BW23" s="61">
        <v>11</v>
      </c>
      <c r="BX23" s="61">
        <v>8</v>
      </c>
      <c r="BY23" s="61">
        <v>4</v>
      </c>
      <c r="BZ23" s="62">
        <v>80</v>
      </c>
      <c r="CA23" s="63">
        <v>111</v>
      </c>
      <c r="CB23" s="60">
        <v>0</v>
      </c>
      <c r="CC23" s="61">
        <v>0</v>
      </c>
      <c r="CD23" s="62">
        <v>0</v>
      </c>
      <c r="CE23" s="443">
        <v>0</v>
      </c>
      <c r="CF23" s="61">
        <v>0</v>
      </c>
      <c r="CG23" s="61">
        <v>0</v>
      </c>
      <c r="CH23" s="61">
        <v>0</v>
      </c>
      <c r="CI23" s="61">
        <v>0</v>
      </c>
      <c r="CJ23" s="61">
        <v>0</v>
      </c>
      <c r="CK23" s="62">
        <v>0</v>
      </c>
      <c r="CL23" s="63">
        <v>0</v>
      </c>
      <c r="CM23" s="60">
        <v>60</v>
      </c>
      <c r="CN23" s="61">
        <v>63</v>
      </c>
      <c r="CO23" s="62">
        <v>123</v>
      </c>
      <c r="CP23" s="443">
        <v>0</v>
      </c>
      <c r="CQ23" s="61">
        <v>125</v>
      </c>
      <c r="CR23" s="61">
        <v>77</v>
      </c>
      <c r="CS23" s="61">
        <v>48</v>
      </c>
      <c r="CT23" s="61">
        <v>36</v>
      </c>
      <c r="CU23" s="61">
        <v>19</v>
      </c>
      <c r="CV23" s="62">
        <v>305</v>
      </c>
      <c r="CW23" s="63">
        <v>428</v>
      </c>
      <c r="CX23" s="113">
        <v>7</v>
      </c>
      <c r="CY23" s="72">
        <v>13</v>
      </c>
      <c r="CZ23" s="73">
        <v>20</v>
      </c>
      <c r="DA23" s="443">
        <v>0</v>
      </c>
      <c r="DB23" s="72">
        <v>16</v>
      </c>
      <c r="DC23" s="72">
        <v>4</v>
      </c>
      <c r="DD23" s="72">
        <v>2</v>
      </c>
      <c r="DE23" s="72">
        <v>6</v>
      </c>
      <c r="DF23" s="72">
        <v>4</v>
      </c>
      <c r="DG23" s="74">
        <v>32</v>
      </c>
      <c r="DH23" s="75">
        <v>52</v>
      </c>
      <c r="DI23" s="60">
        <v>0</v>
      </c>
      <c r="DJ23" s="61">
        <v>0</v>
      </c>
      <c r="DK23" s="62">
        <v>0</v>
      </c>
      <c r="DL23" s="443">
        <v>0</v>
      </c>
      <c r="DM23" s="61">
        <v>1</v>
      </c>
      <c r="DN23" s="61">
        <v>0</v>
      </c>
      <c r="DO23" s="61">
        <v>0</v>
      </c>
      <c r="DP23" s="61">
        <v>0</v>
      </c>
      <c r="DQ23" s="61">
        <v>0</v>
      </c>
      <c r="DR23" s="62">
        <v>1</v>
      </c>
      <c r="DS23" s="63">
        <v>1</v>
      </c>
      <c r="DT23" s="60">
        <v>0</v>
      </c>
      <c r="DU23" s="61">
        <v>1</v>
      </c>
      <c r="DV23" s="62">
        <v>1</v>
      </c>
      <c r="DW23" s="443">
        <v>0</v>
      </c>
      <c r="DX23" s="61">
        <v>0</v>
      </c>
      <c r="DY23" s="61">
        <v>1</v>
      </c>
      <c r="DZ23" s="61">
        <v>0</v>
      </c>
      <c r="EA23" s="61">
        <v>0</v>
      </c>
      <c r="EB23" s="61">
        <v>0</v>
      </c>
      <c r="EC23" s="62">
        <v>1</v>
      </c>
      <c r="ED23" s="63">
        <v>2</v>
      </c>
      <c r="EE23" s="60">
        <v>3</v>
      </c>
      <c r="EF23" s="61">
        <v>1</v>
      </c>
      <c r="EG23" s="62">
        <v>4</v>
      </c>
      <c r="EH23" s="443">
        <v>0</v>
      </c>
      <c r="EI23" s="61">
        <v>2</v>
      </c>
      <c r="EJ23" s="61">
        <v>1</v>
      </c>
      <c r="EK23" s="61">
        <v>0</v>
      </c>
      <c r="EL23" s="61">
        <v>0</v>
      </c>
      <c r="EM23" s="61">
        <v>1</v>
      </c>
      <c r="EN23" s="62">
        <v>4</v>
      </c>
      <c r="EO23" s="63">
        <v>8</v>
      </c>
      <c r="EP23" s="60">
        <v>4</v>
      </c>
      <c r="EQ23" s="61">
        <v>3</v>
      </c>
      <c r="ER23" s="62">
        <v>7</v>
      </c>
      <c r="ES23" s="443">
        <v>0</v>
      </c>
      <c r="ET23" s="61">
        <v>4</v>
      </c>
      <c r="EU23" s="61">
        <v>0</v>
      </c>
      <c r="EV23" s="61">
        <v>1</v>
      </c>
      <c r="EW23" s="61">
        <v>1</v>
      </c>
      <c r="EX23" s="61">
        <v>1</v>
      </c>
      <c r="EY23" s="62">
        <v>7</v>
      </c>
      <c r="EZ23" s="63">
        <v>14</v>
      </c>
      <c r="FA23" s="60">
        <v>0</v>
      </c>
      <c r="FB23" s="61">
        <v>5</v>
      </c>
      <c r="FC23" s="62">
        <v>5</v>
      </c>
      <c r="FD23" s="443">
        <v>0</v>
      </c>
      <c r="FE23" s="61">
        <v>1</v>
      </c>
      <c r="FF23" s="61">
        <v>0</v>
      </c>
      <c r="FG23" s="61">
        <v>0</v>
      </c>
      <c r="FH23" s="61">
        <v>2</v>
      </c>
      <c r="FI23" s="61">
        <v>0</v>
      </c>
      <c r="FJ23" s="62">
        <v>3</v>
      </c>
      <c r="FK23" s="63">
        <v>8</v>
      </c>
      <c r="FL23" s="60">
        <v>0</v>
      </c>
      <c r="FM23" s="61">
        <v>3</v>
      </c>
      <c r="FN23" s="62">
        <v>3</v>
      </c>
      <c r="FO23" s="443">
        <v>0</v>
      </c>
      <c r="FP23" s="61">
        <v>8</v>
      </c>
      <c r="FQ23" s="61">
        <v>2</v>
      </c>
      <c r="FR23" s="61">
        <v>1</v>
      </c>
      <c r="FS23" s="61">
        <v>3</v>
      </c>
      <c r="FT23" s="61">
        <v>2</v>
      </c>
      <c r="FU23" s="62">
        <v>16</v>
      </c>
      <c r="FV23" s="63">
        <v>19</v>
      </c>
      <c r="FW23" s="60">
        <v>0</v>
      </c>
      <c r="FX23" s="61">
        <v>0</v>
      </c>
      <c r="FY23" s="62">
        <v>0</v>
      </c>
      <c r="FZ23" s="443">
        <v>0</v>
      </c>
      <c r="GA23" s="61">
        <v>0</v>
      </c>
      <c r="GB23" s="61">
        <v>0</v>
      </c>
      <c r="GC23" s="61">
        <v>0</v>
      </c>
      <c r="GD23" s="61">
        <v>0</v>
      </c>
      <c r="GE23" s="61">
        <v>0</v>
      </c>
      <c r="GF23" s="62">
        <v>0</v>
      </c>
      <c r="GG23" s="63">
        <v>0</v>
      </c>
      <c r="GH23" s="60">
        <v>7</v>
      </c>
      <c r="GI23" s="61">
        <v>13</v>
      </c>
      <c r="GJ23" s="62">
        <v>20</v>
      </c>
      <c r="GK23" s="443">
        <v>0</v>
      </c>
      <c r="GL23" s="61">
        <v>16</v>
      </c>
      <c r="GM23" s="61">
        <v>4</v>
      </c>
      <c r="GN23" s="61">
        <v>2</v>
      </c>
      <c r="GO23" s="61">
        <v>6</v>
      </c>
      <c r="GP23" s="61">
        <v>4</v>
      </c>
      <c r="GQ23" s="62">
        <v>32</v>
      </c>
      <c r="GR23" s="63">
        <v>52</v>
      </c>
      <c r="GS23" s="113">
        <v>67</v>
      </c>
      <c r="GT23" s="72">
        <v>76</v>
      </c>
      <c r="GU23" s="73">
        <v>143</v>
      </c>
      <c r="GV23" s="443">
        <v>0</v>
      </c>
      <c r="GW23" s="72">
        <v>141</v>
      </c>
      <c r="GX23" s="72">
        <v>81</v>
      </c>
      <c r="GY23" s="72">
        <v>50</v>
      </c>
      <c r="GZ23" s="72">
        <v>42</v>
      </c>
      <c r="HA23" s="72">
        <v>23</v>
      </c>
      <c r="HB23" s="74">
        <v>337</v>
      </c>
      <c r="HC23" s="75">
        <v>480</v>
      </c>
      <c r="HD23" s="60">
        <v>0</v>
      </c>
      <c r="HE23" s="61">
        <v>1</v>
      </c>
      <c r="HF23" s="62">
        <v>1</v>
      </c>
      <c r="HG23" s="443">
        <v>0</v>
      </c>
      <c r="HH23" s="61">
        <v>3</v>
      </c>
      <c r="HI23" s="61">
        <v>1</v>
      </c>
      <c r="HJ23" s="61">
        <v>3</v>
      </c>
      <c r="HK23" s="61">
        <v>0</v>
      </c>
      <c r="HL23" s="61">
        <v>0</v>
      </c>
      <c r="HM23" s="62">
        <v>7</v>
      </c>
      <c r="HN23" s="63">
        <v>8</v>
      </c>
      <c r="HO23" s="60">
        <v>2</v>
      </c>
      <c r="HP23" s="61">
        <v>3</v>
      </c>
      <c r="HQ23" s="62">
        <v>5</v>
      </c>
      <c r="HR23" s="443">
        <v>0</v>
      </c>
      <c r="HS23" s="61">
        <v>5</v>
      </c>
      <c r="HT23" s="61">
        <v>5</v>
      </c>
      <c r="HU23" s="61">
        <v>2</v>
      </c>
      <c r="HV23" s="61">
        <v>2</v>
      </c>
      <c r="HW23" s="61">
        <v>0</v>
      </c>
      <c r="HX23" s="62">
        <v>14</v>
      </c>
      <c r="HY23" s="63">
        <v>19</v>
      </c>
      <c r="HZ23" s="60">
        <v>12</v>
      </c>
      <c r="IA23" s="61">
        <v>6</v>
      </c>
      <c r="IB23" s="62">
        <v>18</v>
      </c>
      <c r="IC23" s="443">
        <v>0</v>
      </c>
      <c r="ID23" s="61">
        <v>14</v>
      </c>
      <c r="IE23" s="61">
        <v>5</v>
      </c>
      <c r="IF23" s="61">
        <v>7</v>
      </c>
      <c r="IG23" s="61">
        <v>5</v>
      </c>
      <c r="IH23" s="61">
        <v>4</v>
      </c>
      <c r="II23" s="62">
        <v>35</v>
      </c>
      <c r="IJ23" s="63">
        <v>53</v>
      </c>
      <c r="IK23" s="60">
        <v>16</v>
      </c>
      <c r="IL23" s="61">
        <v>15</v>
      </c>
      <c r="IM23" s="62">
        <v>31</v>
      </c>
      <c r="IN23" s="443">
        <v>0</v>
      </c>
      <c r="IO23" s="61">
        <v>42</v>
      </c>
      <c r="IP23" s="61">
        <v>17</v>
      </c>
      <c r="IQ23" s="61">
        <v>11</v>
      </c>
      <c r="IR23" s="61">
        <v>11</v>
      </c>
      <c r="IS23" s="61">
        <v>8</v>
      </c>
      <c r="IT23" s="62">
        <v>89</v>
      </c>
      <c r="IU23" s="63">
        <v>120</v>
      </c>
      <c r="IV23" s="60">
        <v>23</v>
      </c>
      <c r="IW23" s="61">
        <v>31</v>
      </c>
      <c r="IX23" s="62">
        <v>54</v>
      </c>
      <c r="IY23" s="443">
        <v>0</v>
      </c>
      <c r="IZ23" s="61">
        <v>39</v>
      </c>
      <c r="JA23" s="61">
        <v>24</v>
      </c>
      <c r="JB23" s="61">
        <v>15</v>
      </c>
      <c r="JC23" s="61">
        <v>13</v>
      </c>
      <c r="JD23" s="61">
        <v>5</v>
      </c>
      <c r="JE23" s="62">
        <v>96</v>
      </c>
      <c r="JF23" s="63">
        <v>150</v>
      </c>
      <c r="JG23" s="60">
        <v>14</v>
      </c>
      <c r="JH23" s="61">
        <v>20</v>
      </c>
      <c r="JI23" s="62">
        <v>34</v>
      </c>
      <c r="JJ23" s="443">
        <v>0</v>
      </c>
      <c r="JK23" s="61">
        <v>38</v>
      </c>
      <c r="JL23" s="61">
        <v>29</v>
      </c>
      <c r="JM23" s="61">
        <v>12</v>
      </c>
      <c r="JN23" s="61">
        <v>11</v>
      </c>
      <c r="JO23" s="61">
        <v>6</v>
      </c>
      <c r="JP23" s="62">
        <v>96</v>
      </c>
      <c r="JQ23" s="63">
        <v>130</v>
      </c>
      <c r="JR23" s="60">
        <v>0</v>
      </c>
      <c r="JS23" s="61">
        <v>0</v>
      </c>
      <c r="JT23" s="62">
        <v>0</v>
      </c>
      <c r="JU23" s="443">
        <v>0</v>
      </c>
      <c r="JV23" s="61">
        <v>0</v>
      </c>
      <c r="JW23" s="61">
        <v>0</v>
      </c>
      <c r="JX23" s="61">
        <v>0</v>
      </c>
      <c r="JY23" s="61">
        <v>0</v>
      </c>
      <c r="JZ23" s="61">
        <v>0</v>
      </c>
      <c r="KA23" s="62">
        <v>0</v>
      </c>
      <c r="KB23" s="63">
        <v>0</v>
      </c>
      <c r="KC23" s="60">
        <v>67</v>
      </c>
      <c r="KD23" s="61">
        <v>76</v>
      </c>
      <c r="KE23" s="62">
        <v>143</v>
      </c>
      <c r="KF23" s="443">
        <v>0</v>
      </c>
      <c r="KG23" s="61">
        <v>141</v>
      </c>
      <c r="KH23" s="61">
        <v>81</v>
      </c>
      <c r="KI23" s="61">
        <v>50</v>
      </c>
      <c r="KJ23" s="61">
        <v>42</v>
      </c>
      <c r="KK23" s="61">
        <v>23</v>
      </c>
      <c r="KL23" s="62">
        <v>337</v>
      </c>
      <c r="KM23" s="63">
        <v>480</v>
      </c>
    </row>
    <row r="24" spans="2:299" ht="21" customHeight="1" x14ac:dyDescent="0.2">
      <c r="B24" s="437" t="s">
        <v>21</v>
      </c>
      <c r="C24" s="287">
        <v>49</v>
      </c>
      <c r="D24" s="72">
        <v>38</v>
      </c>
      <c r="E24" s="73">
        <v>87</v>
      </c>
      <c r="F24" s="443">
        <v>0</v>
      </c>
      <c r="G24" s="72">
        <v>70</v>
      </c>
      <c r="H24" s="72">
        <v>60</v>
      </c>
      <c r="I24" s="72">
        <v>35</v>
      </c>
      <c r="J24" s="72">
        <v>28</v>
      </c>
      <c r="K24" s="72">
        <v>24</v>
      </c>
      <c r="L24" s="74">
        <v>217</v>
      </c>
      <c r="M24" s="75">
        <v>304</v>
      </c>
      <c r="N24" s="60">
        <v>1</v>
      </c>
      <c r="O24" s="61">
        <v>0</v>
      </c>
      <c r="P24" s="62">
        <v>1</v>
      </c>
      <c r="Q24" s="443">
        <v>0</v>
      </c>
      <c r="R24" s="61">
        <v>0</v>
      </c>
      <c r="S24" s="61">
        <v>2</v>
      </c>
      <c r="T24" s="61">
        <v>1</v>
      </c>
      <c r="U24" s="61">
        <v>0</v>
      </c>
      <c r="V24" s="61">
        <v>1</v>
      </c>
      <c r="W24" s="62">
        <v>4</v>
      </c>
      <c r="X24" s="63">
        <v>5</v>
      </c>
      <c r="Y24" s="60">
        <v>2</v>
      </c>
      <c r="Z24" s="61">
        <v>1</v>
      </c>
      <c r="AA24" s="62">
        <v>3</v>
      </c>
      <c r="AB24" s="443">
        <v>0</v>
      </c>
      <c r="AC24" s="61">
        <v>2</v>
      </c>
      <c r="AD24" s="61">
        <v>2</v>
      </c>
      <c r="AE24" s="61">
        <v>3</v>
      </c>
      <c r="AF24" s="61">
        <v>1</v>
      </c>
      <c r="AG24" s="61">
        <v>0</v>
      </c>
      <c r="AH24" s="62">
        <v>8</v>
      </c>
      <c r="AI24" s="63">
        <v>11</v>
      </c>
      <c r="AJ24" s="60">
        <v>7</v>
      </c>
      <c r="AK24" s="61">
        <v>3</v>
      </c>
      <c r="AL24" s="62">
        <v>10</v>
      </c>
      <c r="AM24" s="443">
        <v>0</v>
      </c>
      <c r="AN24" s="61">
        <v>11</v>
      </c>
      <c r="AO24" s="61">
        <v>6</v>
      </c>
      <c r="AP24" s="61">
        <v>4</v>
      </c>
      <c r="AQ24" s="61">
        <v>4</v>
      </c>
      <c r="AR24" s="61">
        <v>3</v>
      </c>
      <c r="AS24" s="62">
        <v>28</v>
      </c>
      <c r="AT24" s="63">
        <v>38</v>
      </c>
      <c r="AU24" s="60">
        <v>11</v>
      </c>
      <c r="AV24" s="61">
        <v>7</v>
      </c>
      <c r="AW24" s="62">
        <v>18</v>
      </c>
      <c r="AX24" s="443">
        <v>0</v>
      </c>
      <c r="AY24" s="61">
        <v>16</v>
      </c>
      <c r="AZ24" s="61">
        <v>13</v>
      </c>
      <c r="BA24" s="61">
        <v>6</v>
      </c>
      <c r="BB24" s="61">
        <v>7</v>
      </c>
      <c r="BC24" s="61">
        <v>5</v>
      </c>
      <c r="BD24" s="62">
        <v>47</v>
      </c>
      <c r="BE24" s="63">
        <v>65</v>
      </c>
      <c r="BF24" s="60">
        <v>16</v>
      </c>
      <c r="BG24" s="61">
        <v>13</v>
      </c>
      <c r="BH24" s="62">
        <v>29</v>
      </c>
      <c r="BI24" s="443">
        <v>0</v>
      </c>
      <c r="BJ24" s="61">
        <v>25</v>
      </c>
      <c r="BK24" s="61">
        <v>15</v>
      </c>
      <c r="BL24" s="61">
        <v>10</v>
      </c>
      <c r="BM24" s="61">
        <v>4</v>
      </c>
      <c r="BN24" s="61">
        <v>8</v>
      </c>
      <c r="BO24" s="62">
        <v>62</v>
      </c>
      <c r="BP24" s="63">
        <v>91</v>
      </c>
      <c r="BQ24" s="60">
        <v>12</v>
      </c>
      <c r="BR24" s="61">
        <v>14</v>
      </c>
      <c r="BS24" s="62">
        <v>26</v>
      </c>
      <c r="BT24" s="443">
        <v>0</v>
      </c>
      <c r="BU24" s="61">
        <v>16</v>
      </c>
      <c r="BV24" s="61">
        <v>22</v>
      </c>
      <c r="BW24" s="61">
        <v>11</v>
      </c>
      <c r="BX24" s="61">
        <v>12</v>
      </c>
      <c r="BY24" s="61">
        <v>7</v>
      </c>
      <c r="BZ24" s="62">
        <v>68</v>
      </c>
      <c r="CA24" s="63">
        <v>94</v>
      </c>
      <c r="CB24" s="60">
        <v>0</v>
      </c>
      <c r="CC24" s="61">
        <v>0</v>
      </c>
      <c r="CD24" s="62">
        <v>0</v>
      </c>
      <c r="CE24" s="443">
        <v>0</v>
      </c>
      <c r="CF24" s="61">
        <v>0</v>
      </c>
      <c r="CG24" s="61">
        <v>0</v>
      </c>
      <c r="CH24" s="61">
        <v>0</v>
      </c>
      <c r="CI24" s="61">
        <v>0</v>
      </c>
      <c r="CJ24" s="61">
        <v>0</v>
      </c>
      <c r="CK24" s="62">
        <v>0</v>
      </c>
      <c r="CL24" s="63">
        <v>0</v>
      </c>
      <c r="CM24" s="60">
        <v>49</v>
      </c>
      <c r="CN24" s="61">
        <v>38</v>
      </c>
      <c r="CO24" s="62">
        <v>87</v>
      </c>
      <c r="CP24" s="443">
        <v>0</v>
      </c>
      <c r="CQ24" s="61">
        <v>70</v>
      </c>
      <c r="CR24" s="61">
        <v>60</v>
      </c>
      <c r="CS24" s="61">
        <v>35</v>
      </c>
      <c r="CT24" s="61">
        <v>28</v>
      </c>
      <c r="CU24" s="61">
        <v>24</v>
      </c>
      <c r="CV24" s="62">
        <v>217</v>
      </c>
      <c r="CW24" s="63">
        <v>304</v>
      </c>
      <c r="CX24" s="113">
        <v>7</v>
      </c>
      <c r="CY24" s="72">
        <v>5</v>
      </c>
      <c r="CZ24" s="73">
        <v>12</v>
      </c>
      <c r="DA24" s="443">
        <v>0</v>
      </c>
      <c r="DB24" s="72">
        <v>13</v>
      </c>
      <c r="DC24" s="72">
        <v>8</v>
      </c>
      <c r="DD24" s="72">
        <v>6</v>
      </c>
      <c r="DE24" s="72">
        <v>6</v>
      </c>
      <c r="DF24" s="72">
        <v>4</v>
      </c>
      <c r="DG24" s="74">
        <v>37</v>
      </c>
      <c r="DH24" s="75">
        <v>49</v>
      </c>
      <c r="DI24" s="60">
        <v>0</v>
      </c>
      <c r="DJ24" s="61">
        <v>0</v>
      </c>
      <c r="DK24" s="62">
        <v>0</v>
      </c>
      <c r="DL24" s="443">
        <v>0</v>
      </c>
      <c r="DM24" s="61">
        <v>3</v>
      </c>
      <c r="DN24" s="61">
        <v>0</v>
      </c>
      <c r="DO24" s="61">
        <v>0</v>
      </c>
      <c r="DP24" s="61">
        <v>0</v>
      </c>
      <c r="DQ24" s="61">
        <v>0</v>
      </c>
      <c r="DR24" s="62">
        <v>3</v>
      </c>
      <c r="DS24" s="63">
        <v>3</v>
      </c>
      <c r="DT24" s="60">
        <v>0</v>
      </c>
      <c r="DU24" s="61">
        <v>0</v>
      </c>
      <c r="DV24" s="62">
        <v>0</v>
      </c>
      <c r="DW24" s="443">
        <v>0</v>
      </c>
      <c r="DX24" s="61">
        <v>0</v>
      </c>
      <c r="DY24" s="61">
        <v>1</v>
      </c>
      <c r="DZ24" s="61">
        <v>0</v>
      </c>
      <c r="EA24" s="61">
        <v>0</v>
      </c>
      <c r="EB24" s="61">
        <v>1</v>
      </c>
      <c r="EC24" s="62">
        <v>2</v>
      </c>
      <c r="ED24" s="63">
        <v>2</v>
      </c>
      <c r="EE24" s="60">
        <v>2</v>
      </c>
      <c r="EF24" s="61">
        <v>2</v>
      </c>
      <c r="EG24" s="62">
        <v>4</v>
      </c>
      <c r="EH24" s="443">
        <v>0</v>
      </c>
      <c r="EI24" s="61">
        <v>1</v>
      </c>
      <c r="EJ24" s="61">
        <v>0</v>
      </c>
      <c r="EK24" s="61">
        <v>0</v>
      </c>
      <c r="EL24" s="61">
        <v>0</v>
      </c>
      <c r="EM24" s="61">
        <v>0</v>
      </c>
      <c r="EN24" s="62">
        <v>1</v>
      </c>
      <c r="EO24" s="63">
        <v>5</v>
      </c>
      <c r="EP24" s="60">
        <v>1</v>
      </c>
      <c r="EQ24" s="61">
        <v>0</v>
      </c>
      <c r="ER24" s="62">
        <v>1</v>
      </c>
      <c r="ES24" s="443">
        <v>0</v>
      </c>
      <c r="ET24" s="61">
        <v>1</v>
      </c>
      <c r="EU24" s="61">
        <v>0</v>
      </c>
      <c r="EV24" s="61">
        <v>2</v>
      </c>
      <c r="EW24" s="61">
        <v>0</v>
      </c>
      <c r="EX24" s="61">
        <v>1</v>
      </c>
      <c r="EY24" s="62">
        <v>4</v>
      </c>
      <c r="EZ24" s="63">
        <v>5</v>
      </c>
      <c r="FA24" s="60">
        <v>3</v>
      </c>
      <c r="FB24" s="61">
        <v>1</v>
      </c>
      <c r="FC24" s="62">
        <v>4</v>
      </c>
      <c r="FD24" s="443">
        <v>0</v>
      </c>
      <c r="FE24" s="61">
        <v>5</v>
      </c>
      <c r="FF24" s="61">
        <v>3</v>
      </c>
      <c r="FG24" s="61">
        <v>1</v>
      </c>
      <c r="FH24" s="61">
        <v>2</v>
      </c>
      <c r="FI24" s="61">
        <v>1</v>
      </c>
      <c r="FJ24" s="62">
        <v>12</v>
      </c>
      <c r="FK24" s="63">
        <v>16</v>
      </c>
      <c r="FL24" s="60">
        <v>1</v>
      </c>
      <c r="FM24" s="61">
        <v>2</v>
      </c>
      <c r="FN24" s="62">
        <v>3</v>
      </c>
      <c r="FO24" s="443">
        <v>0</v>
      </c>
      <c r="FP24" s="61">
        <v>3</v>
      </c>
      <c r="FQ24" s="61">
        <v>4</v>
      </c>
      <c r="FR24" s="61">
        <v>3</v>
      </c>
      <c r="FS24" s="61">
        <v>4</v>
      </c>
      <c r="FT24" s="61">
        <v>1</v>
      </c>
      <c r="FU24" s="62">
        <v>15</v>
      </c>
      <c r="FV24" s="63">
        <v>18</v>
      </c>
      <c r="FW24" s="60">
        <v>0</v>
      </c>
      <c r="FX24" s="61">
        <v>0</v>
      </c>
      <c r="FY24" s="62">
        <v>0</v>
      </c>
      <c r="FZ24" s="443">
        <v>0</v>
      </c>
      <c r="GA24" s="61">
        <v>0</v>
      </c>
      <c r="GB24" s="61">
        <v>0</v>
      </c>
      <c r="GC24" s="61">
        <v>0</v>
      </c>
      <c r="GD24" s="61">
        <v>0</v>
      </c>
      <c r="GE24" s="61">
        <v>0</v>
      </c>
      <c r="GF24" s="62">
        <v>0</v>
      </c>
      <c r="GG24" s="63">
        <v>0</v>
      </c>
      <c r="GH24" s="60">
        <v>7</v>
      </c>
      <c r="GI24" s="61">
        <v>5</v>
      </c>
      <c r="GJ24" s="62">
        <v>12</v>
      </c>
      <c r="GK24" s="443">
        <v>0</v>
      </c>
      <c r="GL24" s="61">
        <v>13</v>
      </c>
      <c r="GM24" s="61">
        <v>8</v>
      </c>
      <c r="GN24" s="61">
        <v>6</v>
      </c>
      <c r="GO24" s="61">
        <v>6</v>
      </c>
      <c r="GP24" s="61">
        <v>4</v>
      </c>
      <c r="GQ24" s="62">
        <v>37</v>
      </c>
      <c r="GR24" s="63">
        <v>49</v>
      </c>
      <c r="GS24" s="113">
        <v>56</v>
      </c>
      <c r="GT24" s="72">
        <v>43</v>
      </c>
      <c r="GU24" s="73">
        <v>99</v>
      </c>
      <c r="GV24" s="443">
        <v>0</v>
      </c>
      <c r="GW24" s="72">
        <v>83</v>
      </c>
      <c r="GX24" s="72">
        <v>68</v>
      </c>
      <c r="GY24" s="72">
        <v>41</v>
      </c>
      <c r="GZ24" s="72">
        <v>34</v>
      </c>
      <c r="HA24" s="72">
        <v>28</v>
      </c>
      <c r="HB24" s="74">
        <v>254</v>
      </c>
      <c r="HC24" s="75">
        <v>353</v>
      </c>
      <c r="HD24" s="60">
        <v>1</v>
      </c>
      <c r="HE24" s="61">
        <v>0</v>
      </c>
      <c r="HF24" s="62">
        <v>1</v>
      </c>
      <c r="HG24" s="443">
        <v>0</v>
      </c>
      <c r="HH24" s="61">
        <v>3</v>
      </c>
      <c r="HI24" s="61">
        <v>2</v>
      </c>
      <c r="HJ24" s="61">
        <v>1</v>
      </c>
      <c r="HK24" s="61">
        <v>0</v>
      </c>
      <c r="HL24" s="61">
        <v>1</v>
      </c>
      <c r="HM24" s="62">
        <v>7</v>
      </c>
      <c r="HN24" s="63">
        <v>8</v>
      </c>
      <c r="HO24" s="60">
        <v>2</v>
      </c>
      <c r="HP24" s="61">
        <v>1</v>
      </c>
      <c r="HQ24" s="62">
        <v>3</v>
      </c>
      <c r="HR24" s="443">
        <v>0</v>
      </c>
      <c r="HS24" s="61">
        <v>2</v>
      </c>
      <c r="HT24" s="61">
        <v>3</v>
      </c>
      <c r="HU24" s="61">
        <v>3</v>
      </c>
      <c r="HV24" s="61">
        <v>1</v>
      </c>
      <c r="HW24" s="61">
        <v>1</v>
      </c>
      <c r="HX24" s="62">
        <v>10</v>
      </c>
      <c r="HY24" s="63">
        <v>13</v>
      </c>
      <c r="HZ24" s="60">
        <v>9</v>
      </c>
      <c r="IA24" s="61">
        <v>5</v>
      </c>
      <c r="IB24" s="62">
        <v>14</v>
      </c>
      <c r="IC24" s="443">
        <v>0</v>
      </c>
      <c r="ID24" s="61">
        <v>12</v>
      </c>
      <c r="IE24" s="61">
        <v>6</v>
      </c>
      <c r="IF24" s="61">
        <v>4</v>
      </c>
      <c r="IG24" s="61">
        <v>4</v>
      </c>
      <c r="IH24" s="61">
        <v>3</v>
      </c>
      <c r="II24" s="62">
        <v>29</v>
      </c>
      <c r="IJ24" s="63">
        <v>43</v>
      </c>
      <c r="IK24" s="60">
        <v>12</v>
      </c>
      <c r="IL24" s="61">
        <v>7</v>
      </c>
      <c r="IM24" s="62">
        <v>19</v>
      </c>
      <c r="IN24" s="443">
        <v>0</v>
      </c>
      <c r="IO24" s="61">
        <v>17</v>
      </c>
      <c r="IP24" s="61">
        <v>13</v>
      </c>
      <c r="IQ24" s="61">
        <v>8</v>
      </c>
      <c r="IR24" s="61">
        <v>7</v>
      </c>
      <c r="IS24" s="61">
        <v>6</v>
      </c>
      <c r="IT24" s="62">
        <v>51</v>
      </c>
      <c r="IU24" s="63">
        <v>70</v>
      </c>
      <c r="IV24" s="60">
        <v>19</v>
      </c>
      <c r="IW24" s="61">
        <v>14</v>
      </c>
      <c r="IX24" s="62">
        <v>33</v>
      </c>
      <c r="IY24" s="443">
        <v>0</v>
      </c>
      <c r="IZ24" s="61">
        <v>30</v>
      </c>
      <c r="JA24" s="61">
        <v>18</v>
      </c>
      <c r="JB24" s="61">
        <v>11</v>
      </c>
      <c r="JC24" s="61">
        <v>6</v>
      </c>
      <c r="JD24" s="61">
        <v>9</v>
      </c>
      <c r="JE24" s="62">
        <v>74</v>
      </c>
      <c r="JF24" s="63">
        <v>107</v>
      </c>
      <c r="JG24" s="60">
        <v>13</v>
      </c>
      <c r="JH24" s="61">
        <v>16</v>
      </c>
      <c r="JI24" s="62">
        <v>29</v>
      </c>
      <c r="JJ24" s="443">
        <v>0</v>
      </c>
      <c r="JK24" s="61">
        <v>19</v>
      </c>
      <c r="JL24" s="61">
        <v>26</v>
      </c>
      <c r="JM24" s="61">
        <v>14</v>
      </c>
      <c r="JN24" s="61">
        <v>16</v>
      </c>
      <c r="JO24" s="61">
        <v>8</v>
      </c>
      <c r="JP24" s="62">
        <v>83</v>
      </c>
      <c r="JQ24" s="63">
        <v>112</v>
      </c>
      <c r="JR24" s="60">
        <v>0</v>
      </c>
      <c r="JS24" s="61">
        <v>0</v>
      </c>
      <c r="JT24" s="62">
        <v>0</v>
      </c>
      <c r="JU24" s="443">
        <v>0</v>
      </c>
      <c r="JV24" s="61">
        <v>0</v>
      </c>
      <c r="JW24" s="61">
        <v>0</v>
      </c>
      <c r="JX24" s="61">
        <v>0</v>
      </c>
      <c r="JY24" s="61">
        <v>0</v>
      </c>
      <c r="JZ24" s="61">
        <v>0</v>
      </c>
      <c r="KA24" s="62">
        <v>0</v>
      </c>
      <c r="KB24" s="63">
        <v>0</v>
      </c>
      <c r="KC24" s="60">
        <v>56</v>
      </c>
      <c r="KD24" s="61">
        <v>43</v>
      </c>
      <c r="KE24" s="62">
        <v>99</v>
      </c>
      <c r="KF24" s="443">
        <v>0</v>
      </c>
      <c r="KG24" s="61">
        <v>83</v>
      </c>
      <c r="KH24" s="61">
        <v>68</v>
      </c>
      <c r="KI24" s="61">
        <v>41</v>
      </c>
      <c r="KJ24" s="61">
        <v>34</v>
      </c>
      <c r="KK24" s="61">
        <v>28</v>
      </c>
      <c r="KL24" s="62">
        <v>254</v>
      </c>
      <c r="KM24" s="63">
        <v>353</v>
      </c>
    </row>
    <row r="25" spans="2:299" ht="21" customHeight="1" x14ac:dyDescent="0.2">
      <c r="B25" s="437" t="s">
        <v>22</v>
      </c>
      <c r="C25" s="287">
        <v>16</v>
      </c>
      <c r="D25" s="72">
        <v>14</v>
      </c>
      <c r="E25" s="73">
        <v>30</v>
      </c>
      <c r="F25" s="443">
        <v>0</v>
      </c>
      <c r="G25" s="72">
        <v>39</v>
      </c>
      <c r="H25" s="72">
        <v>34</v>
      </c>
      <c r="I25" s="72">
        <v>16</v>
      </c>
      <c r="J25" s="72">
        <v>18</v>
      </c>
      <c r="K25" s="72">
        <v>8</v>
      </c>
      <c r="L25" s="74">
        <v>115</v>
      </c>
      <c r="M25" s="75">
        <v>145</v>
      </c>
      <c r="N25" s="60">
        <v>0</v>
      </c>
      <c r="O25" s="61">
        <v>0</v>
      </c>
      <c r="P25" s="62">
        <v>0</v>
      </c>
      <c r="Q25" s="443">
        <v>0</v>
      </c>
      <c r="R25" s="61">
        <v>0</v>
      </c>
      <c r="S25" s="61">
        <v>0</v>
      </c>
      <c r="T25" s="61">
        <v>0</v>
      </c>
      <c r="U25" s="61">
        <v>0</v>
      </c>
      <c r="V25" s="61">
        <v>0</v>
      </c>
      <c r="W25" s="62">
        <v>0</v>
      </c>
      <c r="X25" s="63">
        <v>0</v>
      </c>
      <c r="Y25" s="60">
        <v>0</v>
      </c>
      <c r="Z25" s="61">
        <v>0</v>
      </c>
      <c r="AA25" s="62">
        <v>0</v>
      </c>
      <c r="AB25" s="443">
        <v>0</v>
      </c>
      <c r="AC25" s="61">
        <v>0</v>
      </c>
      <c r="AD25" s="61">
        <v>0</v>
      </c>
      <c r="AE25" s="61">
        <v>0</v>
      </c>
      <c r="AF25" s="61">
        <v>0</v>
      </c>
      <c r="AG25" s="61">
        <v>2</v>
      </c>
      <c r="AH25" s="62">
        <v>2</v>
      </c>
      <c r="AI25" s="63">
        <v>2</v>
      </c>
      <c r="AJ25" s="60">
        <v>0</v>
      </c>
      <c r="AK25" s="61">
        <v>1</v>
      </c>
      <c r="AL25" s="62">
        <v>1</v>
      </c>
      <c r="AM25" s="443">
        <v>0</v>
      </c>
      <c r="AN25" s="61">
        <v>5</v>
      </c>
      <c r="AO25" s="61">
        <v>6</v>
      </c>
      <c r="AP25" s="61">
        <v>2</v>
      </c>
      <c r="AQ25" s="61">
        <v>2</v>
      </c>
      <c r="AR25" s="61">
        <v>1</v>
      </c>
      <c r="AS25" s="62">
        <v>16</v>
      </c>
      <c r="AT25" s="63">
        <v>17</v>
      </c>
      <c r="AU25" s="60">
        <v>2</v>
      </c>
      <c r="AV25" s="61">
        <v>3</v>
      </c>
      <c r="AW25" s="62">
        <v>5</v>
      </c>
      <c r="AX25" s="443">
        <v>0</v>
      </c>
      <c r="AY25" s="61">
        <v>3</v>
      </c>
      <c r="AZ25" s="61">
        <v>6</v>
      </c>
      <c r="BA25" s="61">
        <v>3</v>
      </c>
      <c r="BB25" s="61">
        <v>2</v>
      </c>
      <c r="BC25" s="61">
        <v>2</v>
      </c>
      <c r="BD25" s="62">
        <v>16</v>
      </c>
      <c r="BE25" s="63">
        <v>21</v>
      </c>
      <c r="BF25" s="60">
        <v>7</v>
      </c>
      <c r="BG25" s="61">
        <v>7</v>
      </c>
      <c r="BH25" s="62">
        <v>14</v>
      </c>
      <c r="BI25" s="443">
        <v>0</v>
      </c>
      <c r="BJ25" s="61">
        <v>11</v>
      </c>
      <c r="BK25" s="61">
        <v>11</v>
      </c>
      <c r="BL25" s="61">
        <v>4</v>
      </c>
      <c r="BM25" s="61">
        <v>8</v>
      </c>
      <c r="BN25" s="61">
        <v>0</v>
      </c>
      <c r="BO25" s="62">
        <v>34</v>
      </c>
      <c r="BP25" s="63">
        <v>48</v>
      </c>
      <c r="BQ25" s="60">
        <v>7</v>
      </c>
      <c r="BR25" s="61">
        <v>3</v>
      </c>
      <c r="BS25" s="62">
        <v>10</v>
      </c>
      <c r="BT25" s="443">
        <v>0</v>
      </c>
      <c r="BU25" s="61">
        <v>20</v>
      </c>
      <c r="BV25" s="61">
        <v>11</v>
      </c>
      <c r="BW25" s="61">
        <v>7</v>
      </c>
      <c r="BX25" s="61">
        <v>6</v>
      </c>
      <c r="BY25" s="61">
        <v>3</v>
      </c>
      <c r="BZ25" s="62">
        <v>47</v>
      </c>
      <c r="CA25" s="63">
        <v>57</v>
      </c>
      <c r="CB25" s="60">
        <v>0</v>
      </c>
      <c r="CC25" s="61">
        <v>0</v>
      </c>
      <c r="CD25" s="62">
        <v>0</v>
      </c>
      <c r="CE25" s="443">
        <v>0</v>
      </c>
      <c r="CF25" s="61">
        <v>0</v>
      </c>
      <c r="CG25" s="61">
        <v>0</v>
      </c>
      <c r="CH25" s="61">
        <v>0</v>
      </c>
      <c r="CI25" s="61">
        <v>0</v>
      </c>
      <c r="CJ25" s="61">
        <v>0</v>
      </c>
      <c r="CK25" s="62">
        <v>0</v>
      </c>
      <c r="CL25" s="63">
        <v>0</v>
      </c>
      <c r="CM25" s="60">
        <v>16</v>
      </c>
      <c r="CN25" s="61">
        <v>14</v>
      </c>
      <c r="CO25" s="62">
        <v>30</v>
      </c>
      <c r="CP25" s="443">
        <v>0</v>
      </c>
      <c r="CQ25" s="61">
        <v>39</v>
      </c>
      <c r="CR25" s="61">
        <v>34</v>
      </c>
      <c r="CS25" s="61">
        <v>16</v>
      </c>
      <c r="CT25" s="61">
        <v>18</v>
      </c>
      <c r="CU25" s="61">
        <v>8</v>
      </c>
      <c r="CV25" s="62">
        <v>115</v>
      </c>
      <c r="CW25" s="63">
        <v>145</v>
      </c>
      <c r="CX25" s="113">
        <v>2</v>
      </c>
      <c r="CY25" s="72">
        <v>3</v>
      </c>
      <c r="CZ25" s="73">
        <v>5</v>
      </c>
      <c r="DA25" s="443">
        <v>0</v>
      </c>
      <c r="DB25" s="72">
        <v>7</v>
      </c>
      <c r="DC25" s="72">
        <v>3</v>
      </c>
      <c r="DD25" s="72">
        <v>4</v>
      </c>
      <c r="DE25" s="72">
        <v>4</v>
      </c>
      <c r="DF25" s="72">
        <v>1</v>
      </c>
      <c r="DG25" s="74">
        <v>19</v>
      </c>
      <c r="DH25" s="75">
        <v>24</v>
      </c>
      <c r="DI25" s="60">
        <v>0</v>
      </c>
      <c r="DJ25" s="61">
        <v>0</v>
      </c>
      <c r="DK25" s="62">
        <v>0</v>
      </c>
      <c r="DL25" s="443">
        <v>0</v>
      </c>
      <c r="DM25" s="61">
        <v>0</v>
      </c>
      <c r="DN25" s="61">
        <v>0</v>
      </c>
      <c r="DO25" s="61">
        <v>0</v>
      </c>
      <c r="DP25" s="61">
        <v>0</v>
      </c>
      <c r="DQ25" s="61">
        <v>0</v>
      </c>
      <c r="DR25" s="62">
        <v>0</v>
      </c>
      <c r="DS25" s="63">
        <v>0</v>
      </c>
      <c r="DT25" s="60">
        <v>0</v>
      </c>
      <c r="DU25" s="61">
        <v>1</v>
      </c>
      <c r="DV25" s="62">
        <v>1</v>
      </c>
      <c r="DW25" s="443">
        <v>0</v>
      </c>
      <c r="DX25" s="61">
        <v>0</v>
      </c>
      <c r="DY25" s="61">
        <v>0</v>
      </c>
      <c r="DZ25" s="61">
        <v>0</v>
      </c>
      <c r="EA25" s="61">
        <v>0</v>
      </c>
      <c r="EB25" s="61">
        <v>0</v>
      </c>
      <c r="EC25" s="62">
        <v>0</v>
      </c>
      <c r="ED25" s="63">
        <v>1</v>
      </c>
      <c r="EE25" s="60">
        <v>0</v>
      </c>
      <c r="EF25" s="61">
        <v>0</v>
      </c>
      <c r="EG25" s="62">
        <v>0</v>
      </c>
      <c r="EH25" s="443">
        <v>0</v>
      </c>
      <c r="EI25" s="61">
        <v>0</v>
      </c>
      <c r="EJ25" s="61">
        <v>1</v>
      </c>
      <c r="EK25" s="61">
        <v>1</v>
      </c>
      <c r="EL25" s="61">
        <v>0</v>
      </c>
      <c r="EM25" s="61">
        <v>1</v>
      </c>
      <c r="EN25" s="62">
        <v>3</v>
      </c>
      <c r="EO25" s="63">
        <v>3</v>
      </c>
      <c r="EP25" s="60">
        <v>2</v>
      </c>
      <c r="EQ25" s="61">
        <v>2</v>
      </c>
      <c r="ER25" s="62">
        <v>4</v>
      </c>
      <c r="ES25" s="443">
        <v>0</v>
      </c>
      <c r="ET25" s="61">
        <v>1</v>
      </c>
      <c r="EU25" s="61">
        <v>0</v>
      </c>
      <c r="EV25" s="61">
        <v>0</v>
      </c>
      <c r="EW25" s="61">
        <v>0</v>
      </c>
      <c r="EX25" s="61">
        <v>0</v>
      </c>
      <c r="EY25" s="62">
        <v>1</v>
      </c>
      <c r="EZ25" s="63">
        <v>5</v>
      </c>
      <c r="FA25" s="60">
        <v>0</v>
      </c>
      <c r="FB25" s="61">
        <v>0</v>
      </c>
      <c r="FC25" s="62">
        <v>0</v>
      </c>
      <c r="FD25" s="443">
        <v>0</v>
      </c>
      <c r="FE25" s="61">
        <v>2</v>
      </c>
      <c r="FF25" s="61">
        <v>2</v>
      </c>
      <c r="FG25" s="61">
        <v>0</v>
      </c>
      <c r="FH25" s="61">
        <v>0</v>
      </c>
      <c r="FI25" s="61">
        <v>0</v>
      </c>
      <c r="FJ25" s="62">
        <v>4</v>
      </c>
      <c r="FK25" s="63">
        <v>4</v>
      </c>
      <c r="FL25" s="60">
        <v>0</v>
      </c>
      <c r="FM25" s="61">
        <v>0</v>
      </c>
      <c r="FN25" s="62">
        <v>0</v>
      </c>
      <c r="FO25" s="443">
        <v>0</v>
      </c>
      <c r="FP25" s="61">
        <v>4</v>
      </c>
      <c r="FQ25" s="61">
        <v>0</v>
      </c>
      <c r="FR25" s="61">
        <v>3</v>
      </c>
      <c r="FS25" s="61">
        <v>4</v>
      </c>
      <c r="FT25" s="61">
        <v>0</v>
      </c>
      <c r="FU25" s="62">
        <v>11</v>
      </c>
      <c r="FV25" s="63">
        <v>11</v>
      </c>
      <c r="FW25" s="60">
        <v>0</v>
      </c>
      <c r="FX25" s="61">
        <v>0</v>
      </c>
      <c r="FY25" s="62">
        <v>0</v>
      </c>
      <c r="FZ25" s="443">
        <v>0</v>
      </c>
      <c r="GA25" s="61">
        <v>0</v>
      </c>
      <c r="GB25" s="61">
        <v>0</v>
      </c>
      <c r="GC25" s="61">
        <v>0</v>
      </c>
      <c r="GD25" s="61">
        <v>0</v>
      </c>
      <c r="GE25" s="61">
        <v>0</v>
      </c>
      <c r="GF25" s="62">
        <v>0</v>
      </c>
      <c r="GG25" s="63">
        <v>0</v>
      </c>
      <c r="GH25" s="60">
        <v>2</v>
      </c>
      <c r="GI25" s="61">
        <v>3</v>
      </c>
      <c r="GJ25" s="62">
        <v>5</v>
      </c>
      <c r="GK25" s="443">
        <v>0</v>
      </c>
      <c r="GL25" s="61">
        <v>7</v>
      </c>
      <c r="GM25" s="61">
        <v>3</v>
      </c>
      <c r="GN25" s="61">
        <v>4</v>
      </c>
      <c r="GO25" s="61">
        <v>4</v>
      </c>
      <c r="GP25" s="61">
        <v>1</v>
      </c>
      <c r="GQ25" s="62">
        <v>19</v>
      </c>
      <c r="GR25" s="63">
        <v>24</v>
      </c>
      <c r="GS25" s="113">
        <v>18</v>
      </c>
      <c r="GT25" s="72">
        <v>17</v>
      </c>
      <c r="GU25" s="73">
        <v>35</v>
      </c>
      <c r="GV25" s="443">
        <v>0</v>
      </c>
      <c r="GW25" s="72">
        <v>46</v>
      </c>
      <c r="GX25" s="72">
        <v>37</v>
      </c>
      <c r="GY25" s="72">
        <v>20</v>
      </c>
      <c r="GZ25" s="72">
        <v>22</v>
      </c>
      <c r="HA25" s="72">
        <v>9</v>
      </c>
      <c r="HB25" s="74">
        <v>134</v>
      </c>
      <c r="HC25" s="75">
        <v>169</v>
      </c>
      <c r="HD25" s="60">
        <v>0</v>
      </c>
      <c r="HE25" s="61">
        <v>0</v>
      </c>
      <c r="HF25" s="62">
        <v>0</v>
      </c>
      <c r="HG25" s="443">
        <v>0</v>
      </c>
      <c r="HH25" s="61">
        <v>0</v>
      </c>
      <c r="HI25" s="61">
        <v>0</v>
      </c>
      <c r="HJ25" s="61">
        <v>0</v>
      </c>
      <c r="HK25" s="61">
        <v>0</v>
      </c>
      <c r="HL25" s="61">
        <v>0</v>
      </c>
      <c r="HM25" s="62">
        <v>0</v>
      </c>
      <c r="HN25" s="63">
        <v>0</v>
      </c>
      <c r="HO25" s="60">
        <v>0</v>
      </c>
      <c r="HP25" s="61">
        <v>1</v>
      </c>
      <c r="HQ25" s="62">
        <v>1</v>
      </c>
      <c r="HR25" s="443">
        <v>0</v>
      </c>
      <c r="HS25" s="61">
        <v>0</v>
      </c>
      <c r="HT25" s="61">
        <v>0</v>
      </c>
      <c r="HU25" s="61">
        <v>0</v>
      </c>
      <c r="HV25" s="61">
        <v>0</v>
      </c>
      <c r="HW25" s="61">
        <v>2</v>
      </c>
      <c r="HX25" s="62">
        <v>2</v>
      </c>
      <c r="HY25" s="63">
        <v>3</v>
      </c>
      <c r="HZ25" s="60">
        <v>0</v>
      </c>
      <c r="IA25" s="61">
        <v>1</v>
      </c>
      <c r="IB25" s="62">
        <v>1</v>
      </c>
      <c r="IC25" s="443">
        <v>0</v>
      </c>
      <c r="ID25" s="61">
        <v>5</v>
      </c>
      <c r="IE25" s="61">
        <v>7</v>
      </c>
      <c r="IF25" s="61">
        <v>3</v>
      </c>
      <c r="IG25" s="61">
        <v>2</v>
      </c>
      <c r="IH25" s="61">
        <v>2</v>
      </c>
      <c r="II25" s="62">
        <v>19</v>
      </c>
      <c r="IJ25" s="63">
        <v>20</v>
      </c>
      <c r="IK25" s="60">
        <v>4</v>
      </c>
      <c r="IL25" s="61">
        <v>5</v>
      </c>
      <c r="IM25" s="62">
        <v>9</v>
      </c>
      <c r="IN25" s="443">
        <v>0</v>
      </c>
      <c r="IO25" s="61">
        <v>4</v>
      </c>
      <c r="IP25" s="61">
        <v>6</v>
      </c>
      <c r="IQ25" s="61">
        <v>3</v>
      </c>
      <c r="IR25" s="61">
        <v>2</v>
      </c>
      <c r="IS25" s="61">
        <v>2</v>
      </c>
      <c r="IT25" s="62">
        <v>17</v>
      </c>
      <c r="IU25" s="63">
        <v>26</v>
      </c>
      <c r="IV25" s="60">
        <v>7</v>
      </c>
      <c r="IW25" s="61">
        <v>7</v>
      </c>
      <c r="IX25" s="62">
        <v>14</v>
      </c>
      <c r="IY25" s="443">
        <v>0</v>
      </c>
      <c r="IZ25" s="61">
        <v>13</v>
      </c>
      <c r="JA25" s="61">
        <v>13</v>
      </c>
      <c r="JB25" s="61">
        <v>4</v>
      </c>
      <c r="JC25" s="61">
        <v>8</v>
      </c>
      <c r="JD25" s="61">
        <v>0</v>
      </c>
      <c r="JE25" s="62">
        <v>38</v>
      </c>
      <c r="JF25" s="63">
        <v>52</v>
      </c>
      <c r="JG25" s="60">
        <v>7</v>
      </c>
      <c r="JH25" s="61">
        <v>3</v>
      </c>
      <c r="JI25" s="62">
        <v>10</v>
      </c>
      <c r="JJ25" s="443">
        <v>0</v>
      </c>
      <c r="JK25" s="61">
        <v>24</v>
      </c>
      <c r="JL25" s="61">
        <v>11</v>
      </c>
      <c r="JM25" s="61">
        <v>10</v>
      </c>
      <c r="JN25" s="61">
        <v>10</v>
      </c>
      <c r="JO25" s="61">
        <v>3</v>
      </c>
      <c r="JP25" s="62">
        <v>58</v>
      </c>
      <c r="JQ25" s="63">
        <v>68</v>
      </c>
      <c r="JR25" s="60">
        <v>0</v>
      </c>
      <c r="JS25" s="61">
        <v>0</v>
      </c>
      <c r="JT25" s="62">
        <v>0</v>
      </c>
      <c r="JU25" s="443">
        <v>0</v>
      </c>
      <c r="JV25" s="61">
        <v>0</v>
      </c>
      <c r="JW25" s="61">
        <v>0</v>
      </c>
      <c r="JX25" s="61">
        <v>0</v>
      </c>
      <c r="JY25" s="61">
        <v>0</v>
      </c>
      <c r="JZ25" s="61">
        <v>0</v>
      </c>
      <c r="KA25" s="62">
        <v>0</v>
      </c>
      <c r="KB25" s="63">
        <v>0</v>
      </c>
      <c r="KC25" s="60">
        <v>18</v>
      </c>
      <c r="KD25" s="61">
        <v>17</v>
      </c>
      <c r="KE25" s="62">
        <v>35</v>
      </c>
      <c r="KF25" s="443">
        <v>0</v>
      </c>
      <c r="KG25" s="61">
        <v>46</v>
      </c>
      <c r="KH25" s="61">
        <v>37</v>
      </c>
      <c r="KI25" s="61">
        <v>20</v>
      </c>
      <c r="KJ25" s="61">
        <v>22</v>
      </c>
      <c r="KK25" s="61">
        <v>9</v>
      </c>
      <c r="KL25" s="62">
        <v>134</v>
      </c>
      <c r="KM25" s="63">
        <v>169</v>
      </c>
    </row>
    <row r="26" spans="2:299" ht="21" customHeight="1" x14ac:dyDescent="0.2">
      <c r="B26" s="437" t="s">
        <v>23</v>
      </c>
      <c r="C26" s="287">
        <v>43</v>
      </c>
      <c r="D26" s="72">
        <v>31</v>
      </c>
      <c r="E26" s="73">
        <v>74</v>
      </c>
      <c r="F26" s="443">
        <v>0</v>
      </c>
      <c r="G26" s="72">
        <v>41</v>
      </c>
      <c r="H26" s="72">
        <v>29</v>
      </c>
      <c r="I26" s="72">
        <v>27</v>
      </c>
      <c r="J26" s="72">
        <v>16</v>
      </c>
      <c r="K26" s="72">
        <v>11</v>
      </c>
      <c r="L26" s="74">
        <v>124</v>
      </c>
      <c r="M26" s="75">
        <v>198</v>
      </c>
      <c r="N26" s="60">
        <v>0</v>
      </c>
      <c r="O26" s="61">
        <v>1</v>
      </c>
      <c r="P26" s="62">
        <v>1</v>
      </c>
      <c r="Q26" s="443">
        <v>0</v>
      </c>
      <c r="R26" s="61">
        <v>0</v>
      </c>
      <c r="S26" s="61">
        <v>1</v>
      </c>
      <c r="T26" s="61">
        <v>0</v>
      </c>
      <c r="U26" s="61">
        <v>1</v>
      </c>
      <c r="V26" s="61">
        <v>1</v>
      </c>
      <c r="W26" s="62">
        <v>3</v>
      </c>
      <c r="X26" s="63">
        <v>4</v>
      </c>
      <c r="Y26" s="60">
        <v>1</v>
      </c>
      <c r="Z26" s="61">
        <v>0</v>
      </c>
      <c r="AA26" s="62">
        <v>1</v>
      </c>
      <c r="AB26" s="443">
        <v>0</v>
      </c>
      <c r="AC26" s="61">
        <v>0</v>
      </c>
      <c r="AD26" s="61">
        <v>2</v>
      </c>
      <c r="AE26" s="61">
        <v>1</v>
      </c>
      <c r="AF26" s="61">
        <v>0</v>
      </c>
      <c r="AG26" s="61">
        <v>1</v>
      </c>
      <c r="AH26" s="62">
        <v>4</v>
      </c>
      <c r="AI26" s="63">
        <v>5</v>
      </c>
      <c r="AJ26" s="60">
        <v>7</v>
      </c>
      <c r="AK26" s="61">
        <v>3</v>
      </c>
      <c r="AL26" s="62">
        <v>10</v>
      </c>
      <c r="AM26" s="443">
        <v>0</v>
      </c>
      <c r="AN26" s="61">
        <v>8</v>
      </c>
      <c r="AO26" s="61">
        <v>0</v>
      </c>
      <c r="AP26" s="61">
        <v>2</v>
      </c>
      <c r="AQ26" s="61">
        <v>3</v>
      </c>
      <c r="AR26" s="61">
        <v>1</v>
      </c>
      <c r="AS26" s="62">
        <v>14</v>
      </c>
      <c r="AT26" s="63">
        <v>24</v>
      </c>
      <c r="AU26" s="60">
        <v>11</v>
      </c>
      <c r="AV26" s="61">
        <v>12</v>
      </c>
      <c r="AW26" s="62">
        <v>23</v>
      </c>
      <c r="AX26" s="443">
        <v>0</v>
      </c>
      <c r="AY26" s="61">
        <v>8</v>
      </c>
      <c r="AZ26" s="61">
        <v>10</v>
      </c>
      <c r="BA26" s="61">
        <v>8</v>
      </c>
      <c r="BB26" s="61">
        <v>4</v>
      </c>
      <c r="BC26" s="61">
        <v>3</v>
      </c>
      <c r="BD26" s="62">
        <v>33</v>
      </c>
      <c r="BE26" s="63">
        <v>56</v>
      </c>
      <c r="BF26" s="60">
        <v>13</v>
      </c>
      <c r="BG26" s="61">
        <v>11</v>
      </c>
      <c r="BH26" s="62">
        <v>24</v>
      </c>
      <c r="BI26" s="443">
        <v>0</v>
      </c>
      <c r="BJ26" s="61">
        <v>17</v>
      </c>
      <c r="BK26" s="61">
        <v>5</v>
      </c>
      <c r="BL26" s="61">
        <v>8</v>
      </c>
      <c r="BM26" s="61">
        <v>2</v>
      </c>
      <c r="BN26" s="61">
        <v>3</v>
      </c>
      <c r="BO26" s="62">
        <v>35</v>
      </c>
      <c r="BP26" s="63">
        <v>59</v>
      </c>
      <c r="BQ26" s="60">
        <v>11</v>
      </c>
      <c r="BR26" s="61">
        <v>4</v>
      </c>
      <c r="BS26" s="62">
        <v>15</v>
      </c>
      <c r="BT26" s="443">
        <v>0</v>
      </c>
      <c r="BU26" s="61">
        <v>8</v>
      </c>
      <c r="BV26" s="61">
        <v>11</v>
      </c>
      <c r="BW26" s="61">
        <v>8</v>
      </c>
      <c r="BX26" s="61">
        <v>6</v>
      </c>
      <c r="BY26" s="61">
        <v>2</v>
      </c>
      <c r="BZ26" s="62">
        <v>35</v>
      </c>
      <c r="CA26" s="63">
        <v>50</v>
      </c>
      <c r="CB26" s="60">
        <v>0</v>
      </c>
      <c r="CC26" s="61">
        <v>0</v>
      </c>
      <c r="CD26" s="62">
        <v>0</v>
      </c>
      <c r="CE26" s="443">
        <v>0</v>
      </c>
      <c r="CF26" s="61">
        <v>0</v>
      </c>
      <c r="CG26" s="61">
        <v>0</v>
      </c>
      <c r="CH26" s="61">
        <v>0</v>
      </c>
      <c r="CI26" s="61">
        <v>0</v>
      </c>
      <c r="CJ26" s="61">
        <v>0</v>
      </c>
      <c r="CK26" s="62">
        <v>0</v>
      </c>
      <c r="CL26" s="63">
        <v>0</v>
      </c>
      <c r="CM26" s="60">
        <v>43</v>
      </c>
      <c r="CN26" s="61">
        <v>31</v>
      </c>
      <c r="CO26" s="62">
        <v>74</v>
      </c>
      <c r="CP26" s="443">
        <v>0</v>
      </c>
      <c r="CQ26" s="61">
        <v>41</v>
      </c>
      <c r="CR26" s="61">
        <v>29</v>
      </c>
      <c r="CS26" s="61">
        <v>27</v>
      </c>
      <c r="CT26" s="61">
        <v>16</v>
      </c>
      <c r="CU26" s="61">
        <v>11</v>
      </c>
      <c r="CV26" s="62">
        <v>124</v>
      </c>
      <c r="CW26" s="63">
        <v>198</v>
      </c>
      <c r="CX26" s="113">
        <v>2</v>
      </c>
      <c r="CY26" s="72">
        <v>3</v>
      </c>
      <c r="CZ26" s="73">
        <v>5</v>
      </c>
      <c r="DA26" s="443">
        <v>0</v>
      </c>
      <c r="DB26" s="72">
        <v>3</v>
      </c>
      <c r="DC26" s="72">
        <v>6</v>
      </c>
      <c r="DD26" s="72">
        <v>2</v>
      </c>
      <c r="DE26" s="72">
        <v>5</v>
      </c>
      <c r="DF26" s="72">
        <v>0</v>
      </c>
      <c r="DG26" s="74">
        <v>16</v>
      </c>
      <c r="DH26" s="75">
        <v>21</v>
      </c>
      <c r="DI26" s="60">
        <v>0</v>
      </c>
      <c r="DJ26" s="61">
        <v>0</v>
      </c>
      <c r="DK26" s="62">
        <v>0</v>
      </c>
      <c r="DL26" s="443">
        <v>0</v>
      </c>
      <c r="DM26" s="61">
        <v>0</v>
      </c>
      <c r="DN26" s="61">
        <v>0</v>
      </c>
      <c r="DO26" s="61">
        <v>0</v>
      </c>
      <c r="DP26" s="61">
        <v>1</v>
      </c>
      <c r="DQ26" s="61">
        <v>0</v>
      </c>
      <c r="DR26" s="62">
        <v>1</v>
      </c>
      <c r="DS26" s="63">
        <v>1</v>
      </c>
      <c r="DT26" s="60">
        <v>0</v>
      </c>
      <c r="DU26" s="61">
        <v>2</v>
      </c>
      <c r="DV26" s="62">
        <v>2</v>
      </c>
      <c r="DW26" s="443">
        <v>0</v>
      </c>
      <c r="DX26" s="61">
        <v>0</v>
      </c>
      <c r="DY26" s="61">
        <v>0</v>
      </c>
      <c r="DZ26" s="61">
        <v>0</v>
      </c>
      <c r="EA26" s="61">
        <v>0</v>
      </c>
      <c r="EB26" s="61">
        <v>0</v>
      </c>
      <c r="EC26" s="62">
        <v>0</v>
      </c>
      <c r="ED26" s="63">
        <v>2</v>
      </c>
      <c r="EE26" s="60">
        <v>1</v>
      </c>
      <c r="EF26" s="61">
        <v>0</v>
      </c>
      <c r="EG26" s="62">
        <v>1</v>
      </c>
      <c r="EH26" s="443">
        <v>0</v>
      </c>
      <c r="EI26" s="61">
        <v>1</v>
      </c>
      <c r="EJ26" s="61">
        <v>2</v>
      </c>
      <c r="EK26" s="61">
        <v>0</v>
      </c>
      <c r="EL26" s="61">
        <v>1</v>
      </c>
      <c r="EM26" s="61">
        <v>0</v>
      </c>
      <c r="EN26" s="62">
        <v>4</v>
      </c>
      <c r="EO26" s="63">
        <v>5</v>
      </c>
      <c r="EP26" s="60">
        <v>1</v>
      </c>
      <c r="EQ26" s="61">
        <v>0</v>
      </c>
      <c r="ER26" s="62">
        <v>1</v>
      </c>
      <c r="ES26" s="443">
        <v>0</v>
      </c>
      <c r="ET26" s="61">
        <v>1</v>
      </c>
      <c r="EU26" s="61">
        <v>1</v>
      </c>
      <c r="EV26" s="61">
        <v>0</v>
      </c>
      <c r="EW26" s="61">
        <v>0</v>
      </c>
      <c r="EX26" s="61">
        <v>0</v>
      </c>
      <c r="EY26" s="62">
        <v>2</v>
      </c>
      <c r="EZ26" s="63">
        <v>3</v>
      </c>
      <c r="FA26" s="60">
        <v>0</v>
      </c>
      <c r="FB26" s="61">
        <v>1</v>
      </c>
      <c r="FC26" s="62">
        <v>1</v>
      </c>
      <c r="FD26" s="443">
        <v>0</v>
      </c>
      <c r="FE26" s="61">
        <v>1</v>
      </c>
      <c r="FF26" s="61">
        <v>3</v>
      </c>
      <c r="FG26" s="61">
        <v>1</v>
      </c>
      <c r="FH26" s="61">
        <v>1</v>
      </c>
      <c r="FI26" s="61">
        <v>0</v>
      </c>
      <c r="FJ26" s="62">
        <v>6</v>
      </c>
      <c r="FK26" s="63">
        <v>7</v>
      </c>
      <c r="FL26" s="60">
        <v>0</v>
      </c>
      <c r="FM26" s="61">
        <v>0</v>
      </c>
      <c r="FN26" s="62">
        <v>0</v>
      </c>
      <c r="FO26" s="443">
        <v>0</v>
      </c>
      <c r="FP26" s="61">
        <v>0</v>
      </c>
      <c r="FQ26" s="61">
        <v>0</v>
      </c>
      <c r="FR26" s="61">
        <v>1</v>
      </c>
      <c r="FS26" s="61">
        <v>2</v>
      </c>
      <c r="FT26" s="61">
        <v>0</v>
      </c>
      <c r="FU26" s="62">
        <v>3</v>
      </c>
      <c r="FV26" s="63">
        <v>3</v>
      </c>
      <c r="FW26" s="60">
        <v>0</v>
      </c>
      <c r="FX26" s="61">
        <v>0</v>
      </c>
      <c r="FY26" s="62">
        <v>0</v>
      </c>
      <c r="FZ26" s="443">
        <v>0</v>
      </c>
      <c r="GA26" s="61">
        <v>0</v>
      </c>
      <c r="GB26" s="61">
        <v>0</v>
      </c>
      <c r="GC26" s="61">
        <v>0</v>
      </c>
      <c r="GD26" s="61">
        <v>0</v>
      </c>
      <c r="GE26" s="61">
        <v>0</v>
      </c>
      <c r="GF26" s="62">
        <v>0</v>
      </c>
      <c r="GG26" s="63">
        <v>0</v>
      </c>
      <c r="GH26" s="60">
        <v>2</v>
      </c>
      <c r="GI26" s="61">
        <v>3</v>
      </c>
      <c r="GJ26" s="62">
        <v>5</v>
      </c>
      <c r="GK26" s="443">
        <v>0</v>
      </c>
      <c r="GL26" s="61">
        <v>3</v>
      </c>
      <c r="GM26" s="61">
        <v>6</v>
      </c>
      <c r="GN26" s="61">
        <v>2</v>
      </c>
      <c r="GO26" s="61">
        <v>5</v>
      </c>
      <c r="GP26" s="61">
        <v>0</v>
      </c>
      <c r="GQ26" s="62">
        <v>16</v>
      </c>
      <c r="GR26" s="63">
        <v>21</v>
      </c>
      <c r="GS26" s="113">
        <v>45</v>
      </c>
      <c r="GT26" s="72">
        <v>34</v>
      </c>
      <c r="GU26" s="73">
        <v>79</v>
      </c>
      <c r="GV26" s="443">
        <v>0</v>
      </c>
      <c r="GW26" s="72">
        <v>44</v>
      </c>
      <c r="GX26" s="72">
        <v>35</v>
      </c>
      <c r="GY26" s="72">
        <v>29</v>
      </c>
      <c r="GZ26" s="72">
        <v>21</v>
      </c>
      <c r="HA26" s="72">
        <v>11</v>
      </c>
      <c r="HB26" s="74">
        <v>140</v>
      </c>
      <c r="HC26" s="75">
        <v>219</v>
      </c>
      <c r="HD26" s="60">
        <v>0</v>
      </c>
      <c r="HE26" s="61">
        <v>1</v>
      </c>
      <c r="HF26" s="62">
        <v>1</v>
      </c>
      <c r="HG26" s="443">
        <v>0</v>
      </c>
      <c r="HH26" s="61">
        <v>0</v>
      </c>
      <c r="HI26" s="61">
        <v>1</v>
      </c>
      <c r="HJ26" s="61">
        <v>0</v>
      </c>
      <c r="HK26" s="61">
        <v>2</v>
      </c>
      <c r="HL26" s="61">
        <v>1</v>
      </c>
      <c r="HM26" s="62">
        <v>4</v>
      </c>
      <c r="HN26" s="63">
        <v>5</v>
      </c>
      <c r="HO26" s="60">
        <v>1</v>
      </c>
      <c r="HP26" s="61">
        <v>2</v>
      </c>
      <c r="HQ26" s="62">
        <v>3</v>
      </c>
      <c r="HR26" s="443">
        <v>0</v>
      </c>
      <c r="HS26" s="61">
        <v>0</v>
      </c>
      <c r="HT26" s="61">
        <v>2</v>
      </c>
      <c r="HU26" s="61">
        <v>1</v>
      </c>
      <c r="HV26" s="61">
        <v>0</v>
      </c>
      <c r="HW26" s="61">
        <v>1</v>
      </c>
      <c r="HX26" s="62">
        <v>4</v>
      </c>
      <c r="HY26" s="63">
        <v>7</v>
      </c>
      <c r="HZ26" s="60">
        <v>8</v>
      </c>
      <c r="IA26" s="61">
        <v>3</v>
      </c>
      <c r="IB26" s="62">
        <v>11</v>
      </c>
      <c r="IC26" s="443">
        <v>0</v>
      </c>
      <c r="ID26" s="61">
        <v>9</v>
      </c>
      <c r="IE26" s="61">
        <v>2</v>
      </c>
      <c r="IF26" s="61">
        <v>2</v>
      </c>
      <c r="IG26" s="61">
        <v>4</v>
      </c>
      <c r="IH26" s="61">
        <v>1</v>
      </c>
      <c r="II26" s="62">
        <v>18</v>
      </c>
      <c r="IJ26" s="63">
        <v>29</v>
      </c>
      <c r="IK26" s="60">
        <v>12</v>
      </c>
      <c r="IL26" s="61">
        <v>12</v>
      </c>
      <c r="IM26" s="62">
        <v>24</v>
      </c>
      <c r="IN26" s="443">
        <v>0</v>
      </c>
      <c r="IO26" s="61">
        <v>9</v>
      </c>
      <c r="IP26" s="61">
        <v>11</v>
      </c>
      <c r="IQ26" s="61">
        <v>8</v>
      </c>
      <c r="IR26" s="61">
        <v>4</v>
      </c>
      <c r="IS26" s="61">
        <v>3</v>
      </c>
      <c r="IT26" s="62">
        <v>35</v>
      </c>
      <c r="IU26" s="63">
        <v>59</v>
      </c>
      <c r="IV26" s="60">
        <v>13</v>
      </c>
      <c r="IW26" s="61">
        <v>12</v>
      </c>
      <c r="IX26" s="62">
        <v>25</v>
      </c>
      <c r="IY26" s="443">
        <v>0</v>
      </c>
      <c r="IZ26" s="61">
        <v>18</v>
      </c>
      <c r="JA26" s="61">
        <v>8</v>
      </c>
      <c r="JB26" s="61">
        <v>9</v>
      </c>
      <c r="JC26" s="61">
        <v>3</v>
      </c>
      <c r="JD26" s="61">
        <v>3</v>
      </c>
      <c r="JE26" s="62">
        <v>41</v>
      </c>
      <c r="JF26" s="63">
        <v>66</v>
      </c>
      <c r="JG26" s="60">
        <v>11</v>
      </c>
      <c r="JH26" s="61">
        <v>4</v>
      </c>
      <c r="JI26" s="62">
        <v>15</v>
      </c>
      <c r="JJ26" s="443">
        <v>0</v>
      </c>
      <c r="JK26" s="61">
        <v>8</v>
      </c>
      <c r="JL26" s="61">
        <v>11</v>
      </c>
      <c r="JM26" s="61">
        <v>9</v>
      </c>
      <c r="JN26" s="61">
        <v>8</v>
      </c>
      <c r="JO26" s="61">
        <v>2</v>
      </c>
      <c r="JP26" s="62">
        <v>38</v>
      </c>
      <c r="JQ26" s="63">
        <v>53</v>
      </c>
      <c r="JR26" s="60">
        <v>0</v>
      </c>
      <c r="JS26" s="61">
        <v>0</v>
      </c>
      <c r="JT26" s="62">
        <v>0</v>
      </c>
      <c r="JU26" s="443">
        <v>0</v>
      </c>
      <c r="JV26" s="61">
        <v>0</v>
      </c>
      <c r="JW26" s="61">
        <v>0</v>
      </c>
      <c r="JX26" s="61">
        <v>0</v>
      </c>
      <c r="JY26" s="61">
        <v>0</v>
      </c>
      <c r="JZ26" s="61">
        <v>0</v>
      </c>
      <c r="KA26" s="62">
        <v>0</v>
      </c>
      <c r="KB26" s="63">
        <v>0</v>
      </c>
      <c r="KC26" s="60">
        <v>45</v>
      </c>
      <c r="KD26" s="61">
        <v>34</v>
      </c>
      <c r="KE26" s="62">
        <v>79</v>
      </c>
      <c r="KF26" s="443">
        <v>0</v>
      </c>
      <c r="KG26" s="61">
        <v>44</v>
      </c>
      <c r="KH26" s="61">
        <v>35</v>
      </c>
      <c r="KI26" s="61">
        <v>29</v>
      </c>
      <c r="KJ26" s="61">
        <v>21</v>
      </c>
      <c r="KK26" s="61">
        <v>11</v>
      </c>
      <c r="KL26" s="62">
        <v>140</v>
      </c>
      <c r="KM26" s="63">
        <v>219</v>
      </c>
    </row>
    <row r="27" spans="2:299" ht="21" customHeight="1" x14ac:dyDescent="0.2">
      <c r="B27" s="437" t="s">
        <v>24</v>
      </c>
      <c r="C27" s="287">
        <v>37</v>
      </c>
      <c r="D27" s="72">
        <v>21</v>
      </c>
      <c r="E27" s="73">
        <v>58</v>
      </c>
      <c r="F27" s="443">
        <v>0</v>
      </c>
      <c r="G27" s="72">
        <v>37</v>
      </c>
      <c r="H27" s="72">
        <v>29</v>
      </c>
      <c r="I27" s="72">
        <v>17</v>
      </c>
      <c r="J27" s="72">
        <v>17</v>
      </c>
      <c r="K27" s="72">
        <v>7</v>
      </c>
      <c r="L27" s="74">
        <v>107</v>
      </c>
      <c r="M27" s="75">
        <v>165</v>
      </c>
      <c r="N27" s="60">
        <v>1</v>
      </c>
      <c r="O27" s="61">
        <v>0</v>
      </c>
      <c r="P27" s="62">
        <v>1</v>
      </c>
      <c r="Q27" s="443">
        <v>0</v>
      </c>
      <c r="R27" s="61">
        <v>1</v>
      </c>
      <c r="S27" s="61">
        <v>0</v>
      </c>
      <c r="T27" s="61">
        <v>0</v>
      </c>
      <c r="U27" s="61">
        <v>0</v>
      </c>
      <c r="V27" s="61">
        <v>0</v>
      </c>
      <c r="W27" s="62">
        <v>1</v>
      </c>
      <c r="X27" s="63">
        <v>2</v>
      </c>
      <c r="Y27" s="60">
        <v>0</v>
      </c>
      <c r="Z27" s="61">
        <v>2</v>
      </c>
      <c r="AA27" s="62">
        <v>2</v>
      </c>
      <c r="AB27" s="443">
        <v>0</v>
      </c>
      <c r="AC27" s="61">
        <v>1</v>
      </c>
      <c r="AD27" s="61">
        <v>0</v>
      </c>
      <c r="AE27" s="61">
        <v>1</v>
      </c>
      <c r="AF27" s="61">
        <v>0</v>
      </c>
      <c r="AG27" s="61">
        <v>2</v>
      </c>
      <c r="AH27" s="62">
        <v>4</v>
      </c>
      <c r="AI27" s="63">
        <v>6</v>
      </c>
      <c r="AJ27" s="60">
        <v>2</v>
      </c>
      <c r="AK27" s="61">
        <v>0</v>
      </c>
      <c r="AL27" s="62">
        <v>2</v>
      </c>
      <c r="AM27" s="443">
        <v>0</v>
      </c>
      <c r="AN27" s="61">
        <v>1</v>
      </c>
      <c r="AO27" s="61">
        <v>3</v>
      </c>
      <c r="AP27" s="61">
        <v>2</v>
      </c>
      <c r="AQ27" s="61">
        <v>4</v>
      </c>
      <c r="AR27" s="61">
        <v>0</v>
      </c>
      <c r="AS27" s="62">
        <v>10</v>
      </c>
      <c r="AT27" s="63">
        <v>12</v>
      </c>
      <c r="AU27" s="60">
        <v>7</v>
      </c>
      <c r="AV27" s="61">
        <v>3</v>
      </c>
      <c r="AW27" s="62">
        <v>10</v>
      </c>
      <c r="AX27" s="443">
        <v>0</v>
      </c>
      <c r="AY27" s="61">
        <v>9</v>
      </c>
      <c r="AZ27" s="61">
        <v>2</v>
      </c>
      <c r="BA27" s="61">
        <v>1</v>
      </c>
      <c r="BB27" s="61">
        <v>3</v>
      </c>
      <c r="BC27" s="61">
        <v>2</v>
      </c>
      <c r="BD27" s="62">
        <v>17</v>
      </c>
      <c r="BE27" s="63">
        <v>27</v>
      </c>
      <c r="BF27" s="60">
        <v>14</v>
      </c>
      <c r="BG27" s="61">
        <v>10</v>
      </c>
      <c r="BH27" s="62">
        <v>24</v>
      </c>
      <c r="BI27" s="443">
        <v>0</v>
      </c>
      <c r="BJ27" s="61">
        <v>10</v>
      </c>
      <c r="BK27" s="61">
        <v>12</v>
      </c>
      <c r="BL27" s="61">
        <v>6</v>
      </c>
      <c r="BM27" s="61">
        <v>4</v>
      </c>
      <c r="BN27" s="61">
        <v>1</v>
      </c>
      <c r="BO27" s="62">
        <v>33</v>
      </c>
      <c r="BP27" s="63">
        <v>57</v>
      </c>
      <c r="BQ27" s="60">
        <v>13</v>
      </c>
      <c r="BR27" s="61">
        <v>6</v>
      </c>
      <c r="BS27" s="62">
        <v>19</v>
      </c>
      <c r="BT27" s="443">
        <v>0</v>
      </c>
      <c r="BU27" s="61">
        <v>15</v>
      </c>
      <c r="BV27" s="61">
        <v>12</v>
      </c>
      <c r="BW27" s="61">
        <v>7</v>
      </c>
      <c r="BX27" s="61">
        <v>6</v>
      </c>
      <c r="BY27" s="61">
        <v>2</v>
      </c>
      <c r="BZ27" s="62">
        <v>42</v>
      </c>
      <c r="CA27" s="63">
        <v>61</v>
      </c>
      <c r="CB27" s="60">
        <v>0</v>
      </c>
      <c r="CC27" s="61">
        <v>0</v>
      </c>
      <c r="CD27" s="62">
        <v>0</v>
      </c>
      <c r="CE27" s="443">
        <v>0</v>
      </c>
      <c r="CF27" s="61">
        <v>0</v>
      </c>
      <c r="CG27" s="61">
        <v>0</v>
      </c>
      <c r="CH27" s="61">
        <v>0</v>
      </c>
      <c r="CI27" s="61">
        <v>0</v>
      </c>
      <c r="CJ27" s="61">
        <v>0</v>
      </c>
      <c r="CK27" s="62">
        <v>0</v>
      </c>
      <c r="CL27" s="63">
        <v>0</v>
      </c>
      <c r="CM27" s="60">
        <v>37</v>
      </c>
      <c r="CN27" s="61">
        <v>21</v>
      </c>
      <c r="CO27" s="62">
        <v>58</v>
      </c>
      <c r="CP27" s="443">
        <v>0</v>
      </c>
      <c r="CQ27" s="61">
        <v>37</v>
      </c>
      <c r="CR27" s="61">
        <v>29</v>
      </c>
      <c r="CS27" s="61">
        <v>17</v>
      </c>
      <c r="CT27" s="61">
        <v>17</v>
      </c>
      <c r="CU27" s="61">
        <v>7</v>
      </c>
      <c r="CV27" s="62">
        <v>107</v>
      </c>
      <c r="CW27" s="63">
        <v>165</v>
      </c>
      <c r="CX27" s="113">
        <v>3</v>
      </c>
      <c r="CY27" s="72">
        <v>1</v>
      </c>
      <c r="CZ27" s="73">
        <v>4</v>
      </c>
      <c r="DA27" s="443">
        <v>0</v>
      </c>
      <c r="DB27" s="72">
        <v>6</v>
      </c>
      <c r="DC27" s="72">
        <v>2</v>
      </c>
      <c r="DD27" s="72">
        <v>4</v>
      </c>
      <c r="DE27" s="72">
        <v>4</v>
      </c>
      <c r="DF27" s="72">
        <v>3</v>
      </c>
      <c r="DG27" s="74">
        <v>19</v>
      </c>
      <c r="DH27" s="75">
        <v>23</v>
      </c>
      <c r="DI27" s="60">
        <v>0</v>
      </c>
      <c r="DJ27" s="61">
        <v>0</v>
      </c>
      <c r="DK27" s="62">
        <v>0</v>
      </c>
      <c r="DL27" s="443">
        <v>0</v>
      </c>
      <c r="DM27" s="61">
        <v>0</v>
      </c>
      <c r="DN27" s="61">
        <v>0</v>
      </c>
      <c r="DO27" s="61">
        <v>0</v>
      </c>
      <c r="DP27" s="61">
        <v>0</v>
      </c>
      <c r="DQ27" s="61">
        <v>0</v>
      </c>
      <c r="DR27" s="62">
        <v>0</v>
      </c>
      <c r="DS27" s="63">
        <v>0</v>
      </c>
      <c r="DT27" s="60">
        <v>0</v>
      </c>
      <c r="DU27" s="61">
        <v>0</v>
      </c>
      <c r="DV27" s="62">
        <v>0</v>
      </c>
      <c r="DW27" s="443">
        <v>0</v>
      </c>
      <c r="DX27" s="61">
        <v>0</v>
      </c>
      <c r="DY27" s="61">
        <v>0</v>
      </c>
      <c r="DZ27" s="61">
        <v>0</v>
      </c>
      <c r="EA27" s="61">
        <v>0</v>
      </c>
      <c r="EB27" s="61">
        <v>0</v>
      </c>
      <c r="EC27" s="62">
        <v>0</v>
      </c>
      <c r="ED27" s="63">
        <v>0</v>
      </c>
      <c r="EE27" s="60">
        <v>0</v>
      </c>
      <c r="EF27" s="61">
        <v>0</v>
      </c>
      <c r="EG27" s="62">
        <v>0</v>
      </c>
      <c r="EH27" s="443">
        <v>0</v>
      </c>
      <c r="EI27" s="61">
        <v>0</v>
      </c>
      <c r="EJ27" s="61">
        <v>0</v>
      </c>
      <c r="EK27" s="61">
        <v>0</v>
      </c>
      <c r="EL27" s="61">
        <v>0</v>
      </c>
      <c r="EM27" s="61">
        <v>0</v>
      </c>
      <c r="EN27" s="62">
        <v>0</v>
      </c>
      <c r="EO27" s="63">
        <v>0</v>
      </c>
      <c r="EP27" s="60">
        <v>0</v>
      </c>
      <c r="EQ27" s="61">
        <v>0</v>
      </c>
      <c r="ER27" s="62">
        <v>0</v>
      </c>
      <c r="ES27" s="443">
        <v>0</v>
      </c>
      <c r="ET27" s="61">
        <v>3</v>
      </c>
      <c r="EU27" s="61">
        <v>0</v>
      </c>
      <c r="EV27" s="61">
        <v>1</v>
      </c>
      <c r="EW27" s="61">
        <v>1</v>
      </c>
      <c r="EX27" s="61">
        <v>2</v>
      </c>
      <c r="EY27" s="62">
        <v>7</v>
      </c>
      <c r="EZ27" s="63">
        <v>7</v>
      </c>
      <c r="FA27" s="60">
        <v>2</v>
      </c>
      <c r="FB27" s="61">
        <v>1</v>
      </c>
      <c r="FC27" s="62">
        <v>3</v>
      </c>
      <c r="FD27" s="443">
        <v>0</v>
      </c>
      <c r="FE27" s="61">
        <v>1</v>
      </c>
      <c r="FF27" s="61">
        <v>1</v>
      </c>
      <c r="FG27" s="61">
        <v>0</v>
      </c>
      <c r="FH27" s="61">
        <v>1</v>
      </c>
      <c r="FI27" s="61">
        <v>1</v>
      </c>
      <c r="FJ27" s="62">
        <v>4</v>
      </c>
      <c r="FK27" s="63">
        <v>7</v>
      </c>
      <c r="FL27" s="60">
        <v>1</v>
      </c>
      <c r="FM27" s="61">
        <v>0</v>
      </c>
      <c r="FN27" s="62">
        <v>1</v>
      </c>
      <c r="FO27" s="443">
        <v>0</v>
      </c>
      <c r="FP27" s="61">
        <v>2</v>
      </c>
      <c r="FQ27" s="61">
        <v>1</v>
      </c>
      <c r="FR27" s="61">
        <v>3</v>
      </c>
      <c r="FS27" s="61">
        <v>2</v>
      </c>
      <c r="FT27" s="61">
        <v>0</v>
      </c>
      <c r="FU27" s="62">
        <v>8</v>
      </c>
      <c r="FV27" s="63">
        <v>9</v>
      </c>
      <c r="FW27" s="60">
        <v>0</v>
      </c>
      <c r="FX27" s="61">
        <v>0</v>
      </c>
      <c r="FY27" s="62">
        <v>0</v>
      </c>
      <c r="FZ27" s="443">
        <v>0</v>
      </c>
      <c r="GA27" s="61">
        <v>0</v>
      </c>
      <c r="GB27" s="61">
        <v>0</v>
      </c>
      <c r="GC27" s="61">
        <v>0</v>
      </c>
      <c r="GD27" s="61">
        <v>0</v>
      </c>
      <c r="GE27" s="61">
        <v>0</v>
      </c>
      <c r="GF27" s="62">
        <v>0</v>
      </c>
      <c r="GG27" s="63">
        <v>0</v>
      </c>
      <c r="GH27" s="60">
        <v>3</v>
      </c>
      <c r="GI27" s="61">
        <v>1</v>
      </c>
      <c r="GJ27" s="62">
        <v>4</v>
      </c>
      <c r="GK27" s="443">
        <v>0</v>
      </c>
      <c r="GL27" s="61">
        <v>6</v>
      </c>
      <c r="GM27" s="61">
        <v>2</v>
      </c>
      <c r="GN27" s="61">
        <v>4</v>
      </c>
      <c r="GO27" s="61">
        <v>4</v>
      </c>
      <c r="GP27" s="61">
        <v>3</v>
      </c>
      <c r="GQ27" s="62">
        <v>19</v>
      </c>
      <c r="GR27" s="63">
        <v>23</v>
      </c>
      <c r="GS27" s="113">
        <v>40</v>
      </c>
      <c r="GT27" s="72">
        <v>22</v>
      </c>
      <c r="GU27" s="73">
        <v>62</v>
      </c>
      <c r="GV27" s="443">
        <v>0</v>
      </c>
      <c r="GW27" s="72">
        <v>43</v>
      </c>
      <c r="GX27" s="72">
        <v>31</v>
      </c>
      <c r="GY27" s="72">
        <v>21</v>
      </c>
      <c r="GZ27" s="72">
        <v>21</v>
      </c>
      <c r="HA27" s="72">
        <v>10</v>
      </c>
      <c r="HB27" s="74">
        <v>126</v>
      </c>
      <c r="HC27" s="75">
        <v>188</v>
      </c>
      <c r="HD27" s="60">
        <v>1</v>
      </c>
      <c r="HE27" s="61">
        <v>0</v>
      </c>
      <c r="HF27" s="62">
        <v>1</v>
      </c>
      <c r="HG27" s="443">
        <v>0</v>
      </c>
      <c r="HH27" s="61">
        <v>1</v>
      </c>
      <c r="HI27" s="61">
        <v>0</v>
      </c>
      <c r="HJ27" s="61">
        <v>0</v>
      </c>
      <c r="HK27" s="61">
        <v>0</v>
      </c>
      <c r="HL27" s="61">
        <v>0</v>
      </c>
      <c r="HM27" s="62">
        <v>1</v>
      </c>
      <c r="HN27" s="63">
        <v>2</v>
      </c>
      <c r="HO27" s="60">
        <v>0</v>
      </c>
      <c r="HP27" s="61">
        <v>2</v>
      </c>
      <c r="HQ27" s="62">
        <v>2</v>
      </c>
      <c r="HR27" s="443">
        <v>0</v>
      </c>
      <c r="HS27" s="61">
        <v>1</v>
      </c>
      <c r="HT27" s="61">
        <v>0</v>
      </c>
      <c r="HU27" s="61">
        <v>1</v>
      </c>
      <c r="HV27" s="61">
        <v>0</v>
      </c>
      <c r="HW27" s="61">
        <v>2</v>
      </c>
      <c r="HX27" s="62">
        <v>4</v>
      </c>
      <c r="HY27" s="63">
        <v>6</v>
      </c>
      <c r="HZ27" s="60">
        <v>2</v>
      </c>
      <c r="IA27" s="61">
        <v>0</v>
      </c>
      <c r="IB27" s="62">
        <v>2</v>
      </c>
      <c r="IC27" s="443">
        <v>0</v>
      </c>
      <c r="ID27" s="61">
        <v>1</v>
      </c>
      <c r="IE27" s="61">
        <v>3</v>
      </c>
      <c r="IF27" s="61">
        <v>2</v>
      </c>
      <c r="IG27" s="61">
        <v>4</v>
      </c>
      <c r="IH27" s="61">
        <v>0</v>
      </c>
      <c r="II27" s="62">
        <v>10</v>
      </c>
      <c r="IJ27" s="63">
        <v>12</v>
      </c>
      <c r="IK27" s="60">
        <v>7</v>
      </c>
      <c r="IL27" s="61">
        <v>3</v>
      </c>
      <c r="IM27" s="62">
        <v>10</v>
      </c>
      <c r="IN27" s="443">
        <v>0</v>
      </c>
      <c r="IO27" s="61">
        <v>12</v>
      </c>
      <c r="IP27" s="61">
        <v>2</v>
      </c>
      <c r="IQ27" s="61">
        <v>2</v>
      </c>
      <c r="IR27" s="61">
        <v>4</v>
      </c>
      <c r="IS27" s="61">
        <v>4</v>
      </c>
      <c r="IT27" s="62">
        <v>24</v>
      </c>
      <c r="IU27" s="63">
        <v>34</v>
      </c>
      <c r="IV27" s="60">
        <v>16</v>
      </c>
      <c r="IW27" s="61">
        <v>11</v>
      </c>
      <c r="IX27" s="62">
        <v>27</v>
      </c>
      <c r="IY27" s="443">
        <v>0</v>
      </c>
      <c r="IZ27" s="61">
        <v>11</v>
      </c>
      <c r="JA27" s="61">
        <v>13</v>
      </c>
      <c r="JB27" s="61">
        <v>6</v>
      </c>
      <c r="JC27" s="61">
        <v>5</v>
      </c>
      <c r="JD27" s="61">
        <v>2</v>
      </c>
      <c r="JE27" s="62">
        <v>37</v>
      </c>
      <c r="JF27" s="63">
        <v>64</v>
      </c>
      <c r="JG27" s="60">
        <v>14</v>
      </c>
      <c r="JH27" s="61">
        <v>6</v>
      </c>
      <c r="JI27" s="62">
        <v>20</v>
      </c>
      <c r="JJ27" s="443">
        <v>0</v>
      </c>
      <c r="JK27" s="61">
        <v>17</v>
      </c>
      <c r="JL27" s="61">
        <v>13</v>
      </c>
      <c r="JM27" s="61">
        <v>10</v>
      </c>
      <c r="JN27" s="61">
        <v>8</v>
      </c>
      <c r="JO27" s="61">
        <v>2</v>
      </c>
      <c r="JP27" s="62">
        <v>50</v>
      </c>
      <c r="JQ27" s="63">
        <v>70</v>
      </c>
      <c r="JR27" s="60">
        <v>0</v>
      </c>
      <c r="JS27" s="61">
        <v>0</v>
      </c>
      <c r="JT27" s="62">
        <v>0</v>
      </c>
      <c r="JU27" s="443">
        <v>0</v>
      </c>
      <c r="JV27" s="61">
        <v>0</v>
      </c>
      <c r="JW27" s="61">
        <v>0</v>
      </c>
      <c r="JX27" s="61">
        <v>0</v>
      </c>
      <c r="JY27" s="61">
        <v>0</v>
      </c>
      <c r="JZ27" s="61">
        <v>0</v>
      </c>
      <c r="KA27" s="62">
        <v>0</v>
      </c>
      <c r="KB27" s="63">
        <v>0</v>
      </c>
      <c r="KC27" s="60">
        <v>40</v>
      </c>
      <c r="KD27" s="61">
        <v>22</v>
      </c>
      <c r="KE27" s="62">
        <v>62</v>
      </c>
      <c r="KF27" s="443">
        <v>0</v>
      </c>
      <c r="KG27" s="61">
        <v>43</v>
      </c>
      <c r="KH27" s="61">
        <v>31</v>
      </c>
      <c r="KI27" s="61">
        <v>21</v>
      </c>
      <c r="KJ27" s="61">
        <v>21</v>
      </c>
      <c r="KK27" s="61">
        <v>10</v>
      </c>
      <c r="KL27" s="62">
        <v>126</v>
      </c>
      <c r="KM27" s="63">
        <v>188</v>
      </c>
    </row>
    <row r="28" spans="2:299" ht="21" customHeight="1" x14ac:dyDescent="0.2">
      <c r="B28" s="437" t="s">
        <v>25</v>
      </c>
      <c r="C28" s="287">
        <v>14</v>
      </c>
      <c r="D28" s="72">
        <v>23</v>
      </c>
      <c r="E28" s="73">
        <v>37</v>
      </c>
      <c r="F28" s="443">
        <v>0</v>
      </c>
      <c r="G28" s="72">
        <v>28</v>
      </c>
      <c r="H28" s="72">
        <v>17</v>
      </c>
      <c r="I28" s="72">
        <v>10</v>
      </c>
      <c r="J28" s="72">
        <v>13</v>
      </c>
      <c r="K28" s="72">
        <v>8</v>
      </c>
      <c r="L28" s="74">
        <v>76</v>
      </c>
      <c r="M28" s="75">
        <v>113</v>
      </c>
      <c r="N28" s="60">
        <v>0</v>
      </c>
      <c r="O28" s="61">
        <v>0</v>
      </c>
      <c r="P28" s="62">
        <v>0</v>
      </c>
      <c r="Q28" s="443">
        <v>0</v>
      </c>
      <c r="R28" s="61">
        <v>1</v>
      </c>
      <c r="S28" s="61">
        <v>1</v>
      </c>
      <c r="T28" s="61">
        <v>0</v>
      </c>
      <c r="U28" s="61">
        <v>0</v>
      </c>
      <c r="V28" s="61">
        <v>0</v>
      </c>
      <c r="W28" s="62">
        <v>2</v>
      </c>
      <c r="X28" s="63">
        <v>2</v>
      </c>
      <c r="Y28" s="60">
        <v>2</v>
      </c>
      <c r="Z28" s="61">
        <v>2</v>
      </c>
      <c r="AA28" s="62">
        <v>4</v>
      </c>
      <c r="AB28" s="443">
        <v>0</v>
      </c>
      <c r="AC28" s="61">
        <v>0</v>
      </c>
      <c r="AD28" s="61">
        <v>1</v>
      </c>
      <c r="AE28" s="61">
        <v>0</v>
      </c>
      <c r="AF28" s="61">
        <v>4</v>
      </c>
      <c r="AG28" s="61">
        <v>0</v>
      </c>
      <c r="AH28" s="62">
        <v>5</v>
      </c>
      <c r="AI28" s="63">
        <v>9</v>
      </c>
      <c r="AJ28" s="60">
        <v>2</v>
      </c>
      <c r="AK28" s="61">
        <v>4</v>
      </c>
      <c r="AL28" s="62">
        <v>6</v>
      </c>
      <c r="AM28" s="443">
        <v>0</v>
      </c>
      <c r="AN28" s="61">
        <v>7</v>
      </c>
      <c r="AO28" s="61">
        <v>1</v>
      </c>
      <c r="AP28" s="61">
        <v>1</v>
      </c>
      <c r="AQ28" s="61">
        <v>2</v>
      </c>
      <c r="AR28" s="61">
        <v>2</v>
      </c>
      <c r="AS28" s="62">
        <v>13</v>
      </c>
      <c r="AT28" s="63">
        <v>19</v>
      </c>
      <c r="AU28" s="60">
        <v>2</v>
      </c>
      <c r="AV28" s="61">
        <v>8</v>
      </c>
      <c r="AW28" s="62">
        <v>10</v>
      </c>
      <c r="AX28" s="443">
        <v>0</v>
      </c>
      <c r="AY28" s="61">
        <v>6</v>
      </c>
      <c r="AZ28" s="61">
        <v>1</v>
      </c>
      <c r="BA28" s="61">
        <v>3</v>
      </c>
      <c r="BB28" s="61">
        <v>1</v>
      </c>
      <c r="BC28" s="61">
        <v>4</v>
      </c>
      <c r="BD28" s="62">
        <v>15</v>
      </c>
      <c r="BE28" s="63">
        <v>25</v>
      </c>
      <c r="BF28" s="60">
        <v>3</v>
      </c>
      <c r="BG28" s="61">
        <v>5</v>
      </c>
      <c r="BH28" s="62">
        <v>8</v>
      </c>
      <c r="BI28" s="443">
        <v>0</v>
      </c>
      <c r="BJ28" s="61">
        <v>9</v>
      </c>
      <c r="BK28" s="61">
        <v>5</v>
      </c>
      <c r="BL28" s="61">
        <v>4</v>
      </c>
      <c r="BM28" s="61">
        <v>1</v>
      </c>
      <c r="BN28" s="61">
        <v>1</v>
      </c>
      <c r="BO28" s="62">
        <v>20</v>
      </c>
      <c r="BP28" s="63">
        <v>28</v>
      </c>
      <c r="BQ28" s="60">
        <v>5</v>
      </c>
      <c r="BR28" s="61">
        <v>4</v>
      </c>
      <c r="BS28" s="62">
        <v>9</v>
      </c>
      <c r="BT28" s="443">
        <v>0</v>
      </c>
      <c r="BU28" s="61">
        <v>5</v>
      </c>
      <c r="BV28" s="61">
        <v>8</v>
      </c>
      <c r="BW28" s="61">
        <v>2</v>
      </c>
      <c r="BX28" s="61">
        <v>5</v>
      </c>
      <c r="BY28" s="61">
        <v>1</v>
      </c>
      <c r="BZ28" s="62">
        <v>21</v>
      </c>
      <c r="CA28" s="63">
        <v>30</v>
      </c>
      <c r="CB28" s="60">
        <v>0</v>
      </c>
      <c r="CC28" s="61">
        <v>0</v>
      </c>
      <c r="CD28" s="62">
        <v>0</v>
      </c>
      <c r="CE28" s="443">
        <v>0</v>
      </c>
      <c r="CF28" s="61">
        <v>0</v>
      </c>
      <c r="CG28" s="61">
        <v>0</v>
      </c>
      <c r="CH28" s="61">
        <v>0</v>
      </c>
      <c r="CI28" s="61">
        <v>0</v>
      </c>
      <c r="CJ28" s="61">
        <v>0</v>
      </c>
      <c r="CK28" s="62">
        <v>0</v>
      </c>
      <c r="CL28" s="63">
        <v>0</v>
      </c>
      <c r="CM28" s="60">
        <v>14</v>
      </c>
      <c r="CN28" s="61">
        <v>23</v>
      </c>
      <c r="CO28" s="62">
        <v>37</v>
      </c>
      <c r="CP28" s="443">
        <v>0</v>
      </c>
      <c r="CQ28" s="61">
        <v>28</v>
      </c>
      <c r="CR28" s="61">
        <v>17</v>
      </c>
      <c r="CS28" s="61">
        <v>10</v>
      </c>
      <c r="CT28" s="61">
        <v>13</v>
      </c>
      <c r="CU28" s="61">
        <v>8</v>
      </c>
      <c r="CV28" s="62">
        <v>76</v>
      </c>
      <c r="CW28" s="63">
        <v>113</v>
      </c>
      <c r="CX28" s="113">
        <v>2</v>
      </c>
      <c r="CY28" s="72">
        <v>2</v>
      </c>
      <c r="CZ28" s="73">
        <v>4</v>
      </c>
      <c r="DA28" s="443">
        <v>0</v>
      </c>
      <c r="DB28" s="72">
        <v>4</v>
      </c>
      <c r="DC28" s="72">
        <v>1</v>
      </c>
      <c r="DD28" s="72">
        <v>1</v>
      </c>
      <c r="DE28" s="72">
        <v>0</v>
      </c>
      <c r="DF28" s="72">
        <v>1</v>
      </c>
      <c r="DG28" s="74">
        <v>7</v>
      </c>
      <c r="DH28" s="75">
        <v>11</v>
      </c>
      <c r="DI28" s="60">
        <v>0</v>
      </c>
      <c r="DJ28" s="61">
        <v>0</v>
      </c>
      <c r="DK28" s="62">
        <v>0</v>
      </c>
      <c r="DL28" s="443">
        <v>0</v>
      </c>
      <c r="DM28" s="61">
        <v>0</v>
      </c>
      <c r="DN28" s="61">
        <v>0</v>
      </c>
      <c r="DO28" s="61">
        <v>0</v>
      </c>
      <c r="DP28" s="61">
        <v>0</v>
      </c>
      <c r="DQ28" s="61">
        <v>0</v>
      </c>
      <c r="DR28" s="62">
        <v>0</v>
      </c>
      <c r="DS28" s="63">
        <v>0</v>
      </c>
      <c r="DT28" s="60">
        <v>0</v>
      </c>
      <c r="DU28" s="61">
        <v>0</v>
      </c>
      <c r="DV28" s="62">
        <v>0</v>
      </c>
      <c r="DW28" s="443">
        <v>0</v>
      </c>
      <c r="DX28" s="61">
        <v>0</v>
      </c>
      <c r="DY28" s="61">
        <v>0</v>
      </c>
      <c r="DZ28" s="61">
        <v>0</v>
      </c>
      <c r="EA28" s="61">
        <v>0</v>
      </c>
      <c r="EB28" s="61">
        <v>0</v>
      </c>
      <c r="EC28" s="62">
        <v>0</v>
      </c>
      <c r="ED28" s="63">
        <v>0</v>
      </c>
      <c r="EE28" s="60">
        <v>0</v>
      </c>
      <c r="EF28" s="61">
        <v>0</v>
      </c>
      <c r="EG28" s="62">
        <v>0</v>
      </c>
      <c r="EH28" s="443">
        <v>0</v>
      </c>
      <c r="EI28" s="61">
        <v>0</v>
      </c>
      <c r="EJ28" s="61">
        <v>0</v>
      </c>
      <c r="EK28" s="61">
        <v>0</v>
      </c>
      <c r="EL28" s="61">
        <v>0</v>
      </c>
      <c r="EM28" s="61">
        <v>1</v>
      </c>
      <c r="EN28" s="62">
        <v>1</v>
      </c>
      <c r="EO28" s="63">
        <v>1</v>
      </c>
      <c r="EP28" s="60">
        <v>0</v>
      </c>
      <c r="EQ28" s="61">
        <v>0</v>
      </c>
      <c r="ER28" s="62">
        <v>0</v>
      </c>
      <c r="ES28" s="443">
        <v>0</v>
      </c>
      <c r="ET28" s="61">
        <v>0</v>
      </c>
      <c r="EU28" s="61">
        <v>1</v>
      </c>
      <c r="EV28" s="61">
        <v>0</v>
      </c>
      <c r="EW28" s="61">
        <v>0</v>
      </c>
      <c r="EX28" s="61">
        <v>0</v>
      </c>
      <c r="EY28" s="62">
        <v>1</v>
      </c>
      <c r="EZ28" s="63">
        <v>1</v>
      </c>
      <c r="FA28" s="60">
        <v>0</v>
      </c>
      <c r="FB28" s="61">
        <v>1</v>
      </c>
      <c r="FC28" s="62">
        <v>1</v>
      </c>
      <c r="FD28" s="443">
        <v>0</v>
      </c>
      <c r="FE28" s="61">
        <v>1</v>
      </c>
      <c r="FF28" s="61">
        <v>0</v>
      </c>
      <c r="FG28" s="61">
        <v>1</v>
      </c>
      <c r="FH28" s="61">
        <v>0</v>
      </c>
      <c r="FI28" s="61">
        <v>0</v>
      </c>
      <c r="FJ28" s="62">
        <v>2</v>
      </c>
      <c r="FK28" s="63">
        <v>3</v>
      </c>
      <c r="FL28" s="60">
        <v>2</v>
      </c>
      <c r="FM28" s="61">
        <v>1</v>
      </c>
      <c r="FN28" s="62">
        <v>3</v>
      </c>
      <c r="FO28" s="443">
        <v>0</v>
      </c>
      <c r="FP28" s="61">
        <v>3</v>
      </c>
      <c r="FQ28" s="61">
        <v>0</v>
      </c>
      <c r="FR28" s="61">
        <v>0</v>
      </c>
      <c r="FS28" s="61">
        <v>0</v>
      </c>
      <c r="FT28" s="61">
        <v>0</v>
      </c>
      <c r="FU28" s="62">
        <v>3</v>
      </c>
      <c r="FV28" s="63">
        <v>6</v>
      </c>
      <c r="FW28" s="60">
        <v>0</v>
      </c>
      <c r="FX28" s="61">
        <v>0</v>
      </c>
      <c r="FY28" s="62">
        <v>0</v>
      </c>
      <c r="FZ28" s="443">
        <v>0</v>
      </c>
      <c r="GA28" s="61">
        <v>0</v>
      </c>
      <c r="GB28" s="61">
        <v>0</v>
      </c>
      <c r="GC28" s="61">
        <v>0</v>
      </c>
      <c r="GD28" s="61">
        <v>0</v>
      </c>
      <c r="GE28" s="61">
        <v>0</v>
      </c>
      <c r="GF28" s="62">
        <v>0</v>
      </c>
      <c r="GG28" s="63">
        <v>0</v>
      </c>
      <c r="GH28" s="60">
        <v>2</v>
      </c>
      <c r="GI28" s="61">
        <v>2</v>
      </c>
      <c r="GJ28" s="62">
        <v>4</v>
      </c>
      <c r="GK28" s="443">
        <v>0</v>
      </c>
      <c r="GL28" s="61">
        <v>4</v>
      </c>
      <c r="GM28" s="61">
        <v>1</v>
      </c>
      <c r="GN28" s="61">
        <v>1</v>
      </c>
      <c r="GO28" s="61">
        <v>0</v>
      </c>
      <c r="GP28" s="61">
        <v>1</v>
      </c>
      <c r="GQ28" s="62">
        <v>7</v>
      </c>
      <c r="GR28" s="63">
        <v>11</v>
      </c>
      <c r="GS28" s="113">
        <v>16</v>
      </c>
      <c r="GT28" s="72">
        <v>25</v>
      </c>
      <c r="GU28" s="73">
        <v>41</v>
      </c>
      <c r="GV28" s="443">
        <v>0</v>
      </c>
      <c r="GW28" s="72">
        <v>32</v>
      </c>
      <c r="GX28" s="72">
        <v>18</v>
      </c>
      <c r="GY28" s="72">
        <v>11</v>
      </c>
      <c r="GZ28" s="72">
        <v>13</v>
      </c>
      <c r="HA28" s="72">
        <v>9</v>
      </c>
      <c r="HB28" s="74">
        <v>83</v>
      </c>
      <c r="HC28" s="75">
        <v>124</v>
      </c>
      <c r="HD28" s="60">
        <v>0</v>
      </c>
      <c r="HE28" s="61">
        <v>0</v>
      </c>
      <c r="HF28" s="62">
        <v>0</v>
      </c>
      <c r="HG28" s="443">
        <v>0</v>
      </c>
      <c r="HH28" s="61">
        <v>1</v>
      </c>
      <c r="HI28" s="61">
        <v>1</v>
      </c>
      <c r="HJ28" s="61">
        <v>0</v>
      </c>
      <c r="HK28" s="61">
        <v>0</v>
      </c>
      <c r="HL28" s="61">
        <v>0</v>
      </c>
      <c r="HM28" s="62">
        <v>2</v>
      </c>
      <c r="HN28" s="63">
        <v>2</v>
      </c>
      <c r="HO28" s="60">
        <v>2</v>
      </c>
      <c r="HP28" s="61">
        <v>2</v>
      </c>
      <c r="HQ28" s="62">
        <v>4</v>
      </c>
      <c r="HR28" s="443">
        <v>0</v>
      </c>
      <c r="HS28" s="61">
        <v>0</v>
      </c>
      <c r="HT28" s="61">
        <v>1</v>
      </c>
      <c r="HU28" s="61">
        <v>0</v>
      </c>
      <c r="HV28" s="61">
        <v>4</v>
      </c>
      <c r="HW28" s="61">
        <v>0</v>
      </c>
      <c r="HX28" s="62">
        <v>5</v>
      </c>
      <c r="HY28" s="63">
        <v>9</v>
      </c>
      <c r="HZ28" s="60">
        <v>2</v>
      </c>
      <c r="IA28" s="61">
        <v>4</v>
      </c>
      <c r="IB28" s="62">
        <v>6</v>
      </c>
      <c r="IC28" s="443">
        <v>0</v>
      </c>
      <c r="ID28" s="61">
        <v>7</v>
      </c>
      <c r="IE28" s="61">
        <v>1</v>
      </c>
      <c r="IF28" s="61">
        <v>1</v>
      </c>
      <c r="IG28" s="61">
        <v>2</v>
      </c>
      <c r="IH28" s="61">
        <v>3</v>
      </c>
      <c r="II28" s="62">
        <v>14</v>
      </c>
      <c r="IJ28" s="63">
        <v>20</v>
      </c>
      <c r="IK28" s="60">
        <v>2</v>
      </c>
      <c r="IL28" s="61">
        <v>8</v>
      </c>
      <c r="IM28" s="62">
        <v>10</v>
      </c>
      <c r="IN28" s="443">
        <v>0</v>
      </c>
      <c r="IO28" s="61">
        <v>6</v>
      </c>
      <c r="IP28" s="61">
        <v>2</v>
      </c>
      <c r="IQ28" s="61">
        <v>3</v>
      </c>
      <c r="IR28" s="61">
        <v>1</v>
      </c>
      <c r="IS28" s="61">
        <v>4</v>
      </c>
      <c r="IT28" s="62">
        <v>16</v>
      </c>
      <c r="IU28" s="63">
        <v>26</v>
      </c>
      <c r="IV28" s="60">
        <v>3</v>
      </c>
      <c r="IW28" s="61">
        <v>6</v>
      </c>
      <c r="IX28" s="62">
        <v>9</v>
      </c>
      <c r="IY28" s="443">
        <v>0</v>
      </c>
      <c r="IZ28" s="61">
        <v>10</v>
      </c>
      <c r="JA28" s="61">
        <v>5</v>
      </c>
      <c r="JB28" s="61">
        <v>5</v>
      </c>
      <c r="JC28" s="61">
        <v>1</v>
      </c>
      <c r="JD28" s="61">
        <v>1</v>
      </c>
      <c r="JE28" s="62">
        <v>22</v>
      </c>
      <c r="JF28" s="63">
        <v>31</v>
      </c>
      <c r="JG28" s="60">
        <v>7</v>
      </c>
      <c r="JH28" s="61">
        <v>5</v>
      </c>
      <c r="JI28" s="62">
        <v>12</v>
      </c>
      <c r="JJ28" s="443">
        <v>0</v>
      </c>
      <c r="JK28" s="61">
        <v>8</v>
      </c>
      <c r="JL28" s="61">
        <v>8</v>
      </c>
      <c r="JM28" s="61">
        <v>2</v>
      </c>
      <c r="JN28" s="61">
        <v>5</v>
      </c>
      <c r="JO28" s="61">
        <v>1</v>
      </c>
      <c r="JP28" s="62">
        <v>24</v>
      </c>
      <c r="JQ28" s="63">
        <v>36</v>
      </c>
      <c r="JR28" s="60">
        <v>0</v>
      </c>
      <c r="JS28" s="61">
        <v>0</v>
      </c>
      <c r="JT28" s="62">
        <v>0</v>
      </c>
      <c r="JU28" s="443">
        <v>0</v>
      </c>
      <c r="JV28" s="61">
        <v>0</v>
      </c>
      <c r="JW28" s="61">
        <v>0</v>
      </c>
      <c r="JX28" s="61">
        <v>0</v>
      </c>
      <c r="JY28" s="61">
        <v>0</v>
      </c>
      <c r="JZ28" s="61">
        <v>0</v>
      </c>
      <c r="KA28" s="62">
        <v>0</v>
      </c>
      <c r="KB28" s="63">
        <v>0</v>
      </c>
      <c r="KC28" s="60">
        <v>16</v>
      </c>
      <c r="KD28" s="61">
        <v>25</v>
      </c>
      <c r="KE28" s="62">
        <v>41</v>
      </c>
      <c r="KF28" s="443">
        <v>0</v>
      </c>
      <c r="KG28" s="61">
        <v>32</v>
      </c>
      <c r="KH28" s="61">
        <v>18</v>
      </c>
      <c r="KI28" s="61">
        <v>11</v>
      </c>
      <c r="KJ28" s="61">
        <v>13</v>
      </c>
      <c r="KK28" s="61">
        <v>9</v>
      </c>
      <c r="KL28" s="62">
        <v>83</v>
      </c>
      <c r="KM28" s="63">
        <v>124</v>
      </c>
    </row>
    <row r="29" spans="2:299" ht="21" customHeight="1" x14ac:dyDescent="0.2">
      <c r="B29" s="437" t="s">
        <v>26</v>
      </c>
      <c r="C29" s="287">
        <v>22</v>
      </c>
      <c r="D29" s="72">
        <v>18</v>
      </c>
      <c r="E29" s="73">
        <v>40</v>
      </c>
      <c r="F29" s="443">
        <v>0</v>
      </c>
      <c r="G29" s="72">
        <v>25</v>
      </c>
      <c r="H29" s="72">
        <v>19</v>
      </c>
      <c r="I29" s="72">
        <v>16</v>
      </c>
      <c r="J29" s="72">
        <v>11</v>
      </c>
      <c r="K29" s="72">
        <v>8</v>
      </c>
      <c r="L29" s="74">
        <v>79</v>
      </c>
      <c r="M29" s="75">
        <v>119</v>
      </c>
      <c r="N29" s="60">
        <v>0</v>
      </c>
      <c r="O29" s="61">
        <v>0</v>
      </c>
      <c r="P29" s="62">
        <v>0</v>
      </c>
      <c r="Q29" s="443">
        <v>0</v>
      </c>
      <c r="R29" s="61">
        <v>0</v>
      </c>
      <c r="S29" s="61">
        <v>0</v>
      </c>
      <c r="T29" s="61">
        <v>0</v>
      </c>
      <c r="U29" s="61">
        <v>1</v>
      </c>
      <c r="V29" s="61">
        <v>0</v>
      </c>
      <c r="W29" s="62">
        <v>1</v>
      </c>
      <c r="X29" s="63">
        <v>1</v>
      </c>
      <c r="Y29" s="60">
        <v>0</v>
      </c>
      <c r="Z29" s="61">
        <v>0</v>
      </c>
      <c r="AA29" s="62">
        <v>0</v>
      </c>
      <c r="AB29" s="443">
        <v>0</v>
      </c>
      <c r="AC29" s="61">
        <v>2</v>
      </c>
      <c r="AD29" s="61">
        <v>0</v>
      </c>
      <c r="AE29" s="61">
        <v>0</v>
      </c>
      <c r="AF29" s="61">
        <v>0</v>
      </c>
      <c r="AG29" s="61">
        <v>0</v>
      </c>
      <c r="AH29" s="62">
        <v>2</v>
      </c>
      <c r="AI29" s="63">
        <v>2</v>
      </c>
      <c r="AJ29" s="60">
        <v>0</v>
      </c>
      <c r="AK29" s="61">
        <v>2</v>
      </c>
      <c r="AL29" s="62">
        <v>2</v>
      </c>
      <c r="AM29" s="443">
        <v>0</v>
      </c>
      <c r="AN29" s="61">
        <v>2</v>
      </c>
      <c r="AO29" s="61">
        <v>0</v>
      </c>
      <c r="AP29" s="61">
        <v>1</v>
      </c>
      <c r="AQ29" s="61">
        <v>0</v>
      </c>
      <c r="AR29" s="61">
        <v>0</v>
      </c>
      <c r="AS29" s="62">
        <v>3</v>
      </c>
      <c r="AT29" s="63">
        <v>5</v>
      </c>
      <c r="AU29" s="60">
        <v>6</v>
      </c>
      <c r="AV29" s="61">
        <v>7</v>
      </c>
      <c r="AW29" s="62">
        <v>13</v>
      </c>
      <c r="AX29" s="443">
        <v>0</v>
      </c>
      <c r="AY29" s="61">
        <v>5</v>
      </c>
      <c r="AZ29" s="61">
        <v>6</v>
      </c>
      <c r="BA29" s="61">
        <v>3</v>
      </c>
      <c r="BB29" s="61">
        <v>2</v>
      </c>
      <c r="BC29" s="61">
        <v>1</v>
      </c>
      <c r="BD29" s="62">
        <v>17</v>
      </c>
      <c r="BE29" s="63">
        <v>30</v>
      </c>
      <c r="BF29" s="60">
        <v>4</v>
      </c>
      <c r="BG29" s="61">
        <v>4</v>
      </c>
      <c r="BH29" s="62">
        <v>8</v>
      </c>
      <c r="BI29" s="443">
        <v>0</v>
      </c>
      <c r="BJ29" s="61">
        <v>8</v>
      </c>
      <c r="BK29" s="61">
        <v>9</v>
      </c>
      <c r="BL29" s="61">
        <v>8</v>
      </c>
      <c r="BM29" s="61">
        <v>4</v>
      </c>
      <c r="BN29" s="61">
        <v>4</v>
      </c>
      <c r="BO29" s="62">
        <v>33</v>
      </c>
      <c r="BP29" s="63">
        <v>41</v>
      </c>
      <c r="BQ29" s="60">
        <v>12</v>
      </c>
      <c r="BR29" s="61">
        <v>5</v>
      </c>
      <c r="BS29" s="62">
        <v>17</v>
      </c>
      <c r="BT29" s="443">
        <v>0</v>
      </c>
      <c r="BU29" s="61">
        <v>8</v>
      </c>
      <c r="BV29" s="61">
        <v>4</v>
      </c>
      <c r="BW29" s="61">
        <v>4</v>
      </c>
      <c r="BX29" s="61">
        <v>4</v>
      </c>
      <c r="BY29" s="61">
        <v>3</v>
      </c>
      <c r="BZ29" s="62">
        <v>23</v>
      </c>
      <c r="CA29" s="63">
        <v>40</v>
      </c>
      <c r="CB29" s="60">
        <v>0</v>
      </c>
      <c r="CC29" s="61">
        <v>0</v>
      </c>
      <c r="CD29" s="62">
        <v>0</v>
      </c>
      <c r="CE29" s="443">
        <v>0</v>
      </c>
      <c r="CF29" s="61">
        <v>0</v>
      </c>
      <c r="CG29" s="61">
        <v>0</v>
      </c>
      <c r="CH29" s="61">
        <v>0</v>
      </c>
      <c r="CI29" s="61">
        <v>0</v>
      </c>
      <c r="CJ29" s="61">
        <v>0</v>
      </c>
      <c r="CK29" s="62">
        <v>0</v>
      </c>
      <c r="CL29" s="63">
        <v>0</v>
      </c>
      <c r="CM29" s="60">
        <v>22</v>
      </c>
      <c r="CN29" s="61">
        <v>18</v>
      </c>
      <c r="CO29" s="62">
        <v>40</v>
      </c>
      <c r="CP29" s="443">
        <v>0</v>
      </c>
      <c r="CQ29" s="61">
        <v>25</v>
      </c>
      <c r="CR29" s="61">
        <v>19</v>
      </c>
      <c r="CS29" s="61">
        <v>16</v>
      </c>
      <c r="CT29" s="61">
        <v>11</v>
      </c>
      <c r="CU29" s="61">
        <v>8</v>
      </c>
      <c r="CV29" s="62">
        <v>79</v>
      </c>
      <c r="CW29" s="63">
        <v>119</v>
      </c>
      <c r="CX29" s="113">
        <v>4</v>
      </c>
      <c r="CY29" s="72">
        <v>2</v>
      </c>
      <c r="CZ29" s="73">
        <v>6</v>
      </c>
      <c r="DA29" s="443">
        <v>0</v>
      </c>
      <c r="DB29" s="72">
        <v>4</v>
      </c>
      <c r="DC29" s="72">
        <v>3</v>
      </c>
      <c r="DD29" s="72">
        <v>3</v>
      </c>
      <c r="DE29" s="72">
        <v>1</v>
      </c>
      <c r="DF29" s="72">
        <v>0</v>
      </c>
      <c r="DG29" s="74">
        <v>11</v>
      </c>
      <c r="DH29" s="75">
        <v>17</v>
      </c>
      <c r="DI29" s="60">
        <v>0</v>
      </c>
      <c r="DJ29" s="61">
        <v>0</v>
      </c>
      <c r="DK29" s="62">
        <v>0</v>
      </c>
      <c r="DL29" s="443">
        <v>0</v>
      </c>
      <c r="DM29" s="61">
        <v>1</v>
      </c>
      <c r="DN29" s="61">
        <v>0</v>
      </c>
      <c r="DO29" s="61">
        <v>0</v>
      </c>
      <c r="DP29" s="61">
        <v>0</v>
      </c>
      <c r="DQ29" s="61">
        <v>0</v>
      </c>
      <c r="DR29" s="62">
        <v>1</v>
      </c>
      <c r="DS29" s="63">
        <v>1</v>
      </c>
      <c r="DT29" s="60">
        <v>1</v>
      </c>
      <c r="DU29" s="61">
        <v>0</v>
      </c>
      <c r="DV29" s="62">
        <v>1</v>
      </c>
      <c r="DW29" s="443">
        <v>0</v>
      </c>
      <c r="DX29" s="61">
        <v>0</v>
      </c>
      <c r="DY29" s="61">
        <v>0</v>
      </c>
      <c r="DZ29" s="61">
        <v>0</v>
      </c>
      <c r="EA29" s="61">
        <v>1</v>
      </c>
      <c r="EB29" s="61">
        <v>0</v>
      </c>
      <c r="EC29" s="62">
        <v>1</v>
      </c>
      <c r="ED29" s="63">
        <v>2</v>
      </c>
      <c r="EE29" s="60">
        <v>2</v>
      </c>
      <c r="EF29" s="61">
        <v>0</v>
      </c>
      <c r="EG29" s="62">
        <v>2</v>
      </c>
      <c r="EH29" s="443">
        <v>0</v>
      </c>
      <c r="EI29" s="61">
        <v>0</v>
      </c>
      <c r="EJ29" s="61">
        <v>0</v>
      </c>
      <c r="EK29" s="61">
        <v>0</v>
      </c>
      <c r="EL29" s="61">
        <v>0</v>
      </c>
      <c r="EM29" s="61">
        <v>0</v>
      </c>
      <c r="EN29" s="62">
        <v>0</v>
      </c>
      <c r="EO29" s="63">
        <v>2</v>
      </c>
      <c r="EP29" s="60">
        <v>0</v>
      </c>
      <c r="EQ29" s="61">
        <v>0</v>
      </c>
      <c r="ER29" s="62">
        <v>0</v>
      </c>
      <c r="ES29" s="443">
        <v>0</v>
      </c>
      <c r="ET29" s="61">
        <v>2</v>
      </c>
      <c r="EU29" s="61">
        <v>1</v>
      </c>
      <c r="EV29" s="61">
        <v>0</v>
      </c>
      <c r="EW29" s="61">
        <v>0</v>
      </c>
      <c r="EX29" s="61">
        <v>0</v>
      </c>
      <c r="EY29" s="62">
        <v>3</v>
      </c>
      <c r="EZ29" s="63">
        <v>3</v>
      </c>
      <c r="FA29" s="60">
        <v>0</v>
      </c>
      <c r="FB29" s="61">
        <v>0</v>
      </c>
      <c r="FC29" s="62">
        <v>0</v>
      </c>
      <c r="FD29" s="443">
        <v>0</v>
      </c>
      <c r="FE29" s="61">
        <v>0</v>
      </c>
      <c r="FF29" s="61">
        <v>2</v>
      </c>
      <c r="FG29" s="61">
        <v>0</v>
      </c>
      <c r="FH29" s="61">
        <v>0</v>
      </c>
      <c r="FI29" s="61">
        <v>0</v>
      </c>
      <c r="FJ29" s="62">
        <v>2</v>
      </c>
      <c r="FK29" s="63">
        <v>2</v>
      </c>
      <c r="FL29" s="60">
        <v>1</v>
      </c>
      <c r="FM29" s="61">
        <v>2</v>
      </c>
      <c r="FN29" s="62">
        <v>3</v>
      </c>
      <c r="FO29" s="443">
        <v>0</v>
      </c>
      <c r="FP29" s="61">
        <v>1</v>
      </c>
      <c r="FQ29" s="61">
        <v>0</v>
      </c>
      <c r="FR29" s="61">
        <v>3</v>
      </c>
      <c r="FS29" s="61">
        <v>0</v>
      </c>
      <c r="FT29" s="61">
        <v>0</v>
      </c>
      <c r="FU29" s="62">
        <v>4</v>
      </c>
      <c r="FV29" s="63">
        <v>7</v>
      </c>
      <c r="FW29" s="60">
        <v>0</v>
      </c>
      <c r="FX29" s="61">
        <v>0</v>
      </c>
      <c r="FY29" s="62">
        <v>0</v>
      </c>
      <c r="FZ29" s="443">
        <v>0</v>
      </c>
      <c r="GA29" s="61">
        <v>0</v>
      </c>
      <c r="GB29" s="61">
        <v>0</v>
      </c>
      <c r="GC29" s="61">
        <v>0</v>
      </c>
      <c r="GD29" s="61">
        <v>0</v>
      </c>
      <c r="GE29" s="61">
        <v>0</v>
      </c>
      <c r="GF29" s="62">
        <v>0</v>
      </c>
      <c r="GG29" s="63">
        <v>0</v>
      </c>
      <c r="GH29" s="60">
        <v>4</v>
      </c>
      <c r="GI29" s="61">
        <v>2</v>
      </c>
      <c r="GJ29" s="62">
        <v>6</v>
      </c>
      <c r="GK29" s="443">
        <v>0</v>
      </c>
      <c r="GL29" s="61">
        <v>4</v>
      </c>
      <c r="GM29" s="61">
        <v>3</v>
      </c>
      <c r="GN29" s="61">
        <v>3</v>
      </c>
      <c r="GO29" s="61">
        <v>1</v>
      </c>
      <c r="GP29" s="61">
        <v>0</v>
      </c>
      <c r="GQ29" s="62">
        <v>11</v>
      </c>
      <c r="GR29" s="63">
        <v>17</v>
      </c>
      <c r="GS29" s="113">
        <v>26</v>
      </c>
      <c r="GT29" s="72">
        <v>20</v>
      </c>
      <c r="GU29" s="73">
        <v>46</v>
      </c>
      <c r="GV29" s="443">
        <v>0</v>
      </c>
      <c r="GW29" s="72">
        <v>29</v>
      </c>
      <c r="GX29" s="72">
        <v>22</v>
      </c>
      <c r="GY29" s="72">
        <v>19</v>
      </c>
      <c r="GZ29" s="72">
        <v>12</v>
      </c>
      <c r="HA29" s="72">
        <v>8</v>
      </c>
      <c r="HB29" s="74">
        <v>90</v>
      </c>
      <c r="HC29" s="75">
        <v>136</v>
      </c>
      <c r="HD29" s="60">
        <v>0</v>
      </c>
      <c r="HE29" s="61">
        <v>0</v>
      </c>
      <c r="HF29" s="62">
        <v>0</v>
      </c>
      <c r="HG29" s="443">
        <v>0</v>
      </c>
      <c r="HH29" s="61">
        <v>1</v>
      </c>
      <c r="HI29" s="61">
        <v>0</v>
      </c>
      <c r="HJ29" s="61">
        <v>0</v>
      </c>
      <c r="HK29" s="61">
        <v>1</v>
      </c>
      <c r="HL29" s="61">
        <v>0</v>
      </c>
      <c r="HM29" s="62">
        <v>2</v>
      </c>
      <c r="HN29" s="63">
        <v>2</v>
      </c>
      <c r="HO29" s="60">
        <v>1</v>
      </c>
      <c r="HP29" s="61">
        <v>0</v>
      </c>
      <c r="HQ29" s="62">
        <v>1</v>
      </c>
      <c r="HR29" s="443">
        <v>0</v>
      </c>
      <c r="HS29" s="61">
        <v>2</v>
      </c>
      <c r="HT29" s="61">
        <v>0</v>
      </c>
      <c r="HU29" s="61">
        <v>0</v>
      </c>
      <c r="HV29" s="61">
        <v>1</v>
      </c>
      <c r="HW29" s="61">
        <v>0</v>
      </c>
      <c r="HX29" s="62">
        <v>3</v>
      </c>
      <c r="HY29" s="63">
        <v>4</v>
      </c>
      <c r="HZ29" s="60">
        <v>2</v>
      </c>
      <c r="IA29" s="61">
        <v>2</v>
      </c>
      <c r="IB29" s="62">
        <v>4</v>
      </c>
      <c r="IC29" s="443">
        <v>0</v>
      </c>
      <c r="ID29" s="61">
        <v>2</v>
      </c>
      <c r="IE29" s="61">
        <v>0</v>
      </c>
      <c r="IF29" s="61">
        <v>1</v>
      </c>
      <c r="IG29" s="61">
        <v>0</v>
      </c>
      <c r="IH29" s="61">
        <v>0</v>
      </c>
      <c r="II29" s="62">
        <v>3</v>
      </c>
      <c r="IJ29" s="63">
        <v>7</v>
      </c>
      <c r="IK29" s="60">
        <v>6</v>
      </c>
      <c r="IL29" s="61">
        <v>7</v>
      </c>
      <c r="IM29" s="62">
        <v>13</v>
      </c>
      <c r="IN29" s="443">
        <v>0</v>
      </c>
      <c r="IO29" s="61">
        <v>7</v>
      </c>
      <c r="IP29" s="61">
        <v>7</v>
      </c>
      <c r="IQ29" s="61">
        <v>3</v>
      </c>
      <c r="IR29" s="61">
        <v>2</v>
      </c>
      <c r="IS29" s="61">
        <v>1</v>
      </c>
      <c r="IT29" s="62">
        <v>20</v>
      </c>
      <c r="IU29" s="63">
        <v>33</v>
      </c>
      <c r="IV29" s="60">
        <v>4</v>
      </c>
      <c r="IW29" s="61">
        <v>4</v>
      </c>
      <c r="IX29" s="62">
        <v>8</v>
      </c>
      <c r="IY29" s="443">
        <v>0</v>
      </c>
      <c r="IZ29" s="61">
        <v>8</v>
      </c>
      <c r="JA29" s="61">
        <v>11</v>
      </c>
      <c r="JB29" s="61">
        <v>8</v>
      </c>
      <c r="JC29" s="61">
        <v>4</v>
      </c>
      <c r="JD29" s="61">
        <v>4</v>
      </c>
      <c r="JE29" s="62">
        <v>35</v>
      </c>
      <c r="JF29" s="63">
        <v>43</v>
      </c>
      <c r="JG29" s="60">
        <v>13</v>
      </c>
      <c r="JH29" s="61">
        <v>7</v>
      </c>
      <c r="JI29" s="62">
        <v>20</v>
      </c>
      <c r="JJ29" s="443">
        <v>0</v>
      </c>
      <c r="JK29" s="61">
        <v>9</v>
      </c>
      <c r="JL29" s="61">
        <v>4</v>
      </c>
      <c r="JM29" s="61">
        <v>7</v>
      </c>
      <c r="JN29" s="61">
        <v>4</v>
      </c>
      <c r="JO29" s="61">
        <v>3</v>
      </c>
      <c r="JP29" s="62">
        <v>27</v>
      </c>
      <c r="JQ29" s="63">
        <v>47</v>
      </c>
      <c r="JR29" s="60">
        <v>0</v>
      </c>
      <c r="JS29" s="61">
        <v>0</v>
      </c>
      <c r="JT29" s="62">
        <v>0</v>
      </c>
      <c r="JU29" s="443">
        <v>0</v>
      </c>
      <c r="JV29" s="61">
        <v>0</v>
      </c>
      <c r="JW29" s="61">
        <v>0</v>
      </c>
      <c r="JX29" s="61">
        <v>0</v>
      </c>
      <c r="JY29" s="61">
        <v>0</v>
      </c>
      <c r="JZ29" s="61">
        <v>0</v>
      </c>
      <c r="KA29" s="62">
        <v>0</v>
      </c>
      <c r="KB29" s="63">
        <v>0</v>
      </c>
      <c r="KC29" s="60">
        <v>26</v>
      </c>
      <c r="KD29" s="61">
        <v>20</v>
      </c>
      <c r="KE29" s="62">
        <v>46</v>
      </c>
      <c r="KF29" s="443">
        <v>0</v>
      </c>
      <c r="KG29" s="61">
        <v>29</v>
      </c>
      <c r="KH29" s="61">
        <v>22</v>
      </c>
      <c r="KI29" s="61">
        <v>19</v>
      </c>
      <c r="KJ29" s="61">
        <v>12</v>
      </c>
      <c r="KK29" s="61">
        <v>8</v>
      </c>
      <c r="KL29" s="62">
        <v>90</v>
      </c>
      <c r="KM29" s="63">
        <v>136</v>
      </c>
    </row>
    <row r="30" spans="2:299" ht="21" customHeight="1" x14ac:dyDescent="0.2">
      <c r="B30" s="437" t="s">
        <v>27</v>
      </c>
      <c r="C30" s="287">
        <v>21</v>
      </c>
      <c r="D30" s="72">
        <v>26</v>
      </c>
      <c r="E30" s="73">
        <v>47</v>
      </c>
      <c r="F30" s="443">
        <v>0</v>
      </c>
      <c r="G30" s="72">
        <v>22</v>
      </c>
      <c r="H30" s="72">
        <v>16</v>
      </c>
      <c r="I30" s="72">
        <v>11</v>
      </c>
      <c r="J30" s="72">
        <v>15</v>
      </c>
      <c r="K30" s="72">
        <v>8</v>
      </c>
      <c r="L30" s="74">
        <v>72</v>
      </c>
      <c r="M30" s="75">
        <v>119</v>
      </c>
      <c r="N30" s="60">
        <v>0</v>
      </c>
      <c r="O30" s="61">
        <v>0</v>
      </c>
      <c r="P30" s="62">
        <v>0</v>
      </c>
      <c r="Q30" s="443">
        <v>0</v>
      </c>
      <c r="R30" s="61">
        <v>0</v>
      </c>
      <c r="S30" s="61">
        <v>0</v>
      </c>
      <c r="T30" s="61">
        <v>0</v>
      </c>
      <c r="U30" s="61">
        <v>0</v>
      </c>
      <c r="V30" s="61">
        <v>1</v>
      </c>
      <c r="W30" s="62">
        <v>1</v>
      </c>
      <c r="X30" s="63">
        <v>1</v>
      </c>
      <c r="Y30" s="60">
        <v>1</v>
      </c>
      <c r="Z30" s="61">
        <v>2</v>
      </c>
      <c r="AA30" s="62">
        <v>3</v>
      </c>
      <c r="AB30" s="443">
        <v>0</v>
      </c>
      <c r="AC30" s="61">
        <v>2</v>
      </c>
      <c r="AD30" s="61">
        <v>0</v>
      </c>
      <c r="AE30" s="61">
        <v>0</v>
      </c>
      <c r="AF30" s="61">
        <v>0</v>
      </c>
      <c r="AG30" s="61">
        <v>0</v>
      </c>
      <c r="AH30" s="62">
        <v>2</v>
      </c>
      <c r="AI30" s="63">
        <v>5</v>
      </c>
      <c r="AJ30" s="60">
        <v>1</v>
      </c>
      <c r="AK30" s="61">
        <v>4</v>
      </c>
      <c r="AL30" s="62">
        <v>5</v>
      </c>
      <c r="AM30" s="443">
        <v>0</v>
      </c>
      <c r="AN30" s="61">
        <v>0</v>
      </c>
      <c r="AO30" s="61">
        <v>1</v>
      </c>
      <c r="AP30" s="61">
        <v>0</v>
      </c>
      <c r="AQ30" s="61">
        <v>0</v>
      </c>
      <c r="AR30" s="61">
        <v>1</v>
      </c>
      <c r="AS30" s="62">
        <v>2</v>
      </c>
      <c r="AT30" s="63">
        <v>7</v>
      </c>
      <c r="AU30" s="60">
        <v>4</v>
      </c>
      <c r="AV30" s="61">
        <v>4</v>
      </c>
      <c r="AW30" s="62">
        <v>8</v>
      </c>
      <c r="AX30" s="443">
        <v>0</v>
      </c>
      <c r="AY30" s="61">
        <v>5</v>
      </c>
      <c r="AZ30" s="61">
        <v>4</v>
      </c>
      <c r="BA30" s="61">
        <v>5</v>
      </c>
      <c r="BB30" s="61">
        <v>2</v>
      </c>
      <c r="BC30" s="61">
        <v>1</v>
      </c>
      <c r="BD30" s="62">
        <v>17</v>
      </c>
      <c r="BE30" s="63">
        <v>25</v>
      </c>
      <c r="BF30" s="60">
        <v>9</v>
      </c>
      <c r="BG30" s="61">
        <v>6</v>
      </c>
      <c r="BH30" s="62">
        <v>15</v>
      </c>
      <c r="BI30" s="443">
        <v>0</v>
      </c>
      <c r="BJ30" s="61">
        <v>6</v>
      </c>
      <c r="BK30" s="61">
        <v>4</v>
      </c>
      <c r="BL30" s="61">
        <v>4</v>
      </c>
      <c r="BM30" s="61">
        <v>6</v>
      </c>
      <c r="BN30" s="61">
        <v>2</v>
      </c>
      <c r="BO30" s="62">
        <v>22</v>
      </c>
      <c r="BP30" s="63">
        <v>37</v>
      </c>
      <c r="BQ30" s="60">
        <v>6</v>
      </c>
      <c r="BR30" s="61">
        <v>10</v>
      </c>
      <c r="BS30" s="62">
        <v>16</v>
      </c>
      <c r="BT30" s="443">
        <v>0</v>
      </c>
      <c r="BU30" s="61">
        <v>9</v>
      </c>
      <c r="BV30" s="61">
        <v>7</v>
      </c>
      <c r="BW30" s="61">
        <v>2</v>
      </c>
      <c r="BX30" s="61">
        <v>7</v>
      </c>
      <c r="BY30" s="61">
        <v>3</v>
      </c>
      <c r="BZ30" s="62">
        <v>28</v>
      </c>
      <c r="CA30" s="63">
        <v>44</v>
      </c>
      <c r="CB30" s="60">
        <v>0</v>
      </c>
      <c r="CC30" s="61">
        <v>0</v>
      </c>
      <c r="CD30" s="62">
        <v>0</v>
      </c>
      <c r="CE30" s="443">
        <v>0</v>
      </c>
      <c r="CF30" s="61">
        <v>0</v>
      </c>
      <c r="CG30" s="61">
        <v>0</v>
      </c>
      <c r="CH30" s="61">
        <v>0</v>
      </c>
      <c r="CI30" s="61">
        <v>0</v>
      </c>
      <c r="CJ30" s="61">
        <v>0</v>
      </c>
      <c r="CK30" s="62">
        <v>0</v>
      </c>
      <c r="CL30" s="63">
        <v>0</v>
      </c>
      <c r="CM30" s="60">
        <v>21</v>
      </c>
      <c r="CN30" s="61">
        <v>26</v>
      </c>
      <c r="CO30" s="62">
        <v>47</v>
      </c>
      <c r="CP30" s="443">
        <v>0</v>
      </c>
      <c r="CQ30" s="61">
        <v>22</v>
      </c>
      <c r="CR30" s="61">
        <v>16</v>
      </c>
      <c r="CS30" s="61">
        <v>11</v>
      </c>
      <c r="CT30" s="61">
        <v>15</v>
      </c>
      <c r="CU30" s="61">
        <v>8</v>
      </c>
      <c r="CV30" s="62">
        <v>72</v>
      </c>
      <c r="CW30" s="63">
        <v>119</v>
      </c>
      <c r="CX30" s="113">
        <v>4</v>
      </c>
      <c r="CY30" s="72">
        <v>5</v>
      </c>
      <c r="CZ30" s="73">
        <v>9</v>
      </c>
      <c r="DA30" s="443">
        <v>0</v>
      </c>
      <c r="DB30" s="72">
        <v>3</v>
      </c>
      <c r="DC30" s="72">
        <v>2</v>
      </c>
      <c r="DD30" s="72">
        <v>1</v>
      </c>
      <c r="DE30" s="72">
        <v>3</v>
      </c>
      <c r="DF30" s="72">
        <v>1</v>
      </c>
      <c r="DG30" s="74">
        <v>10</v>
      </c>
      <c r="DH30" s="75">
        <v>19</v>
      </c>
      <c r="DI30" s="60">
        <v>0</v>
      </c>
      <c r="DJ30" s="61">
        <v>0</v>
      </c>
      <c r="DK30" s="62">
        <v>0</v>
      </c>
      <c r="DL30" s="443">
        <v>0</v>
      </c>
      <c r="DM30" s="61">
        <v>0</v>
      </c>
      <c r="DN30" s="61">
        <v>0</v>
      </c>
      <c r="DO30" s="61">
        <v>0</v>
      </c>
      <c r="DP30" s="61">
        <v>0</v>
      </c>
      <c r="DQ30" s="61">
        <v>0</v>
      </c>
      <c r="DR30" s="62">
        <v>0</v>
      </c>
      <c r="DS30" s="63">
        <v>0</v>
      </c>
      <c r="DT30" s="60">
        <v>0</v>
      </c>
      <c r="DU30" s="61">
        <v>0</v>
      </c>
      <c r="DV30" s="62">
        <v>0</v>
      </c>
      <c r="DW30" s="443">
        <v>0</v>
      </c>
      <c r="DX30" s="61">
        <v>0</v>
      </c>
      <c r="DY30" s="61">
        <v>0</v>
      </c>
      <c r="DZ30" s="61">
        <v>0</v>
      </c>
      <c r="EA30" s="61">
        <v>1</v>
      </c>
      <c r="EB30" s="61">
        <v>0</v>
      </c>
      <c r="EC30" s="62">
        <v>1</v>
      </c>
      <c r="ED30" s="63">
        <v>1</v>
      </c>
      <c r="EE30" s="60">
        <v>0</v>
      </c>
      <c r="EF30" s="61">
        <v>0</v>
      </c>
      <c r="EG30" s="62">
        <v>0</v>
      </c>
      <c r="EH30" s="443">
        <v>0</v>
      </c>
      <c r="EI30" s="61">
        <v>0</v>
      </c>
      <c r="EJ30" s="61">
        <v>0</v>
      </c>
      <c r="EK30" s="61">
        <v>0</v>
      </c>
      <c r="EL30" s="61">
        <v>0</v>
      </c>
      <c r="EM30" s="61">
        <v>0</v>
      </c>
      <c r="EN30" s="62">
        <v>0</v>
      </c>
      <c r="EO30" s="63">
        <v>0</v>
      </c>
      <c r="EP30" s="60">
        <v>1</v>
      </c>
      <c r="EQ30" s="61">
        <v>0</v>
      </c>
      <c r="ER30" s="62">
        <v>1</v>
      </c>
      <c r="ES30" s="443">
        <v>0</v>
      </c>
      <c r="ET30" s="61">
        <v>1</v>
      </c>
      <c r="EU30" s="61">
        <v>0</v>
      </c>
      <c r="EV30" s="61">
        <v>0</v>
      </c>
      <c r="EW30" s="61">
        <v>0</v>
      </c>
      <c r="EX30" s="61">
        <v>0</v>
      </c>
      <c r="EY30" s="62">
        <v>1</v>
      </c>
      <c r="EZ30" s="63">
        <v>2</v>
      </c>
      <c r="FA30" s="60">
        <v>0</v>
      </c>
      <c r="FB30" s="61">
        <v>1</v>
      </c>
      <c r="FC30" s="62">
        <v>1</v>
      </c>
      <c r="FD30" s="443">
        <v>0</v>
      </c>
      <c r="FE30" s="61">
        <v>2</v>
      </c>
      <c r="FF30" s="61">
        <v>1</v>
      </c>
      <c r="FG30" s="61">
        <v>0</v>
      </c>
      <c r="FH30" s="61">
        <v>0</v>
      </c>
      <c r="FI30" s="61">
        <v>0</v>
      </c>
      <c r="FJ30" s="62">
        <v>3</v>
      </c>
      <c r="FK30" s="63">
        <v>4</v>
      </c>
      <c r="FL30" s="60">
        <v>3</v>
      </c>
      <c r="FM30" s="61">
        <v>4</v>
      </c>
      <c r="FN30" s="62">
        <v>7</v>
      </c>
      <c r="FO30" s="443">
        <v>0</v>
      </c>
      <c r="FP30" s="61">
        <v>0</v>
      </c>
      <c r="FQ30" s="61">
        <v>1</v>
      </c>
      <c r="FR30" s="61">
        <v>1</v>
      </c>
      <c r="FS30" s="61">
        <v>2</v>
      </c>
      <c r="FT30" s="61">
        <v>1</v>
      </c>
      <c r="FU30" s="62">
        <v>5</v>
      </c>
      <c r="FV30" s="63">
        <v>12</v>
      </c>
      <c r="FW30" s="60">
        <v>0</v>
      </c>
      <c r="FX30" s="61">
        <v>0</v>
      </c>
      <c r="FY30" s="62">
        <v>0</v>
      </c>
      <c r="FZ30" s="443">
        <v>0</v>
      </c>
      <c r="GA30" s="61">
        <v>0</v>
      </c>
      <c r="GB30" s="61">
        <v>0</v>
      </c>
      <c r="GC30" s="61">
        <v>0</v>
      </c>
      <c r="GD30" s="61">
        <v>0</v>
      </c>
      <c r="GE30" s="61">
        <v>0</v>
      </c>
      <c r="GF30" s="62">
        <v>0</v>
      </c>
      <c r="GG30" s="63">
        <v>0</v>
      </c>
      <c r="GH30" s="60">
        <v>4</v>
      </c>
      <c r="GI30" s="61">
        <v>5</v>
      </c>
      <c r="GJ30" s="62">
        <v>9</v>
      </c>
      <c r="GK30" s="443">
        <v>0</v>
      </c>
      <c r="GL30" s="61">
        <v>3</v>
      </c>
      <c r="GM30" s="61">
        <v>2</v>
      </c>
      <c r="GN30" s="61">
        <v>1</v>
      </c>
      <c r="GO30" s="61">
        <v>3</v>
      </c>
      <c r="GP30" s="61">
        <v>1</v>
      </c>
      <c r="GQ30" s="62">
        <v>10</v>
      </c>
      <c r="GR30" s="63">
        <v>19</v>
      </c>
      <c r="GS30" s="113">
        <v>25</v>
      </c>
      <c r="GT30" s="72">
        <v>31</v>
      </c>
      <c r="GU30" s="73">
        <v>56</v>
      </c>
      <c r="GV30" s="443">
        <v>0</v>
      </c>
      <c r="GW30" s="72">
        <v>25</v>
      </c>
      <c r="GX30" s="72">
        <v>18</v>
      </c>
      <c r="GY30" s="72">
        <v>12</v>
      </c>
      <c r="GZ30" s="72">
        <v>18</v>
      </c>
      <c r="HA30" s="72">
        <v>9</v>
      </c>
      <c r="HB30" s="74">
        <v>82</v>
      </c>
      <c r="HC30" s="75">
        <v>138</v>
      </c>
      <c r="HD30" s="60">
        <v>0</v>
      </c>
      <c r="HE30" s="61">
        <v>0</v>
      </c>
      <c r="HF30" s="62">
        <v>0</v>
      </c>
      <c r="HG30" s="443">
        <v>0</v>
      </c>
      <c r="HH30" s="61">
        <v>0</v>
      </c>
      <c r="HI30" s="61">
        <v>0</v>
      </c>
      <c r="HJ30" s="61">
        <v>0</v>
      </c>
      <c r="HK30" s="61">
        <v>0</v>
      </c>
      <c r="HL30" s="61">
        <v>1</v>
      </c>
      <c r="HM30" s="62">
        <v>1</v>
      </c>
      <c r="HN30" s="63">
        <v>1</v>
      </c>
      <c r="HO30" s="60">
        <v>1</v>
      </c>
      <c r="HP30" s="61">
        <v>2</v>
      </c>
      <c r="HQ30" s="62">
        <v>3</v>
      </c>
      <c r="HR30" s="443">
        <v>0</v>
      </c>
      <c r="HS30" s="61">
        <v>2</v>
      </c>
      <c r="HT30" s="61">
        <v>0</v>
      </c>
      <c r="HU30" s="61">
        <v>0</v>
      </c>
      <c r="HV30" s="61">
        <v>1</v>
      </c>
      <c r="HW30" s="61">
        <v>0</v>
      </c>
      <c r="HX30" s="62">
        <v>3</v>
      </c>
      <c r="HY30" s="63">
        <v>6</v>
      </c>
      <c r="HZ30" s="60">
        <v>1</v>
      </c>
      <c r="IA30" s="61">
        <v>4</v>
      </c>
      <c r="IB30" s="62">
        <v>5</v>
      </c>
      <c r="IC30" s="443">
        <v>0</v>
      </c>
      <c r="ID30" s="61">
        <v>0</v>
      </c>
      <c r="IE30" s="61">
        <v>1</v>
      </c>
      <c r="IF30" s="61">
        <v>0</v>
      </c>
      <c r="IG30" s="61">
        <v>0</v>
      </c>
      <c r="IH30" s="61">
        <v>1</v>
      </c>
      <c r="II30" s="62">
        <v>2</v>
      </c>
      <c r="IJ30" s="63">
        <v>7</v>
      </c>
      <c r="IK30" s="60">
        <v>5</v>
      </c>
      <c r="IL30" s="61">
        <v>4</v>
      </c>
      <c r="IM30" s="62">
        <v>9</v>
      </c>
      <c r="IN30" s="443">
        <v>0</v>
      </c>
      <c r="IO30" s="61">
        <v>6</v>
      </c>
      <c r="IP30" s="61">
        <v>4</v>
      </c>
      <c r="IQ30" s="61">
        <v>5</v>
      </c>
      <c r="IR30" s="61">
        <v>2</v>
      </c>
      <c r="IS30" s="61">
        <v>1</v>
      </c>
      <c r="IT30" s="62">
        <v>18</v>
      </c>
      <c r="IU30" s="63">
        <v>27</v>
      </c>
      <c r="IV30" s="60">
        <v>9</v>
      </c>
      <c r="IW30" s="61">
        <v>7</v>
      </c>
      <c r="IX30" s="62">
        <v>16</v>
      </c>
      <c r="IY30" s="443">
        <v>0</v>
      </c>
      <c r="IZ30" s="61">
        <v>8</v>
      </c>
      <c r="JA30" s="61">
        <v>5</v>
      </c>
      <c r="JB30" s="61">
        <v>4</v>
      </c>
      <c r="JC30" s="61">
        <v>6</v>
      </c>
      <c r="JD30" s="61">
        <v>2</v>
      </c>
      <c r="JE30" s="62">
        <v>25</v>
      </c>
      <c r="JF30" s="63">
        <v>41</v>
      </c>
      <c r="JG30" s="60">
        <v>9</v>
      </c>
      <c r="JH30" s="61">
        <v>14</v>
      </c>
      <c r="JI30" s="62">
        <v>23</v>
      </c>
      <c r="JJ30" s="443">
        <v>0</v>
      </c>
      <c r="JK30" s="61">
        <v>9</v>
      </c>
      <c r="JL30" s="61">
        <v>8</v>
      </c>
      <c r="JM30" s="61">
        <v>3</v>
      </c>
      <c r="JN30" s="61">
        <v>9</v>
      </c>
      <c r="JO30" s="61">
        <v>4</v>
      </c>
      <c r="JP30" s="62">
        <v>33</v>
      </c>
      <c r="JQ30" s="63">
        <v>56</v>
      </c>
      <c r="JR30" s="60">
        <v>0</v>
      </c>
      <c r="JS30" s="61">
        <v>0</v>
      </c>
      <c r="JT30" s="62">
        <v>0</v>
      </c>
      <c r="JU30" s="443">
        <v>0</v>
      </c>
      <c r="JV30" s="61">
        <v>0</v>
      </c>
      <c r="JW30" s="61">
        <v>0</v>
      </c>
      <c r="JX30" s="61">
        <v>0</v>
      </c>
      <c r="JY30" s="61">
        <v>0</v>
      </c>
      <c r="JZ30" s="61">
        <v>0</v>
      </c>
      <c r="KA30" s="62">
        <v>0</v>
      </c>
      <c r="KB30" s="63">
        <v>0</v>
      </c>
      <c r="KC30" s="60">
        <v>25</v>
      </c>
      <c r="KD30" s="61">
        <v>31</v>
      </c>
      <c r="KE30" s="62">
        <v>56</v>
      </c>
      <c r="KF30" s="443">
        <v>0</v>
      </c>
      <c r="KG30" s="61">
        <v>25</v>
      </c>
      <c r="KH30" s="61">
        <v>18</v>
      </c>
      <c r="KI30" s="61">
        <v>12</v>
      </c>
      <c r="KJ30" s="61">
        <v>18</v>
      </c>
      <c r="KK30" s="61">
        <v>9</v>
      </c>
      <c r="KL30" s="62">
        <v>82</v>
      </c>
      <c r="KM30" s="63">
        <v>138</v>
      </c>
    </row>
    <row r="31" spans="2:299" ht="21" customHeight="1" x14ac:dyDescent="0.2">
      <c r="B31" s="437" t="s">
        <v>28</v>
      </c>
      <c r="C31" s="287">
        <v>1</v>
      </c>
      <c r="D31" s="72">
        <v>5</v>
      </c>
      <c r="E31" s="73">
        <v>6</v>
      </c>
      <c r="F31" s="443">
        <v>0</v>
      </c>
      <c r="G31" s="72">
        <v>11</v>
      </c>
      <c r="H31" s="72">
        <v>9</v>
      </c>
      <c r="I31" s="72">
        <v>2</v>
      </c>
      <c r="J31" s="72">
        <v>2</v>
      </c>
      <c r="K31" s="72">
        <v>1</v>
      </c>
      <c r="L31" s="74">
        <v>25</v>
      </c>
      <c r="M31" s="75">
        <v>31</v>
      </c>
      <c r="N31" s="60">
        <v>0</v>
      </c>
      <c r="O31" s="61">
        <v>0</v>
      </c>
      <c r="P31" s="62">
        <v>0</v>
      </c>
      <c r="Q31" s="443">
        <v>0</v>
      </c>
      <c r="R31" s="61">
        <v>0</v>
      </c>
      <c r="S31" s="61">
        <v>0</v>
      </c>
      <c r="T31" s="61">
        <v>0</v>
      </c>
      <c r="U31" s="61">
        <v>0</v>
      </c>
      <c r="V31" s="61">
        <v>0</v>
      </c>
      <c r="W31" s="62">
        <v>0</v>
      </c>
      <c r="X31" s="63">
        <v>0</v>
      </c>
      <c r="Y31" s="60">
        <v>0</v>
      </c>
      <c r="Z31" s="61">
        <v>0</v>
      </c>
      <c r="AA31" s="62">
        <v>0</v>
      </c>
      <c r="AB31" s="443">
        <v>0</v>
      </c>
      <c r="AC31" s="61">
        <v>0</v>
      </c>
      <c r="AD31" s="61">
        <v>0</v>
      </c>
      <c r="AE31" s="61">
        <v>0</v>
      </c>
      <c r="AF31" s="61">
        <v>0</v>
      </c>
      <c r="AG31" s="61">
        <v>0</v>
      </c>
      <c r="AH31" s="62">
        <v>0</v>
      </c>
      <c r="AI31" s="63">
        <v>0</v>
      </c>
      <c r="AJ31" s="60">
        <v>0</v>
      </c>
      <c r="AK31" s="61">
        <v>1</v>
      </c>
      <c r="AL31" s="62">
        <v>1</v>
      </c>
      <c r="AM31" s="443">
        <v>0</v>
      </c>
      <c r="AN31" s="61">
        <v>2</v>
      </c>
      <c r="AO31" s="61">
        <v>2</v>
      </c>
      <c r="AP31" s="61">
        <v>0</v>
      </c>
      <c r="AQ31" s="61">
        <v>0</v>
      </c>
      <c r="AR31" s="61">
        <v>0</v>
      </c>
      <c r="AS31" s="62">
        <v>4</v>
      </c>
      <c r="AT31" s="63">
        <v>5</v>
      </c>
      <c r="AU31" s="60">
        <v>1</v>
      </c>
      <c r="AV31" s="61">
        <v>2</v>
      </c>
      <c r="AW31" s="62">
        <v>3</v>
      </c>
      <c r="AX31" s="443">
        <v>0</v>
      </c>
      <c r="AY31" s="61">
        <v>3</v>
      </c>
      <c r="AZ31" s="61">
        <v>2</v>
      </c>
      <c r="BA31" s="61">
        <v>0</v>
      </c>
      <c r="BB31" s="61">
        <v>0</v>
      </c>
      <c r="BC31" s="61">
        <v>0</v>
      </c>
      <c r="BD31" s="62">
        <v>5</v>
      </c>
      <c r="BE31" s="63">
        <v>8</v>
      </c>
      <c r="BF31" s="60">
        <v>0</v>
      </c>
      <c r="BG31" s="61">
        <v>2</v>
      </c>
      <c r="BH31" s="62">
        <v>2</v>
      </c>
      <c r="BI31" s="443">
        <v>0</v>
      </c>
      <c r="BJ31" s="61">
        <v>4</v>
      </c>
      <c r="BK31" s="61">
        <v>3</v>
      </c>
      <c r="BL31" s="61">
        <v>1</v>
      </c>
      <c r="BM31" s="61">
        <v>0</v>
      </c>
      <c r="BN31" s="61">
        <v>0</v>
      </c>
      <c r="BO31" s="62">
        <v>8</v>
      </c>
      <c r="BP31" s="63">
        <v>10</v>
      </c>
      <c r="BQ31" s="60">
        <v>0</v>
      </c>
      <c r="BR31" s="61">
        <v>0</v>
      </c>
      <c r="BS31" s="62">
        <v>0</v>
      </c>
      <c r="BT31" s="443">
        <v>0</v>
      </c>
      <c r="BU31" s="61">
        <v>2</v>
      </c>
      <c r="BV31" s="61">
        <v>2</v>
      </c>
      <c r="BW31" s="61">
        <v>1</v>
      </c>
      <c r="BX31" s="61">
        <v>2</v>
      </c>
      <c r="BY31" s="61">
        <v>1</v>
      </c>
      <c r="BZ31" s="62">
        <v>8</v>
      </c>
      <c r="CA31" s="63">
        <v>8</v>
      </c>
      <c r="CB31" s="60">
        <v>0</v>
      </c>
      <c r="CC31" s="61">
        <v>0</v>
      </c>
      <c r="CD31" s="62">
        <v>0</v>
      </c>
      <c r="CE31" s="443">
        <v>0</v>
      </c>
      <c r="CF31" s="61">
        <v>0</v>
      </c>
      <c r="CG31" s="61">
        <v>0</v>
      </c>
      <c r="CH31" s="61">
        <v>0</v>
      </c>
      <c r="CI31" s="61">
        <v>0</v>
      </c>
      <c r="CJ31" s="61">
        <v>0</v>
      </c>
      <c r="CK31" s="62">
        <v>0</v>
      </c>
      <c r="CL31" s="63">
        <v>0</v>
      </c>
      <c r="CM31" s="60">
        <v>1</v>
      </c>
      <c r="CN31" s="61">
        <v>5</v>
      </c>
      <c r="CO31" s="62">
        <v>6</v>
      </c>
      <c r="CP31" s="443">
        <v>0</v>
      </c>
      <c r="CQ31" s="61">
        <v>11</v>
      </c>
      <c r="CR31" s="61">
        <v>9</v>
      </c>
      <c r="CS31" s="61">
        <v>2</v>
      </c>
      <c r="CT31" s="61">
        <v>2</v>
      </c>
      <c r="CU31" s="61">
        <v>1</v>
      </c>
      <c r="CV31" s="62">
        <v>25</v>
      </c>
      <c r="CW31" s="63">
        <v>31</v>
      </c>
      <c r="CX31" s="113">
        <v>0</v>
      </c>
      <c r="CY31" s="72">
        <v>0</v>
      </c>
      <c r="CZ31" s="73">
        <v>0</v>
      </c>
      <c r="DA31" s="443">
        <v>0</v>
      </c>
      <c r="DB31" s="72">
        <v>1</v>
      </c>
      <c r="DC31" s="72">
        <v>1</v>
      </c>
      <c r="DD31" s="72">
        <v>0</v>
      </c>
      <c r="DE31" s="72">
        <v>2</v>
      </c>
      <c r="DF31" s="72">
        <v>2</v>
      </c>
      <c r="DG31" s="74">
        <v>6</v>
      </c>
      <c r="DH31" s="75">
        <v>6</v>
      </c>
      <c r="DI31" s="60">
        <v>0</v>
      </c>
      <c r="DJ31" s="61">
        <v>0</v>
      </c>
      <c r="DK31" s="62">
        <v>0</v>
      </c>
      <c r="DL31" s="443">
        <v>0</v>
      </c>
      <c r="DM31" s="61">
        <v>0</v>
      </c>
      <c r="DN31" s="61">
        <v>0</v>
      </c>
      <c r="DO31" s="61">
        <v>0</v>
      </c>
      <c r="DP31" s="61">
        <v>0</v>
      </c>
      <c r="DQ31" s="61">
        <v>0</v>
      </c>
      <c r="DR31" s="62">
        <v>0</v>
      </c>
      <c r="DS31" s="63">
        <v>0</v>
      </c>
      <c r="DT31" s="60">
        <v>0</v>
      </c>
      <c r="DU31" s="61">
        <v>0</v>
      </c>
      <c r="DV31" s="62">
        <v>0</v>
      </c>
      <c r="DW31" s="443">
        <v>0</v>
      </c>
      <c r="DX31" s="61">
        <v>0</v>
      </c>
      <c r="DY31" s="61">
        <v>0</v>
      </c>
      <c r="DZ31" s="61">
        <v>0</v>
      </c>
      <c r="EA31" s="61">
        <v>1</v>
      </c>
      <c r="EB31" s="61">
        <v>0</v>
      </c>
      <c r="EC31" s="62">
        <v>1</v>
      </c>
      <c r="ED31" s="63">
        <v>1</v>
      </c>
      <c r="EE31" s="60">
        <v>0</v>
      </c>
      <c r="EF31" s="61">
        <v>0</v>
      </c>
      <c r="EG31" s="62">
        <v>0</v>
      </c>
      <c r="EH31" s="443">
        <v>0</v>
      </c>
      <c r="EI31" s="61">
        <v>0</v>
      </c>
      <c r="EJ31" s="61">
        <v>0</v>
      </c>
      <c r="EK31" s="61">
        <v>0</v>
      </c>
      <c r="EL31" s="61">
        <v>0</v>
      </c>
      <c r="EM31" s="61">
        <v>0</v>
      </c>
      <c r="EN31" s="62">
        <v>0</v>
      </c>
      <c r="EO31" s="63">
        <v>0</v>
      </c>
      <c r="EP31" s="60">
        <v>0</v>
      </c>
      <c r="EQ31" s="61">
        <v>0</v>
      </c>
      <c r="ER31" s="62">
        <v>0</v>
      </c>
      <c r="ES31" s="443">
        <v>0</v>
      </c>
      <c r="ET31" s="61">
        <v>0</v>
      </c>
      <c r="EU31" s="61">
        <v>0</v>
      </c>
      <c r="EV31" s="61">
        <v>0</v>
      </c>
      <c r="EW31" s="61">
        <v>0</v>
      </c>
      <c r="EX31" s="61">
        <v>0</v>
      </c>
      <c r="EY31" s="62">
        <v>0</v>
      </c>
      <c r="EZ31" s="63">
        <v>0</v>
      </c>
      <c r="FA31" s="60">
        <v>0</v>
      </c>
      <c r="FB31" s="61">
        <v>0</v>
      </c>
      <c r="FC31" s="62">
        <v>0</v>
      </c>
      <c r="FD31" s="443">
        <v>0</v>
      </c>
      <c r="FE31" s="61">
        <v>1</v>
      </c>
      <c r="FF31" s="61">
        <v>1</v>
      </c>
      <c r="FG31" s="61">
        <v>0</v>
      </c>
      <c r="FH31" s="61">
        <v>0</v>
      </c>
      <c r="FI31" s="61">
        <v>1</v>
      </c>
      <c r="FJ31" s="62">
        <v>3</v>
      </c>
      <c r="FK31" s="63">
        <v>3</v>
      </c>
      <c r="FL31" s="60">
        <v>0</v>
      </c>
      <c r="FM31" s="61">
        <v>0</v>
      </c>
      <c r="FN31" s="62">
        <v>0</v>
      </c>
      <c r="FO31" s="443">
        <v>0</v>
      </c>
      <c r="FP31" s="61">
        <v>0</v>
      </c>
      <c r="FQ31" s="61">
        <v>0</v>
      </c>
      <c r="FR31" s="61">
        <v>0</v>
      </c>
      <c r="FS31" s="61">
        <v>1</v>
      </c>
      <c r="FT31" s="61">
        <v>1</v>
      </c>
      <c r="FU31" s="62">
        <v>2</v>
      </c>
      <c r="FV31" s="63">
        <v>2</v>
      </c>
      <c r="FW31" s="60">
        <v>0</v>
      </c>
      <c r="FX31" s="61">
        <v>0</v>
      </c>
      <c r="FY31" s="62">
        <v>0</v>
      </c>
      <c r="FZ31" s="443">
        <v>0</v>
      </c>
      <c r="GA31" s="61">
        <v>0</v>
      </c>
      <c r="GB31" s="61">
        <v>0</v>
      </c>
      <c r="GC31" s="61">
        <v>0</v>
      </c>
      <c r="GD31" s="61">
        <v>0</v>
      </c>
      <c r="GE31" s="61">
        <v>0</v>
      </c>
      <c r="GF31" s="62">
        <v>0</v>
      </c>
      <c r="GG31" s="63">
        <v>0</v>
      </c>
      <c r="GH31" s="60">
        <v>0</v>
      </c>
      <c r="GI31" s="61">
        <v>0</v>
      </c>
      <c r="GJ31" s="62">
        <v>0</v>
      </c>
      <c r="GK31" s="443">
        <v>0</v>
      </c>
      <c r="GL31" s="61">
        <v>1</v>
      </c>
      <c r="GM31" s="61">
        <v>1</v>
      </c>
      <c r="GN31" s="61">
        <v>0</v>
      </c>
      <c r="GO31" s="61">
        <v>2</v>
      </c>
      <c r="GP31" s="61">
        <v>2</v>
      </c>
      <c r="GQ31" s="62">
        <v>6</v>
      </c>
      <c r="GR31" s="63">
        <v>6</v>
      </c>
      <c r="GS31" s="113">
        <v>1</v>
      </c>
      <c r="GT31" s="72">
        <v>5</v>
      </c>
      <c r="GU31" s="73">
        <v>6</v>
      </c>
      <c r="GV31" s="443">
        <v>0</v>
      </c>
      <c r="GW31" s="72">
        <v>12</v>
      </c>
      <c r="GX31" s="72">
        <v>10</v>
      </c>
      <c r="GY31" s="72">
        <v>2</v>
      </c>
      <c r="GZ31" s="72">
        <v>4</v>
      </c>
      <c r="HA31" s="72">
        <v>3</v>
      </c>
      <c r="HB31" s="74">
        <v>31</v>
      </c>
      <c r="HC31" s="75">
        <v>37</v>
      </c>
      <c r="HD31" s="60">
        <v>0</v>
      </c>
      <c r="HE31" s="61">
        <v>0</v>
      </c>
      <c r="HF31" s="62">
        <v>0</v>
      </c>
      <c r="HG31" s="443">
        <v>0</v>
      </c>
      <c r="HH31" s="61">
        <v>0</v>
      </c>
      <c r="HI31" s="61">
        <v>0</v>
      </c>
      <c r="HJ31" s="61">
        <v>0</v>
      </c>
      <c r="HK31" s="61">
        <v>0</v>
      </c>
      <c r="HL31" s="61">
        <v>0</v>
      </c>
      <c r="HM31" s="62">
        <v>0</v>
      </c>
      <c r="HN31" s="63">
        <v>0</v>
      </c>
      <c r="HO31" s="60">
        <v>0</v>
      </c>
      <c r="HP31" s="61">
        <v>0</v>
      </c>
      <c r="HQ31" s="62">
        <v>0</v>
      </c>
      <c r="HR31" s="443">
        <v>0</v>
      </c>
      <c r="HS31" s="61">
        <v>0</v>
      </c>
      <c r="HT31" s="61">
        <v>0</v>
      </c>
      <c r="HU31" s="61">
        <v>0</v>
      </c>
      <c r="HV31" s="61">
        <v>1</v>
      </c>
      <c r="HW31" s="61">
        <v>0</v>
      </c>
      <c r="HX31" s="62">
        <v>1</v>
      </c>
      <c r="HY31" s="63">
        <v>1</v>
      </c>
      <c r="HZ31" s="60">
        <v>0</v>
      </c>
      <c r="IA31" s="61">
        <v>1</v>
      </c>
      <c r="IB31" s="62">
        <v>1</v>
      </c>
      <c r="IC31" s="443">
        <v>0</v>
      </c>
      <c r="ID31" s="61">
        <v>2</v>
      </c>
      <c r="IE31" s="61">
        <v>2</v>
      </c>
      <c r="IF31" s="61">
        <v>0</v>
      </c>
      <c r="IG31" s="61">
        <v>0</v>
      </c>
      <c r="IH31" s="61">
        <v>0</v>
      </c>
      <c r="II31" s="62">
        <v>4</v>
      </c>
      <c r="IJ31" s="63">
        <v>5</v>
      </c>
      <c r="IK31" s="60">
        <v>1</v>
      </c>
      <c r="IL31" s="61">
        <v>2</v>
      </c>
      <c r="IM31" s="62">
        <v>3</v>
      </c>
      <c r="IN31" s="443">
        <v>0</v>
      </c>
      <c r="IO31" s="61">
        <v>3</v>
      </c>
      <c r="IP31" s="61">
        <v>2</v>
      </c>
      <c r="IQ31" s="61">
        <v>0</v>
      </c>
      <c r="IR31" s="61">
        <v>0</v>
      </c>
      <c r="IS31" s="61">
        <v>0</v>
      </c>
      <c r="IT31" s="62">
        <v>5</v>
      </c>
      <c r="IU31" s="63">
        <v>8</v>
      </c>
      <c r="IV31" s="60">
        <v>0</v>
      </c>
      <c r="IW31" s="61">
        <v>2</v>
      </c>
      <c r="IX31" s="62">
        <v>2</v>
      </c>
      <c r="IY31" s="443">
        <v>0</v>
      </c>
      <c r="IZ31" s="61">
        <v>5</v>
      </c>
      <c r="JA31" s="61">
        <v>4</v>
      </c>
      <c r="JB31" s="61">
        <v>1</v>
      </c>
      <c r="JC31" s="61">
        <v>0</v>
      </c>
      <c r="JD31" s="61">
        <v>1</v>
      </c>
      <c r="JE31" s="62">
        <v>11</v>
      </c>
      <c r="JF31" s="63">
        <v>13</v>
      </c>
      <c r="JG31" s="60">
        <v>0</v>
      </c>
      <c r="JH31" s="61">
        <v>0</v>
      </c>
      <c r="JI31" s="62">
        <v>0</v>
      </c>
      <c r="JJ31" s="443">
        <v>0</v>
      </c>
      <c r="JK31" s="61">
        <v>2</v>
      </c>
      <c r="JL31" s="61">
        <v>2</v>
      </c>
      <c r="JM31" s="61">
        <v>1</v>
      </c>
      <c r="JN31" s="61">
        <v>3</v>
      </c>
      <c r="JO31" s="61">
        <v>2</v>
      </c>
      <c r="JP31" s="62">
        <v>10</v>
      </c>
      <c r="JQ31" s="63">
        <v>10</v>
      </c>
      <c r="JR31" s="60">
        <v>0</v>
      </c>
      <c r="JS31" s="61">
        <v>0</v>
      </c>
      <c r="JT31" s="62">
        <v>0</v>
      </c>
      <c r="JU31" s="443">
        <v>0</v>
      </c>
      <c r="JV31" s="61">
        <v>0</v>
      </c>
      <c r="JW31" s="61">
        <v>0</v>
      </c>
      <c r="JX31" s="61">
        <v>0</v>
      </c>
      <c r="JY31" s="61">
        <v>0</v>
      </c>
      <c r="JZ31" s="61">
        <v>0</v>
      </c>
      <c r="KA31" s="62">
        <v>0</v>
      </c>
      <c r="KB31" s="63">
        <v>0</v>
      </c>
      <c r="KC31" s="60">
        <v>1</v>
      </c>
      <c r="KD31" s="61">
        <v>5</v>
      </c>
      <c r="KE31" s="62">
        <v>6</v>
      </c>
      <c r="KF31" s="443">
        <v>0</v>
      </c>
      <c r="KG31" s="61">
        <v>12</v>
      </c>
      <c r="KH31" s="61">
        <v>10</v>
      </c>
      <c r="KI31" s="61">
        <v>2</v>
      </c>
      <c r="KJ31" s="61">
        <v>4</v>
      </c>
      <c r="KK31" s="61">
        <v>3</v>
      </c>
      <c r="KL31" s="62">
        <v>31</v>
      </c>
      <c r="KM31" s="63">
        <v>37</v>
      </c>
    </row>
    <row r="32" spans="2:299" ht="21" customHeight="1" x14ac:dyDescent="0.2">
      <c r="B32" s="437" t="s">
        <v>29</v>
      </c>
      <c r="C32" s="287">
        <v>5</v>
      </c>
      <c r="D32" s="72">
        <v>2</v>
      </c>
      <c r="E32" s="73">
        <v>7</v>
      </c>
      <c r="F32" s="443">
        <v>0</v>
      </c>
      <c r="G32" s="72">
        <v>2</v>
      </c>
      <c r="H32" s="72">
        <v>4</v>
      </c>
      <c r="I32" s="72">
        <v>5</v>
      </c>
      <c r="J32" s="72">
        <v>3</v>
      </c>
      <c r="K32" s="72">
        <v>4</v>
      </c>
      <c r="L32" s="74">
        <v>18</v>
      </c>
      <c r="M32" s="75">
        <v>25</v>
      </c>
      <c r="N32" s="60">
        <v>0</v>
      </c>
      <c r="O32" s="61">
        <v>0</v>
      </c>
      <c r="P32" s="62">
        <v>0</v>
      </c>
      <c r="Q32" s="443">
        <v>0</v>
      </c>
      <c r="R32" s="61">
        <v>0</v>
      </c>
      <c r="S32" s="61">
        <v>0</v>
      </c>
      <c r="T32" s="61">
        <v>1</v>
      </c>
      <c r="U32" s="61">
        <v>0</v>
      </c>
      <c r="V32" s="61">
        <v>0</v>
      </c>
      <c r="W32" s="62">
        <v>1</v>
      </c>
      <c r="X32" s="63">
        <v>1</v>
      </c>
      <c r="Y32" s="60">
        <v>0</v>
      </c>
      <c r="Z32" s="61">
        <v>0</v>
      </c>
      <c r="AA32" s="62">
        <v>0</v>
      </c>
      <c r="AB32" s="443">
        <v>0</v>
      </c>
      <c r="AC32" s="61">
        <v>0</v>
      </c>
      <c r="AD32" s="61">
        <v>0</v>
      </c>
      <c r="AE32" s="61">
        <v>0</v>
      </c>
      <c r="AF32" s="61">
        <v>0</v>
      </c>
      <c r="AG32" s="61">
        <v>0</v>
      </c>
      <c r="AH32" s="62">
        <v>0</v>
      </c>
      <c r="AI32" s="63">
        <v>0</v>
      </c>
      <c r="AJ32" s="60">
        <v>0</v>
      </c>
      <c r="AK32" s="61">
        <v>0</v>
      </c>
      <c r="AL32" s="62">
        <v>0</v>
      </c>
      <c r="AM32" s="443">
        <v>0</v>
      </c>
      <c r="AN32" s="61">
        <v>0</v>
      </c>
      <c r="AO32" s="61">
        <v>0</v>
      </c>
      <c r="AP32" s="61">
        <v>0</v>
      </c>
      <c r="AQ32" s="61">
        <v>1</v>
      </c>
      <c r="AR32" s="61">
        <v>1</v>
      </c>
      <c r="AS32" s="62">
        <v>2</v>
      </c>
      <c r="AT32" s="63">
        <v>2</v>
      </c>
      <c r="AU32" s="60">
        <v>3</v>
      </c>
      <c r="AV32" s="61">
        <v>1</v>
      </c>
      <c r="AW32" s="62">
        <v>4</v>
      </c>
      <c r="AX32" s="443">
        <v>0</v>
      </c>
      <c r="AY32" s="61">
        <v>1</v>
      </c>
      <c r="AZ32" s="61">
        <v>0</v>
      </c>
      <c r="BA32" s="61">
        <v>0</v>
      </c>
      <c r="BB32" s="61">
        <v>1</v>
      </c>
      <c r="BC32" s="61">
        <v>1</v>
      </c>
      <c r="BD32" s="62">
        <v>3</v>
      </c>
      <c r="BE32" s="63">
        <v>7</v>
      </c>
      <c r="BF32" s="60">
        <v>1</v>
      </c>
      <c r="BG32" s="61">
        <v>1</v>
      </c>
      <c r="BH32" s="62">
        <v>2</v>
      </c>
      <c r="BI32" s="443">
        <v>0</v>
      </c>
      <c r="BJ32" s="61">
        <v>1</v>
      </c>
      <c r="BK32" s="61">
        <v>2</v>
      </c>
      <c r="BL32" s="61">
        <v>1</v>
      </c>
      <c r="BM32" s="61">
        <v>0</v>
      </c>
      <c r="BN32" s="61">
        <v>0</v>
      </c>
      <c r="BO32" s="62">
        <v>4</v>
      </c>
      <c r="BP32" s="63">
        <v>6</v>
      </c>
      <c r="BQ32" s="60">
        <v>1</v>
      </c>
      <c r="BR32" s="61">
        <v>0</v>
      </c>
      <c r="BS32" s="62">
        <v>1</v>
      </c>
      <c r="BT32" s="443">
        <v>0</v>
      </c>
      <c r="BU32" s="61">
        <v>0</v>
      </c>
      <c r="BV32" s="61">
        <v>2</v>
      </c>
      <c r="BW32" s="61">
        <v>3</v>
      </c>
      <c r="BX32" s="61">
        <v>1</v>
      </c>
      <c r="BY32" s="61">
        <v>2</v>
      </c>
      <c r="BZ32" s="62">
        <v>8</v>
      </c>
      <c r="CA32" s="63">
        <v>9</v>
      </c>
      <c r="CB32" s="60">
        <v>0</v>
      </c>
      <c r="CC32" s="61">
        <v>0</v>
      </c>
      <c r="CD32" s="62">
        <v>0</v>
      </c>
      <c r="CE32" s="443">
        <v>0</v>
      </c>
      <c r="CF32" s="61">
        <v>0</v>
      </c>
      <c r="CG32" s="61">
        <v>0</v>
      </c>
      <c r="CH32" s="61">
        <v>0</v>
      </c>
      <c r="CI32" s="61">
        <v>0</v>
      </c>
      <c r="CJ32" s="61">
        <v>0</v>
      </c>
      <c r="CK32" s="62">
        <v>0</v>
      </c>
      <c r="CL32" s="63">
        <v>0</v>
      </c>
      <c r="CM32" s="60">
        <v>5</v>
      </c>
      <c r="CN32" s="61">
        <v>2</v>
      </c>
      <c r="CO32" s="62">
        <v>7</v>
      </c>
      <c r="CP32" s="443">
        <v>0</v>
      </c>
      <c r="CQ32" s="61">
        <v>2</v>
      </c>
      <c r="CR32" s="61">
        <v>4</v>
      </c>
      <c r="CS32" s="61">
        <v>5</v>
      </c>
      <c r="CT32" s="61">
        <v>3</v>
      </c>
      <c r="CU32" s="61">
        <v>4</v>
      </c>
      <c r="CV32" s="62">
        <v>18</v>
      </c>
      <c r="CW32" s="63">
        <v>25</v>
      </c>
      <c r="CX32" s="113">
        <v>2</v>
      </c>
      <c r="CY32" s="72">
        <v>0</v>
      </c>
      <c r="CZ32" s="73">
        <v>2</v>
      </c>
      <c r="DA32" s="443">
        <v>0</v>
      </c>
      <c r="DB32" s="72">
        <v>1</v>
      </c>
      <c r="DC32" s="72">
        <v>2</v>
      </c>
      <c r="DD32" s="72">
        <v>1</v>
      </c>
      <c r="DE32" s="72">
        <v>1</v>
      </c>
      <c r="DF32" s="72">
        <v>0</v>
      </c>
      <c r="DG32" s="74">
        <v>5</v>
      </c>
      <c r="DH32" s="75">
        <v>7</v>
      </c>
      <c r="DI32" s="60">
        <v>0</v>
      </c>
      <c r="DJ32" s="61">
        <v>0</v>
      </c>
      <c r="DK32" s="62">
        <v>0</v>
      </c>
      <c r="DL32" s="443">
        <v>0</v>
      </c>
      <c r="DM32" s="61">
        <v>0</v>
      </c>
      <c r="DN32" s="61">
        <v>0</v>
      </c>
      <c r="DO32" s="61">
        <v>0</v>
      </c>
      <c r="DP32" s="61">
        <v>0</v>
      </c>
      <c r="DQ32" s="61">
        <v>0</v>
      </c>
      <c r="DR32" s="62">
        <v>0</v>
      </c>
      <c r="DS32" s="63">
        <v>0</v>
      </c>
      <c r="DT32" s="60">
        <v>0</v>
      </c>
      <c r="DU32" s="61">
        <v>0</v>
      </c>
      <c r="DV32" s="62">
        <v>0</v>
      </c>
      <c r="DW32" s="443">
        <v>0</v>
      </c>
      <c r="DX32" s="61">
        <v>0</v>
      </c>
      <c r="DY32" s="61">
        <v>1</v>
      </c>
      <c r="DZ32" s="61">
        <v>0</v>
      </c>
      <c r="EA32" s="61">
        <v>0</v>
      </c>
      <c r="EB32" s="61">
        <v>0</v>
      </c>
      <c r="EC32" s="62">
        <v>1</v>
      </c>
      <c r="ED32" s="63">
        <v>1</v>
      </c>
      <c r="EE32" s="60">
        <v>0</v>
      </c>
      <c r="EF32" s="61">
        <v>0</v>
      </c>
      <c r="EG32" s="62">
        <v>0</v>
      </c>
      <c r="EH32" s="443">
        <v>0</v>
      </c>
      <c r="EI32" s="61">
        <v>0</v>
      </c>
      <c r="EJ32" s="61">
        <v>0</v>
      </c>
      <c r="EK32" s="61">
        <v>0</v>
      </c>
      <c r="EL32" s="61">
        <v>0</v>
      </c>
      <c r="EM32" s="61">
        <v>0</v>
      </c>
      <c r="EN32" s="62">
        <v>0</v>
      </c>
      <c r="EO32" s="63">
        <v>0</v>
      </c>
      <c r="EP32" s="60">
        <v>2</v>
      </c>
      <c r="EQ32" s="61">
        <v>0</v>
      </c>
      <c r="ER32" s="62">
        <v>2</v>
      </c>
      <c r="ES32" s="443">
        <v>0</v>
      </c>
      <c r="ET32" s="61">
        <v>0</v>
      </c>
      <c r="EU32" s="61">
        <v>1</v>
      </c>
      <c r="EV32" s="61">
        <v>0</v>
      </c>
      <c r="EW32" s="61">
        <v>0</v>
      </c>
      <c r="EX32" s="61">
        <v>0</v>
      </c>
      <c r="EY32" s="62">
        <v>1</v>
      </c>
      <c r="EZ32" s="63">
        <v>3</v>
      </c>
      <c r="FA32" s="60">
        <v>0</v>
      </c>
      <c r="FB32" s="61">
        <v>0</v>
      </c>
      <c r="FC32" s="62">
        <v>0</v>
      </c>
      <c r="FD32" s="443">
        <v>0</v>
      </c>
      <c r="FE32" s="61">
        <v>0</v>
      </c>
      <c r="FF32" s="61">
        <v>0</v>
      </c>
      <c r="FG32" s="61">
        <v>0</v>
      </c>
      <c r="FH32" s="61">
        <v>0</v>
      </c>
      <c r="FI32" s="61">
        <v>0</v>
      </c>
      <c r="FJ32" s="62">
        <v>0</v>
      </c>
      <c r="FK32" s="63">
        <v>0</v>
      </c>
      <c r="FL32" s="60">
        <v>0</v>
      </c>
      <c r="FM32" s="61">
        <v>0</v>
      </c>
      <c r="FN32" s="62">
        <v>0</v>
      </c>
      <c r="FO32" s="443">
        <v>0</v>
      </c>
      <c r="FP32" s="61">
        <v>1</v>
      </c>
      <c r="FQ32" s="61">
        <v>0</v>
      </c>
      <c r="FR32" s="61">
        <v>1</v>
      </c>
      <c r="FS32" s="61">
        <v>1</v>
      </c>
      <c r="FT32" s="61">
        <v>0</v>
      </c>
      <c r="FU32" s="62">
        <v>3</v>
      </c>
      <c r="FV32" s="63">
        <v>3</v>
      </c>
      <c r="FW32" s="60">
        <v>0</v>
      </c>
      <c r="FX32" s="61">
        <v>0</v>
      </c>
      <c r="FY32" s="62">
        <v>0</v>
      </c>
      <c r="FZ32" s="443">
        <v>0</v>
      </c>
      <c r="GA32" s="61">
        <v>0</v>
      </c>
      <c r="GB32" s="61">
        <v>0</v>
      </c>
      <c r="GC32" s="61">
        <v>0</v>
      </c>
      <c r="GD32" s="61">
        <v>0</v>
      </c>
      <c r="GE32" s="61">
        <v>0</v>
      </c>
      <c r="GF32" s="62">
        <v>0</v>
      </c>
      <c r="GG32" s="63">
        <v>0</v>
      </c>
      <c r="GH32" s="60">
        <v>2</v>
      </c>
      <c r="GI32" s="61">
        <v>0</v>
      </c>
      <c r="GJ32" s="62">
        <v>2</v>
      </c>
      <c r="GK32" s="443">
        <v>0</v>
      </c>
      <c r="GL32" s="61">
        <v>1</v>
      </c>
      <c r="GM32" s="61">
        <v>2</v>
      </c>
      <c r="GN32" s="61">
        <v>1</v>
      </c>
      <c r="GO32" s="61">
        <v>1</v>
      </c>
      <c r="GP32" s="61">
        <v>0</v>
      </c>
      <c r="GQ32" s="62">
        <v>5</v>
      </c>
      <c r="GR32" s="63">
        <v>7</v>
      </c>
      <c r="GS32" s="113">
        <v>7</v>
      </c>
      <c r="GT32" s="72">
        <v>2</v>
      </c>
      <c r="GU32" s="73">
        <v>9</v>
      </c>
      <c r="GV32" s="443">
        <v>0</v>
      </c>
      <c r="GW32" s="72">
        <v>3</v>
      </c>
      <c r="GX32" s="72">
        <v>6</v>
      </c>
      <c r="GY32" s="72">
        <v>6</v>
      </c>
      <c r="GZ32" s="72">
        <v>4</v>
      </c>
      <c r="HA32" s="72">
        <v>4</v>
      </c>
      <c r="HB32" s="74">
        <v>23</v>
      </c>
      <c r="HC32" s="75">
        <v>32</v>
      </c>
      <c r="HD32" s="60">
        <v>0</v>
      </c>
      <c r="HE32" s="61">
        <v>0</v>
      </c>
      <c r="HF32" s="62">
        <v>0</v>
      </c>
      <c r="HG32" s="443">
        <v>0</v>
      </c>
      <c r="HH32" s="61">
        <v>0</v>
      </c>
      <c r="HI32" s="61">
        <v>0</v>
      </c>
      <c r="HJ32" s="61">
        <v>1</v>
      </c>
      <c r="HK32" s="61">
        <v>0</v>
      </c>
      <c r="HL32" s="61">
        <v>0</v>
      </c>
      <c r="HM32" s="62">
        <v>1</v>
      </c>
      <c r="HN32" s="63">
        <v>1</v>
      </c>
      <c r="HO32" s="60">
        <v>0</v>
      </c>
      <c r="HP32" s="61">
        <v>0</v>
      </c>
      <c r="HQ32" s="62">
        <v>0</v>
      </c>
      <c r="HR32" s="443">
        <v>0</v>
      </c>
      <c r="HS32" s="61">
        <v>0</v>
      </c>
      <c r="HT32" s="61">
        <v>1</v>
      </c>
      <c r="HU32" s="61">
        <v>0</v>
      </c>
      <c r="HV32" s="61">
        <v>0</v>
      </c>
      <c r="HW32" s="61">
        <v>0</v>
      </c>
      <c r="HX32" s="62">
        <v>1</v>
      </c>
      <c r="HY32" s="63">
        <v>1</v>
      </c>
      <c r="HZ32" s="60">
        <v>0</v>
      </c>
      <c r="IA32" s="61">
        <v>0</v>
      </c>
      <c r="IB32" s="62">
        <v>0</v>
      </c>
      <c r="IC32" s="443">
        <v>0</v>
      </c>
      <c r="ID32" s="61">
        <v>0</v>
      </c>
      <c r="IE32" s="61">
        <v>0</v>
      </c>
      <c r="IF32" s="61">
        <v>0</v>
      </c>
      <c r="IG32" s="61">
        <v>1</v>
      </c>
      <c r="IH32" s="61">
        <v>1</v>
      </c>
      <c r="II32" s="62">
        <v>2</v>
      </c>
      <c r="IJ32" s="63">
        <v>2</v>
      </c>
      <c r="IK32" s="60">
        <v>5</v>
      </c>
      <c r="IL32" s="61">
        <v>1</v>
      </c>
      <c r="IM32" s="62">
        <v>6</v>
      </c>
      <c r="IN32" s="443">
        <v>0</v>
      </c>
      <c r="IO32" s="61">
        <v>1</v>
      </c>
      <c r="IP32" s="61">
        <v>1</v>
      </c>
      <c r="IQ32" s="61">
        <v>0</v>
      </c>
      <c r="IR32" s="61">
        <v>1</v>
      </c>
      <c r="IS32" s="61">
        <v>1</v>
      </c>
      <c r="IT32" s="62">
        <v>4</v>
      </c>
      <c r="IU32" s="63">
        <v>10</v>
      </c>
      <c r="IV32" s="60">
        <v>1</v>
      </c>
      <c r="IW32" s="61">
        <v>1</v>
      </c>
      <c r="IX32" s="62">
        <v>2</v>
      </c>
      <c r="IY32" s="443">
        <v>0</v>
      </c>
      <c r="IZ32" s="61">
        <v>1</v>
      </c>
      <c r="JA32" s="61">
        <v>2</v>
      </c>
      <c r="JB32" s="61">
        <v>1</v>
      </c>
      <c r="JC32" s="61">
        <v>0</v>
      </c>
      <c r="JD32" s="61">
        <v>0</v>
      </c>
      <c r="JE32" s="62">
        <v>4</v>
      </c>
      <c r="JF32" s="63">
        <v>6</v>
      </c>
      <c r="JG32" s="60">
        <v>1</v>
      </c>
      <c r="JH32" s="61">
        <v>0</v>
      </c>
      <c r="JI32" s="62">
        <v>1</v>
      </c>
      <c r="JJ32" s="443">
        <v>0</v>
      </c>
      <c r="JK32" s="61">
        <v>1</v>
      </c>
      <c r="JL32" s="61">
        <v>2</v>
      </c>
      <c r="JM32" s="61">
        <v>4</v>
      </c>
      <c r="JN32" s="61">
        <v>2</v>
      </c>
      <c r="JO32" s="61">
        <v>2</v>
      </c>
      <c r="JP32" s="62">
        <v>11</v>
      </c>
      <c r="JQ32" s="63">
        <v>12</v>
      </c>
      <c r="JR32" s="60">
        <v>0</v>
      </c>
      <c r="JS32" s="61">
        <v>0</v>
      </c>
      <c r="JT32" s="62">
        <v>0</v>
      </c>
      <c r="JU32" s="443">
        <v>0</v>
      </c>
      <c r="JV32" s="61">
        <v>0</v>
      </c>
      <c r="JW32" s="61">
        <v>0</v>
      </c>
      <c r="JX32" s="61">
        <v>0</v>
      </c>
      <c r="JY32" s="61">
        <v>0</v>
      </c>
      <c r="JZ32" s="61">
        <v>0</v>
      </c>
      <c r="KA32" s="62">
        <v>0</v>
      </c>
      <c r="KB32" s="63">
        <v>0</v>
      </c>
      <c r="KC32" s="60">
        <v>7</v>
      </c>
      <c r="KD32" s="61">
        <v>2</v>
      </c>
      <c r="KE32" s="62">
        <v>9</v>
      </c>
      <c r="KF32" s="443">
        <v>0</v>
      </c>
      <c r="KG32" s="61">
        <v>3</v>
      </c>
      <c r="KH32" s="61">
        <v>6</v>
      </c>
      <c r="KI32" s="61">
        <v>6</v>
      </c>
      <c r="KJ32" s="61">
        <v>4</v>
      </c>
      <c r="KK32" s="61">
        <v>4</v>
      </c>
      <c r="KL32" s="62">
        <v>23</v>
      </c>
      <c r="KM32" s="63">
        <v>32</v>
      </c>
    </row>
    <row r="33" spans="2:299" ht="21" customHeight="1" x14ac:dyDescent="0.2">
      <c r="B33" s="437" t="s">
        <v>30</v>
      </c>
      <c r="C33" s="287">
        <v>4</v>
      </c>
      <c r="D33" s="72">
        <v>2</v>
      </c>
      <c r="E33" s="73">
        <v>6</v>
      </c>
      <c r="F33" s="443">
        <v>0</v>
      </c>
      <c r="G33" s="72">
        <v>2</v>
      </c>
      <c r="H33" s="72">
        <v>2</v>
      </c>
      <c r="I33" s="72">
        <v>5</v>
      </c>
      <c r="J33" s="72">
        <v>5</v>
      </c>
      <c r="K33" s="72">
        <v>0</v>
      </c>
      <c r="L33" s="74">
        <v>14</v>
      </c>
      <c r="M33" s="75">
        <v>20</v>
      </c>
      <c r="N33" s="60">
        <v>0</v>
      </c>
      <c r="O33" s="61">
        <v>0</v>
      </c>
      <c r="P33" s="62">
        <v>0</v>
      </c>
      <c r="Q33" s="443">
        <v>0</v>
      </c>
      <c r="R33" s="61">
        <v>0</v>
      </c>
      <c r="S33" s="61">
        <v>0</v>
      </c>
      <c r="T33" s="61">
        <v>0</v>
      </c>
      <c r="U33" s="61">
        <v>0</v>
      </c>
      <c r="V33" s="61">
        <v>0</v>
      </c>
      <c r="W33" s="62">
        <v>0</v>
      </c>
      <c r="X33" s="63">
        <v>0</v>
      </c>
      <c r="Y33" s="60">
        <v>1</v>
      </c>
      <c r="Z33" s="61">
        <v>0</v>
      </c>
      <c r="AA33" s="62">
        <v>1</v>
      </c>
      <c r="AB33" s="443">
        <v>0</v>
      </c>
      <c r="AC33" s="61">
        <v>0</v>
      </c>
      <c r="AD33" s="61">
        <v>0</v>
      </c>
      <c r="AE33" s="61">
        <v>1</v>
      </c>
      <c r="AF33" s="61">
        <v>0</v>
      </c>
      <c r="AG33" s="61">
        <v>0</v>
      </c>
      <c r="AH33" s="62">
        <v>1</v>
      </c>
      <c r="AI33" s="63">
        <v>2</v>
      </c>
      <c r="AJ33" s="60">
        <v>0</v>
      </c>
      <c r="AK33" s="61">
        <v>0</v>
      </c>
      <c r="AL33" s="62">
        <v>0</v>
      </c>
      <c r="AM33" s="443">
        <v>0</v>
      </c>
      <c r="AN33" s="61">
        <v>0</v>
      </c>
      <c r="AO33" s="61">
        <v>0</v>
      </c>
      <c r="AP33" s="61">
        <v>0</v>
      </c>
      <c r="AQ33" s="61">
        <v>0</v>
      </c>
      <c r="AR33" s="61">
        <v>0</v>
      </c>
      <c r="AS33" s="62">
        <v>0</v>
      </c>
      <c r="AT33" s="63">
        <v>0</v>
      </c>
      <c r="AU33" s="60">
        <v>1</v>
      </c>
      <c r="AV33" s="61">
        <v>0</v>
      </c>
      <c r="AW33" s="62">
        <v>1</v>
      </c>
      <c r="AX33" s="443">
        <v>0</v>
      </c>
      <c r="AY33" s="61">
        <v>1</v>
      </c>
      <c r="AZ33" s="61">
        <v>0</v>
      </c>
      <c r="BA33" s="61">
        <v>1</v>
      </c>
      <c r="BB33" s="61">
        <v>1</v>
      </c>
      <c r="BC33" s="61">
        <v>0</v>
      </c>
      <c r="BD33" s="62">
        <v>3</v>
      </c>
      <c r="BE33" s="63">
        <v>4</v>
      </c>
      <c r="BF33" s="60">
        <v>1</v>
      </c>
      <c r="BG33" s="61">
        <v>1</v>
      </c>
      <c r="BH33" s="62">
        <v>2</v>
      </c>
      <c r="BI33" s="443">
        <v>0</v>
      </c>
      <c r="BJ33" s="61">
        <v>1</v>
      </c>
      <c r="BK33" s="61">
        <v>1</v>
      </c>
      <c r="BL33" s="61">
        <v>0</v>
      </c>
      <c r="BM33" s="61">
        <v>1</v>
      </c>
      <c r="BN33" s="61">
        <v>0</v>
      </c>
      <c r="BO33" s="62">
        <v>3</v>
      </c>
      <c r="BP33" s="63">
        <v>5</v>
      </c>
      <c r="BQ33" s="60">
        <v>1</v>
      </c>
      <c r="BR33" s="61">
        <v>1</v>
      </c>
      <c r="BS33" s="62">
        <v>2</v>
      </c>
      <c r="BT33" s="443">
        <v>0</v>
      </c>
      <c r="BU33" s="61">
        <v>0</v>
      </c>
      <c r="BV33" s="61">
        <v>1</v>
      </c>
      <c r="BW33" s="61">
        <v>3</v>
      </c>
      <c r="BX33" s="61">
        <v>3</v>
      </c>
      <c r="BY33" s="61">
        <v>0</v>
      </c>
      <c r="BZ33" s="62">
        <v>7</v>
      </c>
      <c r="CA33" s="63">
        <v>9</v>
      </c>
      <c r="CB33" s="60">
        <v>0</v>
      </c>
      <c r="CC33" s="61">
        <v>0</v>
      </c>
      <c r="CD33" s="62">
        <v>0</v>
      </c>
      <c r="CE33" s="443">
        <v>0</v>
      </c>
      <c r="CF33" s="61">
        <v>0</v>
      </c>
      <c r="CG33" s="61">
        <v>0</v>
      </c>
      <c r="CH33" s="61">
        <v>0</v>
      </c>
      <c r="CI33" s="61">
        <v>0</v>
      </c>
      <c r="CJ33" s="61">
        <v>0</v>
      </c>
      <c r="CK33" s="62">
        <v>0</v>
      </c>
      <c r="CL33" s="63">
        <v>0</v>
      </c>
      <c r="CM33" s="60">
        <v>4</v>
      </c>
      <c r="CN33" s="61">
        <v>2</v>
      </c>
      <c r="CO33" s="62">
        <v>6</v>
      </c>
      <c r="CP33" s="443">
        <v>0</v>
      </c>
      <c r="CQ33" s="61">
        <v>2</v>
      </c>
      <c r="CR33" s="61">
        <v>2</v>
      </c>
      <c r="CS33" s="61">
        <v>5</v>
      </c>
      <c r="CT33" s="61">
        <v>5</v>
      </c>
      <c r="CU33" s="61">
        <v>0</v>
      </c>
      <c r="CV33" s="62">
        <v>14</v>
      </c>
      <c r="CW33" s="63">
        <v>20</v>
      </c>
      <c r="CX33" s="113">
        <v>0</v>
      </c>
      <c r="CY33" s="72">
        <v>0</v>
      </c>
      <c r="CZ33" s="73">
        <v>0</v>
      </c>
      <c r="DA33" s="443">
        <v>0</v>
      </c>
      <c r="DB33" s="72">
        <v>2</v>
      </c>
      <c r="DC33" s="72">
        <v>2</v>
      </c>
      <c r="DD33" s="72">
        <v>0</v>
      </c>
      <c r="DE33" s="72">
        <v>1</v>
      </c>
      <c r="DF33" s="72">
        <v>1</v>
      </c>
      <c r="DG33" s="74">
        <v>6</v>
      </c>
      <c r="DH33" s="75">
        <v>6</v>
      </c>
      <c r="DI33" s="60">
        <v>0</v>
      </c>
      <c r="DJ33" s="61">
        <v>0</v>
      </c>
      <c r="DK33" s="62">
        <v>0</v>
      </c>
      <c r="DL33" s="443">
        <v>0</v>
      </c>
      <c r="DM33" s="61">
        <v>0</v>
      </c>
      <c r="DN33" s="61">
        <v>0</v>
      </c>
      <c r="DO33" s="61">
        <v>0</v>
      </c>
      <c r="DP33" s="61">
        <v>0</v>
      </c>
      <c r="DQ33" s="61">
        <v>0</v>
      </c>
      <c r="DR33" s="62">
        <v>0</v>
      </c>
      <c r="DS33" s="63">
        <v>0</v>
      </c>
      <c r="DT33" s="60">
        <v>0</v>
      </c>
      <c r="DU33" s="61">
        <v>0</v>
      </c>
      <c r="DV33" s="62">
        <v>0</v>
      </c>
      <c r="DW33" s="443">
        <v>0</v>
      </c>
      <c r="DX33" s="61">
        <v>0</v>
      </c>
      <c r="DY33" s="61">
        <v>0</v>
      </c>
      <c r="DZ33" s="61">
        <v>0</v>
      </c>
      <c r="EA33" s="61">
        <v>0</v>
      </c>
      <c r="EB33" s="61">
        <v>0</v>
      </c>
      <c r="EC33" s="62">
        <v>0</v>
      </c>
      <c r="ED33" s="63">
        <v>0</v>
      </c>
      <c r="EE33" s="60">
        <v>0</v>
      </c>
      <c r="EF33" s="61">
        <v>0</v>
      </c>
      <c r="EG33" s="62">
        <v>0</v>
      </c>
      <c r="EH33" s="443">
        <v>0</v>
      </c>
      <c r="EI33" s="61">
        <v>0</v>
      </c>
      <c r="EJ33" s="61">
        <v>0</v>
      </c>
      <c r="EK33" s="61">
        <v>0</v>
      </c>
      <c r="EL33" s="61">
        <v>0</v>
      </c>
      <c r="EM33" s="61">
        <v>0</v>
      </c>
      <c r="EN33" s="62">
        <v>0</v>
      </c>
      <c r="EO33" s="63">
        <v>0</v>
      </c>
      <c r="EP33" s="60">
        <v>0</v>
      </c>
      <c r="EQ33" s="61">
        <v>0</v>
      </c>
      <c r="ER33" s="62">
        <v>0</v>
      </c>
      <c r="ES33" s="443">
        <v>0</v>
      </c>
      <c r="ET33" s="61">
        <v>1</v>
      </c>
      <c r="EU33" s="61">
        <v>1</v>
      </c>
      <c r="EV33" s="61">
        <v>0</v>
      </c>
      <c r="EW33" s="61">
        <v>0</v>
      </c>
      <c r="EX33" s="61">
        <v>0</v>
      </c>
      <c r="EY33" s="62">
        <v>2</v>
      </c>
      <c r="EZ33" s="63">
        <v>2</v>
      </c>
      <c r="FA33" s="60">
        <v>0</v>
      </c>
      <c r="FB33" s="61">
        <v>0</v>
      </c>
      <c r="FC33" s="62">
        <v>0</v>
      </c>
      <c r="FD33" s="443">
        <v>0</v>
      </c>
      <c r="FE33" s="61">
        <v>1</v>
      </c>
      <c r="FF33" s="61">
        <v>0</v>
      </c>
      <c r="FG33" s="61">
        <v>0</v>
      </c>
      <c r="FH33" s="61">
        <v>0</v>
      </c>
      <c r="FI33" s="61">
        <v>0</v>
      </c>
      <c r="FJ33" s="62">
        <v>1</v>
      </c>
      <c r="FK33" s="63">
        <v>1</v>
      </c>
      <c r="FL33" s="60">
        <v>0</v>
      </c>
      <c r="FM33" s="61">
        <v>0</v>
      </c>
      <c r="FN33" s="62">
        <v>0</v>
      </c>
      <c r="FO33" s="443">
        <v>0</v>
      </c>
      <c r="FP33" s="61">
        <v>0</v>
      </c>
      <c r="FQ33" s="61">
        <v>1</v>
      </c>
      <c r="FR33" s="61">
        <v>0</v>
      </c>
      <c r="FS33" s="61">
        <v>1</v>
      </c>
      <c r="FT33" s="61">
        <v>1</v>
      </c>
      <c r="FU33" s="62">
        <v>3</v>
      </c>
      <c r="FV33" s="63">
        <v>3</v>
      </c>
      <c r="FW33" s="60">
        <v>0</v>
      </c>
      <c r="FX33" s="61">
        <v>0</v>
      </c>
      <c r="FY33" s="62">
        <v>0</v>
      </c>
      <c r="FZ33" s="443">
        <v>0</v>
      </c>
      <c r="GA33" s="61">
        <v>0</v>
      </c>
      <c r="GB33" s="61">
        <v>0</v>
      </c>
      <c r="GC33" s="61">
        <v>0</v>
      </c>
      <c r="GD33" s="61">
        <v>0</v>
      </c>
      <c r="GE33" s="61">
        <v>0</v>
      </c>
      <c r="GF33" s="62">
        <v>0</v>
      </c>
      <c r="GG33" s="63">
        <v>0</v>
      </c>
      <c r="GH33" s="60">
        <v>0</v>
      </c>
      <c r="GI33" s="61">
        <v>0</v>
      </c>
      <c r="GJ33" s="62">
        <v>0</v>
      </c>
      <c r="GK33" s="443">
        <v>0</v>
      </c>
      <c r="GL33" s="61">
        <v>2</v>
      </c>
      <c r="GM33" s="61">
        <v>2</v>
      </c>
      <c r="GN33" s="61">
        <v>0</v>
      </c>
      <c r="GO33" s="61">
        <v>1</v>
      </c>
      <c r="GP33" s="61">
        <v>1</v>
      </c>
      <c r="GQ33" s="62">
        <v>6</v>
      </c>
      <c r="GR33" s="63">
        <v>6</v>
      </c>
      <c r="GS33" s="113">
        <v>4</v>
      </c>
      <c r="GT33" s="72">
        <v>2</v>
      </c>
      <c r="GU33" s="73">
        <v>6</v>
      </c>
      <c r="GV33" s="443">
        <v>0</v>
      </c>
      <c r="GW33" s="72">
        <v>4</v>
      </c>
      <c r="GX33" s="72">
        <v>4</v>
      </c>
      <c r="GY33" s="72">
        <v>5</v>
      </c>
      <c r="GZ33" s="72">
        <v>6</v>
      </c>
      <c r="HA33" s="72">
        <v>1</v>
      </c>
      <c r="HB33" s="74">
        <v>20</v>
      </c>
      <c r="HC33" s="75">
        <v>26</v>
      </c>
      <c r="HD33" s="60">
        <v>0</v>
      </c>
      <c r="HE33" s="61">
        <v>0</v>
      </c>
      <c r="HF33" s="62">
        <v>0</v>
      </c>
      <c r="HG33" s="443">
        <v>0</v>
      </c>
      <c r="HH33" s="61">
        <v>0</v>
      </c>
      <c r="HI33" s="61">
        <v>0</v>
      </c>
      <c r="HJ33" s="61">
        <v>0</v>
      </c>
      <c r="HK33" s="61">
        <v>0</v>
      </c>
      <c r="HL33" s="61">
        <v>0</v>
      </c>
      <c r="HM33" s="62">
        <v>0</v>
      </c>
      <c r="HN33" s="63">
        <v>0</v>
      </c>
      <c r="HO33" s="60">
        <v>1</v>
      </c>
      <c r="HP33" s="61">
        <v>0</v>
      </c>
      <c r="HQ33" s="62">
        <v>1</v>
      </c>
      <c r="HR33" s="443">
        <v>0</v>
      </c>
      <c r="HS33" s="61">
        <v>0</v>
      </c>
      <c r="HT33" s="61">
        <v>0</v>
      </c>
      <c r="HU33" s="61">
        <v>1</v>
      </c>
      <c r="HV33" s="61">
        <v>0</v>
      </c>
      <c r="HW33" s="61">
        <v>0</v>
      </c>
      <c r="HX33" s="62">
        <v>1</v>
      </c>
      <c r="HY33" s="63">
        <v>2</v>
      </c>
      <c r="HZ33" s="60">
        <v>0</v>
      </c>
      <c r="IA33" s="61">
        <v>0</v>
      </c>
      <c r="IB33" s="62">
        <v>0</v>
      </c>
      <c r="IC33" s="443">
        <v>0</v>
      </c>
      <c r="ID33" s="61">
        <v>0</v>
      </c>
      <c r="IE33" s="61">
        <v>0</v>
      </c>
      <c r="IF33" s="61">
        <v>0</v>
      </c>
      <c r="IG33" s="61">
        <v>0</v>
      </c>
      <c r="IH33" s="61">
        <v>0</v>
      </c>
      <c r="II33" s="62">
        <v>0</v>
      </c>
      <c r="IJ33" s="63">
        <v>0</v>
      </c>
      <c r="IK33" s="60">
        <v>1</v>
      </c>
      <c r="IL33" s="61">
        <v>0</v>
      </c>
      <c r="IM33" s="62">
        <v>1</v>
      </c>
      <c r="IN33" s="443">
        <v>0</v>
      </c>
      <c r="IO33" s="61">
        <v>2</v>
      </c>
      <c r="IP33" s="61">
        <v>1</v>
      </c>
      <c r="IQ33" s="61">
        <v>1</v>
      </c>
      <c r="IR33" s="61">
        <v>1</v>
      </c>
      <c r="IS33" s="61">
        <v>0</v>
      </c>
      <c r="IT33" s="62">
        <v>5</v>
      </c>
      <c r="IU33" s="63">
        <v>6</v>
      </c>
      <c r="IV33" s="60">
        <v>1</v>
      </c>
      <c r="IW33" s="61">
        <v>1</v>
      </c>
      <c r="IX33" s="62">
        <v>2</v>
      </c>
      <c r="IY33" s="443">
        <v>0</v>
      </c>
      <c r="IZ33" s="61">
        <v>2</v>
      </c>
      <c r="JA33" s="61">
        <v>1</v>
      </c>
      <c r="JB33" s="61">
        <v>0</v>
      </c>
      <c r="JC33" s="61">
        <v>1</v>
      </c>
      <c r="JD33" s="61">
        <v>0</v>
      </c>
      <c r="JE33" s="62">
        <v>4</v>
      </c>
      <c r="JF33" s="63">
        <v>6</v>
      </c>
      <c r="JG33" s="60">
        <v>1</v>
      </c>
      <c r="JH33" s="61">
        <v>1</v>
      </c>
      <c r="JI33" s="62">
        <v>2</v>
      </c>
      <c r="JJ33" s="443">
        <v>0</v>
      </c>
      <c r="JK33" s="61">
        <v>0</v>
      </c>
      <c r="JL33" s="61">
        <v>2</v>
      </c>
      <c r="JM33" s="61">
        <v>3</v>
      </c>
      <c r="JN33" s="61">
        <v>4</v>
      </c>
      <c r="JO33" s="61">
        <v>1</v>
      </c>
      <c r="JP33" s="62">
        <v>10</v>
      </c>
      <c r="JQ33" s="63">
        <v>12</v>
      </c>
      <c r="JR33" s="60">
        <v>0</v>
      </c>
      <c r="JS33" s="61">
        <v>0</v>
      </c>
      <c r="JT33" s="62">
        <v>0</v>
      </c>
      <c r="JU33" s="443">
        <v>0</v>
      </c>
      <c r="JV33" s="61">
        <v>0</v>
      </c>
      <c r="JW33" s="61">
        <v>0</v>
      </c>
      <c r="JX33" s="61">
        <v>0</v>
      </c>
      <c r="JY33" s="61">
        <v>0</v>
      </c>
      <c r="JZ33" s="61">
        <v>0</v>
      </c>
      <c r="KA33" s="62">
        <v>0</v>
      </c>
      <c r="KB33" s="63">
        <v>0</v>
      </c>
      <c r="KC33" s="60">
        <v>4</v>
      </c>
      <c r="KD33" s="61">
        <v>2</v>
      </c>
      <c r="KE33" s="62">
        <v>6</v>
      </c>
      <c r="KF33" s="443">
        <v>0</v>
      </c>
      <c r="KG33" s="61">
        <v>4</v>
      </c>
      <c r="KH33" s="61">
        <v>4</v>
      </c>
      <c r="KI33" s="61">
        <v>5</v>
      </c>
      <c r="KJ33" s="61">
        <v>6</v>
      </c>
      <c r="KK33" s="61">
        <v>1</v>
      </c>
      <c r="KL33" s="62">
        <v>20</v>
      </c>
      <c r="KM33" s="63">
        <v>26</v>
      </c>
    </row>
    <row r="34" spans="2:299" ht="21" customHeight="1" x14ac:dyDescent="0.2">
      <c r="B34" s="437" t="s">
        <v>31</v>
      </c>
      <c r="C34" s="287">
        <v>2</v>
      </c>
      <c r="D34" s="72">
        <v>6</v>
      </c>
      <c r="E34" s="73">
        <v>8</v>
      </c>
      <c r="F34" s="443">
        <v>0</v>
      </c>
      <c r="G34" s="72">
        <v>7</v>
      </c>
      <c r="H34" s="72">
        <v>3</v>
      </c>
      <c r="I34" s="72">
        <v>8</v>
      </c>
      <c r="J34" s="72">
        <v>4</v>
      </c>
      <c r="K34" s="72">
        <v>1</v>
      </c>
      <c r="L34" s="74">
        <v>23</v>
      </c>
      <c r="M34" s="75">
        <v>31</v>
      </c>
      <c r="N34" s="60">
        <v>0</v>
      </c>
      <c r="O34" s="61">
        <v>0</v>
      </c>
      <c r="P34" s="62">
        <v>0</v>
      </c>
      <c r="Q34" s="443">
        <v>0</v>
      </c>
      <c r="R34" s="61">
        <v>0</v>
      </c>
      <c r="S34" s="61">
        <v>0</v>
      </c>
      <c r="T34" s="61">
        <v>0</v>
      </c>
      <c r="U34" s="61">
        <v>1</v>
      </c>
      <c r="V34" s="61">
        <v>1</v>
      </c>
      <c r="W34" s="62">
        <v>2</v>
      </c>
      <c r="X34" s="63">
        <v>2</v>
      </c>
      <c r="Y34" s="60">
        <v>0</v>
      </c>
      <c r="Z34" s="61">
        <v>0</v>
      </c>
      <c r="AA34" s="62">
        <v>0</v>
      </c>
      <c r="AB34" s="443">
        <v>0</v>
      </c>
      <c r="AC34" s="61">
        <v>0</v>
      </c>
      <c r="AD34" s="61">
        <v>0</v>
      </c>
      <c r="AE34" s="61">
        <v>1</v>
      </c>
      <c r="AF34" s="61">
        <v>0</v>
      </c>
      <c r="AG34" s="61">
        <v>0</v>
      </c>
      <c r="AH34" s="62">
        <v>1</v>
      </c>
      <c r="AI34" s="63">
        <v>1</v>
      </c>
      <c r="AJ34" s="60">
        <v>0</v>
      </c>
      <c r="AK34" s="61">
        <v>1</v>
      </c>
      <c r="AL34" s="62">
        <v>1</v>
      </c>
      <c r="AM34" s="443">
        <v>0</v>
      </c>
      <c r="AN34" s="61">
        <v>0</v>
      </c>
      <c r="AO34" s="61">
        <v>0</v>
      </c>
      <c r="AP34" s="61">
        <v>1</v>
      </c>
      <c r="AQ34" s="61">
        <v>0</v>
      </c>
      <c r="AR34" s="61">
        <v>0</v>
      </c>
      <c r="AS34" s="62">
        <v>1</v>
      </c>
      <c r="AT34" s="63">
        <v>2</v>
      </c>
      <c r="AU34" s="60">
        <v>0</v>
      </c>
      <c r="AV34" s="61">
        <v>1</v>
      </c>
      <c r="AW34" s="62">
        <v>1</v>
      </c>
      <c r="AX34" s="443">
        <v>0</v>
      </c>
      <c r="AY34" s="61">
        <v>0</v>
      </c>
      <c r="AZ34" s="61">
        <v>0</v>
      </c>
      <c r="BA34" s="61">
        <v>1</v>
      </c>
      <c r="BB34" s="61">
        <v>1</v>
      </c>
      <c r="BC34" s="61">
        <v>0</v>
      </c>
      <c r="BD34" s="62">
        <v>2</v>
      </c>
      <c r="BE34" s="63">
        <v>3</v>
      </c>
      <c r="BF34" s="60">
        <v>0</v>
      </c>
      <c r="BG34" s="61">
        <v>2</v>
      </c>
      <c r="BH34" s="62">
        <v>2</v>
      </c>
      <c r="BI34" s="443">
        <v>0</v>
      </c>
      <c r="BJ34" s="61">
        <v>4</v>
      </c>
      <c r="BK34" s="61">
        <v>3</v>
      </c>
      <c r="BL34" s="61">
        <v>2</v>
      </c>
      <c r="BM34" s="61">
        <v>1</v>
      </c>
      <c r="BN34" s="61">
        <v>0</v>
      </c>
      <c r="BO34" s="62">
        <v>10</v>
      </c>
      <c r="BP34" s="63">
        <v>12</v>
      </c>
      <c r="BQ34" s="60">
        <v>2</v>
      </c>
      <c r="BR34" s="61">
        <v>2</v>
      </c>
      <c r="BS34" s="62">
        <v>4</v>
      </c>
      <c r="BT34" s="443">
        <v>0</v>
      </c>
      <c r="BU34" s="61">
        <v>3</v>
      </c>
      <c r="BV34" s="61">
        <v>0</v>
      </c>
      <c r="BW34" s="61">
        <v>3</v>
      </c>
      <c r="BX34" s="61">
        <v>1</v>
      </c>
      <c r="BY34" s="61">
        <v>0</v>
      </c>
      <c r="BZ34" s="62">
        <v>7</v>
      </c>
      <c r="CA34" s="63">
        <v>11</v>
      </c>
      <c r="CB34" s="60">
        <v>0</v>
      </c>
      <c r="CC34" s="61">
        <v>0</v>
      </c>
      <c r="CD34" s="62">
        <v>0</v>
      </c>
      <c r="CE34" s="443">
        <v>0</v>
      </c>
      <c r="CF34" s="61">
        <v>0</v>
      </c>
      <c r="CG34" s="61">
        <v>0</v>
      </c>
      <c r="CH34" s="61">
        <v>0</v>
      </c>
      <c r="CI34" s="61">
        <v>0</v>
      </c>
      <c r="CJ34" s="61">
        <v>0</v>
      </c>
      <c r="CK34" s="62">
        <v>0</v>
      </c>
      <c r="CL34" s="63">
        <v>0</v>
      </c>
      <c r="CM34" s="60">
        <v>2</v>
      </c>
      <c r="CN34" s="61">
        <v>6</v>
      </c>
      <c r="CO34" s="62">
        <v>8</v>
      </c>
      <c r="CP34" s="443">
        <v>0</v>
      </c>
      <c r="CQ34" s="61">
        <v>7</v>
      </c>
      <c r="CR34" s="61">
        <v>3</v>
      </c>
      <c r="CS34" s="61">
        <v>8</v>
      </c>
      <c r="CT34" s="61">
        <v>4</v>
      </c>
      <c r="CU34" s="61">
        <v>1</v>
      </c>
      <c r="CV34" s="62">
        <v>23</v>
      </c>
      <c r="CW34" s="63">
        <v>31</v>
      </c>
      <c r="CX34" s="113">
        <v>2</v>
      </c>
      <c r="CY34" s="72">
        <v>0</v>
      </c>
      <c r="CZ34" s="73">
        <v>2</v>
      </c>
      <c r="DA34" s="443">
        <v>0</v>
      </c>
      <c r="DB34" s="72">
        <v>1</v>
      </c>
      <c r="DC34" s="72">
        <v>1</v>
      </c>
      <c r="DD34" s="72">
        <v>0</v>
      </c>
      <c r="DE34" s="72">
        <v>1</v>
      </c>
      <c r="DF34" s="72">
        <v>1</v>
      </c>
      <c r="DG34" s="74">
        <v>4</v>
      </c>
      <c r="DH34" s="75">
        <v>6</v>
      </c>
      <c r="DI34" s="60">
        <v>0</v>
      </c>
      <c r="DJ34" s="61">
        <v>0</v>
      </c>
      <c r="DK34" s="62">
        <v>0</v>
      </c>
      <c r="DL34" s="443">
        <v>0</v>
      </c>
      <c r="DM34" s="61">
        <v>0</v>
      </c>
      <c r="DN34" s="61">
        <v>0</v>
      </c>
      <c r="DO34" s="61">
        <v>0</v>
      </c>
      <c r="DP34" s="61">
        <v>0</v>
      </c>
      <c r="DQ34" s="61">
        <v>0</v>
      </c>
      <c r="DR34" s="62">
        <v>0</v>
      </c>
      <c r="DS34" s="63">
        <v>0</v>
      </c>
      <c r="DT34" s="60">
        <v>0</v>
      </c>
      <c r="DU34" s="61">
        <v>0</v>
      </c>
      <c r="DV34" s="62">
        <v>0</v>
      </c>
      <c r="DW34" s="443">
        <v>0</v>
      </c>
      <c r="DX34" s="61">
        <v>0</v>
      </c>
      <c r="DY34" s="61">
        <v>0</v>
      </c>
      <c r="DZ34" s="61">
        <v>0</v>
      </c>
      <c r="EA34" s="61">
        <v>0</v>
      </c>
      <c r="EB34" s="61">
        <v>0</v>
      </c>
      <c r="EC34" s="62">
        <v>0</v>
      </c>
      <c r="ED34" s="63">
        <v>0</v>
      </c>
      <c r="EE34" s="60">
        <v>0</v>
      </c>
      <c r="EF34" s="61">
        <v>0</v>
      </c>
      <c r="EG34" s="62">
        <v>0</v>
      </c>
      <c r="EH34" s="443">
        <v>0</v>
      </c>
      <c r="EI34" s="61">
        <v>0</v>
      </c>
      <c r="EJ34" s="61">
        <v>0</v>
      </c>
      <c r="EK34" s="61">
        <v>0</v>
      </c>
      <c r="EL34" s="61">
        <v>0</v>
      </c>
      <c r="EM34" s="61">
        <v>0</v>
      </c>
      <c r="EN34" s="62">
        <v>0</v>
      </c>
      <c r="EO34" s="63">
        <v>0</v>
      </c>
      <c r="EP34" s="60">
        <v>1</v>
      </c>
      <c r="EQ34" s="61">
        <v>0</v>
      </c>
      <c r="ER34" s="62">
        <v>1</v>
      </c>
      <c r="ES34" s="443">
        <v>0</v>
      </c>
      <c r="ET34" s="61">
        <v>0</v>
      </c>
      <c r="EU34" s="61">
        <v>1</v>
      </c>
      <c r="EV34" s="61">
        <v>0</v>
      </c>
      <c r="EW34" s="61">
        <v>0</v>
      </c>
      <c r="EX34" s="61">
        <v>0</v>
      </c>
      <c r="EY34" s="62">
        <v>1</v>
      </c>
      <c r="EZ34" s="63">
        <v>2</v>
      </c>
      <c r="FA34" s="60">
        <v>0</v>
      </c>
      <c r="FB34" s="61">
        <v>0</v>
      </c>
      <c r="FC34" s="62">
        <v>0</v>
      </c>
      <c r="FD34" s="443">
        <v>0</v>
      </c>
      <c r="FE34" s="61">
        <v>0</v>
      </c>
      <c r="FF34" s="61">
        <v>0</v>
      </c>
      <c r="FG34" s="61">
        <v>0</v>
      </c>
      <c r="FH34" s="61">
        <v>0</v>
      </c>
      <c r="FI34" s="61">
        <v>0</v>
      </c>
      <c r="FJ34" s="62">
        <v>0</v>
      </c>
      <c r="FK34" s="63">
        <v>0</v>
      </c>
      <c r="FL34" s="60">
        <v>1</v>
      </c>
      <c r="FM34" s="61">
        <v>0</v>
      </c>
      <c r="FN34" s="62">
        <v>1</v>
      </c>
      <c r="FO34" s="443">
        <v>0</v>
      </c>
      <c r="FP34" s="61">
        <v>1</v>
      </c>
      <c r="FQ34" s="61">
        <v>0</v>
      </c>
      <c r="FR34" s="61">
        <v>0</v>
      </c>
      <c r="FS34" s="61">
        <v>1</v>
      </c>
      <c r="FT34" s="61">
        <v>1</v>
      </c>
      <c r="FU34" s="62">
        <v>3</v>
      </c>
      <c r="FV34" s="63">
        <v>4</v>
      </c>
      <c r="FW34" s="60">
        <v>0</v>
      </c>
      <c r="FX34" s="61">
        <v>0</v>
      </c>
      <c r="FY34" s="62">
        <v>0</v>
      </c>
      <c r="FZ34" s="443">
        <v>0</v>
      </c>
      <c r="GA34" s="61">
        <v>0</v>
      </c>
      <c r="GB34" s="61">
        <v>0</v>
      </c>
      <c r="GC34" s="61">
        <v>0</v>
      </c>
      <c r="GD34" s="61">
        <v>0</v>
      </c>
      <c r="GE34" s="61">
        <v>0</v>
      </c>
      <c r="GF34" s="62">
        <v>0</v>
      </c>
      <c r="GG34" s="63">
        <v>0</v>
      </c>
      <c r="GH34" s="60">
        <v>2</v>
      </c>
      <c r="GI34" s="61">
        <v>0</v>
      </c>
      <c r="GJ34" s="62">
        <v>2</v>
      </c>
      <c r="GK34" s="443">
        <v>0</v>
      </c>
      <c r="GL34" s="61">
        <v>1</v>
      </c>
      <c r="GM34" s="61">
        <v>1</v>
      </c>
      <c r="GN34" s="61">
        <v>0</v>
      </c>
      <c r="GO34" s="61">
        <v>1</v>
      </c>
      <c r="GP34" s="61">
        <v>1</v>
      </c>
      <c r="GQ34" s="62">
        <v>4</v>
      </c>
      <c r="GR34" s="63">
        <v>6</v>
      </c>
      <c r="GS34" s="113">
        <v>4</v>
      </c>
      <c r="GT34" s="72">
        <v>6</v>
      </c>
      <c r="GU34" s="73">
        <v>10</v>
      </c>
      <c r="GV34" s="443">
        <v>0</v>
      </c>
      <c r="GW34" s="72">
        <v>8</v>
      </c>
      <c r="GX34" s="72">
        <v>4</v>
      </c>
      <c r="GY34" s="72">
        <v>8</v>
      </c>
      <c r="GZ34" s="72">
        <v>5</v>
      </c>
      <c r="HA34" s="72">
        <v>2</v>
      </c>
      <c r="HB34" s="74">
        <v>27</v>
      </c>
      <c r="HC34" s="75">
        <v>37</v>
      </c>
      <c r="HD34" s="60">
        <v>0</v>
      </c>
      <c r="HE34" s="61">
        <v>0</v>
      </c>
      <c r="HF34" s="62">
        <v>0</v>
      </c>
      <c r="HG34" s="443">
        <v>0</v>
      </c>
      <c r="HH34" s="61">
        <v>0</v>
      </c>
      <c r="HI34" s="61">
        <v>0</v>
      </c>
      <c r="HJ34" s="61">
        <v>0</v>
      </c>
      <c r="HK34" s="61">
        <v>1</v>
      </c>
      <c r="HL34" s="61">
        <v>1</v>
      </c>
      <c r="HM34" s="62">
        <v>2</v>
      </c>
      <c r="HN34" s="63">
        <v>2</v>
      </c>
      <c r="HO34" s="60">
        <v>0</v>
      </c>
      <c r="HP34" s="61">
        <v>0</v>
      </c>
      <c r="HQ34" s="62">
        <v>0</v>
      </c>
      <c r="HR34" s="443">
        <v>0</v>
      </c>
      <c r="HS34" s="61">
        <v>0</v>
      </c>
      <c r="HT34" s="61">
        <v>0</v>
      </c>
      <c r="HU34" s="61">
        <v>1</v>
      </c>
      <c r="HV34" s="61">
        <v>0</v>
      </c>
      <c r="HW34" s="61">
        <v>0</v>
      </c>
      <c r="HX34" s="62">
        <v>1</v>
      </c>
      <c r="HY34" s="63">
        <v>1</v>
      </c>
      <c r="HZ34" s="60">
        <v>0</v>
      </c>
      <c r="IA34" s="61">
        <v>1</v>
      </c>
      <c r="IB34" s="62">
        <v>1</v>
      </c>
      <c r="IC34" s="443">
        <v>0</v>
      </c>
      <c r="ID34" s="61">
        <v>0</v>
      </c>
      <c r="IE34" s="61">
        <v>0</v>
      </c>
      <c r="IF34" s="61">
        <v>1</v>
      </c>
      <c r="IG34" s="61">
        <v>0</v>
      </c>
      <c r="IH34" s="61">
        <v>0</v>
      </c>
      <c r="II34" s="62">
        <v>1</v>
      </c>
      <c r="IJ34" s="63">
        <v>2</v>
      </c>
      <c r="IK34" s="60">
        <v>1</v>
      </c>
      <c r="IL34" s="61">
        <v>1</v>
      </c>
      <c r="IM34" s="62">
        <v>2</v>
      </c>
      <c r="IN34" s="443">
        <v>0</v>
      </c>
      <c r="IO34" s="61">
        <v>0</v>
      </c>
      <c r="IP34" s="61">
        <v>1</v>
      </c>
      <c r="IQ34" s="61">
        <v>1</v>
      </c>
      <c r="IR34" s="61">
        <v>1</v>
      </c>
      <c r="IS34" s="61">
        <v>0</v>
      </c>
      <c r="IT34" s="62">
        <v>3</v>
      </c>
      <c r="IU34" s="63">
        <v>5</v>
      </c>
      <c r="IV34" s="60">
        <v>0</v>
      </c>
      <c r="IW34" s="61">
        <v>2</v>
      </c>
      <c r="IX34" s="62">
        <v>2</v>
      </c>
      <c r="IY34" s="443">
        <v>0</v>
      </c>
      <c r="IZ34" s="61">
        <v>4</v>
      </c>
      <c r="JA34" s="61">
        <v>3</v>
      </c>
      <c r="JB34" s="61">
        <v>2</v>
      </c>
      <c r="JC34" s="61">
        <v>1</v>
      </c>
      <c r="JD34" s="61">
        <v>0</v>
      </c>
      <c r="JE34" s="62">
        <v>10</v>
      </c>
      <c r="JF34" s="63">
        <v>12</v>
      </c>
      <c r="JG34" s="60">
        <v>3</v>
      </c>
      <c r="JH34" s="61">
        <v>2</v>
      </c>
      <c r="JI34" s="62">
        <v>5</v>
      </c>
      <c r="JJ34" s="443">
        <v>0</v>
      </c>
      <c r="JK34" s="61">
        <v>4</v>
      </c>
      <c r="JL34" s="61">
        <v>0</v>
      </c>
      <c r="JM34" s="61">
        <v>3</v>
      </c>
      <c r="JN34" s="61">
        <v>2</v>
      </c>
      <c r="JO34" s="61">
        <v>1</v>
      </c>
      <c r="JP34" s="62">
        <v>10</v>
      </c>
      <c r="JQ34" s="63">
        <v>15</v>
      </c>
      <c r="JR34" s="60">
        <v>0</v>
      </c>
      <c r="JS34" s="61">
        <v>0</v>
      </c>
      <c r="JT34" s="62">
        <v>0</v>
      </c>
      <c r="JU34" s="443">
        <v>0</v>
      </c>
      <c r="JV34" s="61">
        <v>0</v>
      </c>
      <c r="JW34" s="61">
        <v>0</v>
      </c>
      <c r="JX34" s="61">
        <v>0</v>
      </c>
      <c r="JY34" s="61">
        <v>0</v>
      </c>
      <c r="JZ34" s="61">
        <v>0</v>
      </c>
      <c r="KA34" s="62">
        <v>0</v>
      </c>
      <c r="KB34" s="63">
        <v>0</v>
      </c>
      <c r="KC34" s="60">
        <v>4</v>
      </c>
      <c r="KD34" s="61">
        <v>6</v>
      </c>
      <c r="KE34" s="62">
        <v>10</v>
      </c>
      <c r="KF34" s="443">
        <v>0</v>
      </c>
      <c r="KG34" s="61">
        <v>8</v>
      </c>
      <c r="KH34" s="61">
        <v>4</v>
      </c>
      <c r="KI34" s="61">
        <v>8</v>
      </c>
      <c r="KJ34" s="61">
        <v>5</v>
      </c>
      <c r="KK34" s="61">
        <v>2</v>
      </c>
      <c r="KL34" s="62">
        <v>27</v>
      </c>
      <c r="KM34" s="63">
        <v>37</v>
      </c>
    </row>
    <row r="35" spans="2:299" ht="21" customHeight="1" x14ac:dyDescent="0.2">
      <c r="B35" s="437" t="s">
        <v>32</v>
      </c>
      <c r="C35" s="287">
        <v>3</v>
      </c>
      <c r="D35" s="72">
        <v>5</v>
      </c>
      <c r="E35" s="73">
        <v>8</v>
      </c>
      <c r="F35" s="443">
        <v>0</v>
      </c>
      <c r="G35" s="72">
        <v>13</v>
      </c>
      <c r="H35" s="72">
        <v>12</v>
      </c>
      <c r="I35" s="72">
        <v>3</v>
      </c>
      <c r="J35" s="72">
        <v>5</v>
      </c>
      <c r="K35" s="72">
        <v>2</v>
      </c>
      <c r="L35" s="74">
        <v>35</v>
      </c>
      <c r="M35" s="75">
        <v>43</v>
      </c>
      <c r="N35" s="60">
        <v>1</v>
      </c>
      <c r="O35" s="61">
        <v>0</v>
      </c>
      <c r="P35" s="62">
        <v>1</v>
      </c>
      <c r="Q35" s="443">
        <v>0</v>
      </c>
      <c r="R35" s="61">
        <v>0</v>
      </c>
      <c r="S35" s="61">
        <v>0</v>
      </c>
      <c r="T35" s="61">
        <v>0</v>
      </c>
      <c r="U35" s="61">
        <v>0</v>
      </c>
      <c r="V35" s="61">
        <v>0</v>
      </c>
      <c r="W35" s="62">
        <v>0</v>
      </c>
      <c r="X35" s="63">
        <v>1</v>
      </c>
      <c r="Y35" s="60">
        <v>0</v>
      </c>
      <c r="Z35" s="61">
        <v>0</v>
      </c>
      <c r="AA35" s="62">
        <v>0</v>
      </c>
      <c r="AB35" s="443">
        <v>0</v>
      </c>
      <c r="AC35" s="61">
        <v>0</v>
      </c>
      <c r="AD35" s="61">
        <v>0</v>
      </c>
      <c r="AE35" s="61">
        <v>0</v>
      </c>
      <c r="AF35" s="61">
        <v>0</v>
      </c>
      <c r="AG35" s="61">
        <v>0</v>
      </c>
      <c r="AH35" s="62">
        <v>0</v>
      </c>
      <c r="AI35" s="63">
        <v>0</v>
      </c>
      <c r="AJ35" s="60">
        <v>0</v>
      </c>
      <c r="AK35" s="61">
        <v>0</v>
      </c>
      <c r="AL35" s="62">
        <v>0</v>
      </c>
      <c r="AM35" s="443">
        <v>0</v>
      </c>
      <c r="AN35" s="61">
        <v>1</v>
      </c>
      <c r="AO35" s="61">
        <v>1</v>
      </c>
      <c r="AP35" s="61">
        <v>0</v>
      </c>
      <c r="AQ35" s="61">
        <v>0</v>
      </c>
      <c r="AR35" s="61">
        <v>0</v>
      </c>
      <c r="AS35" s="62">
        <v>2</v>
      </c>
      <c r="AT35" s="63">
        <v>2</v>
      </c>
      <c r="AU35" s="60">
        <v>1</v>
      </c>
      <c r="AV35" s="61">
        <v>1</v>
      </c>
      <c r="AW35" s="62">
        <v>2</v>
      </c>
      <c r="AX35" s="443">
        <v>0</v>
      </c>
      <c r="AY35" s="61">
        <v>2</v>
      </c>
      <c r="AZ35" s="61">
        <v>2</v>
      </c>
      <c r="BA35" s="61">
        <v>2</v>
      </c>
      <c r="BB35" s="61">
        <v>1</v>
      </c>
      <c r="BC35" s="61">
        <v>1</v>
      </c>
      <c r="BD35" s="62">
        <v>8</v>
      </c>
      <c r="BE35" s="63">
        <v>10</v>
      </c>
      <c r="BF35" s="60">
        <v>0</v>
      </c>
      <c r="BG35" s="61">
        <v>1</v>
      </c>
      <c r="BH35" s="62">
        <v>1</v>
      </c>
      <c r="BI35" s="443">
        <v>0</v>
      </c>
      <c r="BJ35" s="61">
        <v>8</v>
      </c>
      <c r="BK35" s="61">
        <v>2</v>
      </c>
      <c r="BL35" s="61">
        <v>1</v>
      </c>
      <c r="BM35" s="61">
        <v>4</v>
      </c>
      <c r="BN35" s="61">
        <v>1</v>
      </c>
      <c r="BO35" s="62">
        <v>16</v>
      </c>
      <c r="BP35" s="63">
        <v>17</v>
      </c>
      <c r="BQ35" s="60">
        <v>1</v>
      </c>
      <c r="BR35" s="61">
        <v>3</v>
      </c>
      <c r="BS35" s="62">
        <v>4</v>
      </c>
      <c r="BT35" s="443">
        <v>0</v>
      </c>
      <c r="BU35" s="61">
        <v>2</v>
      </c>
      <c r="BV35" s="61">
        <v>7</v>
      </c>
      <c r="BW35" s="61">
        <v>0</v>
      </c>
      <c r="BX35" s="61">
        <v>0</v>
      </c>
      <c r="BY35" s="61">
        <v>0</v>
      </c>
      <c r="BZ35" s="62">
        <v>9</v>
      </c>
      <c r="CA35" s="63">
        <v>13</v>
      </c>
      <c r="CB35" s="60">
        <v>0</v>
      </c>
      <c r="CC35" s="61">
        <v>0</v>
      </c>
      <c r="CD35" s="62">
        <v>0</v>
      </c>
      <c r="CE35" s="443">
        <v>0</v>
      </c>
      <c r="CF35" s="61">
        <v>0</v>
      </c>
      <c r="CG35" s="61">
        <v>0</v>
      </c>
      <c r="CH35" s="61">
        <v>0</v>
      </c>
      <c r="CI35" s="61">
        <v>0</v>
      </c>
      <c r="CJ35" s="61">
        <v>0</v>
      </c>
      <c r="CK35" s="62">
        <v>0</v>
      </c>
      <c r="CL35" s="63">
        <v>0</v>
      </c>
      <c r="CM35" s="60">
        <v>3</v>
      </c>
      <c r="CN35" s="61">
        <v>5</v>
      </c>
      <c r="CO35" s="62">
        <v>8</v>
      </c>
      <c r="CP35" s="443">
        <v>0</v>
      </c>
      <c r="CQ35" s="61">
        <v>13</v>
      </c>
      <c r="CR35" s="61">
        <v>12</v>
      </c>
      <c r="CS35" s="61">
        <v>3</v>
      </c>
      <c r="CT35" s="61">
        <v>5</v>
      </c>
      <c r="CU35" s="61">
        <v>2</v>
      </c>
      <c r="CV35" s="62">
        <v>35</v>
      </c>
      <c r="CW35" s="63">
        <v>43</v>
      </c>
      <c r="CX35" s="113">
        <v>1</v>
      </c>
      <c r="CY35" s="72">
        <v>0</v>
      </c>
      <c r="CZ35" s="73">
        <v>1</v>
      </c>
      <c r="DA35" s="443">
        <v>0</v>
      </c>
      <c r="DB35" s="72">
        <v>1</v>
      </c>
      <c r="DC35" s="72">
        <v>3</v>
      </c>
      <c r="DD35" s="72">
        <v>1</v>
      </c>
      <c r="DE35" s="72">
        <v>3</v>
      </c>
      <c r="DF35" s="72">
        <v>2</v>
      </c>
      <c r="DG35" s="74">
        <v>10</v>
      </c>
      <c r="DH35" s="75">
        <v>11</v>
      </c>
      <c r="DI35" s="60">
        <v>0</v>
      </c>
      <c r="DJ35" s="61">
        <v>0</v>
      </c>
      <c r="DK35" s="62">
        <v>0</v>
      </c>
      <c r="DL35" s="443">
        <v>0</v>
      </c>
      <c r="DM35" s="61">
        <v>1</v>
      </c>
      <c r="DN35" s="61">
        <v>0</v>
      </c>
      <c r="DO35" s="61">
        <v>0</v>
      </c>
      <c r="DP35" s="61">
        <v>0</v>
      </c>
      <c r="DQ35" s="61">
        <v>0</v>
      </c>
      <c r="DR35" s="62">
        <v>1</v>
      </c>
      <c r="DS35" s="63">
        <v>1</v>
      </c>
      <c r="DT35" s="60">
        <v>0</v>
      </c>
      <c r="DU35" s="61">
        <v>0</v>
      </c>
      <c r="DV35" s="62">
        <v>0</v>
      </c>
      <c r="DW35" s="443">
        <v>0</v>
      </c>
      <c r="DX35" s="61">
        <v>0</v>
      </c>
      <c r="DY35" s="61">
        <v>0</v>
      </c>
      <c r="DZ35" s="61">
        <v>0</v>
      </c>
      <c r="EA35" s="61">
        <v>0</v>
      </c>
      <c r="EB35" s="61">
        <v>0</v>
      </c>
      <c r="EC35" s="62">
        <v>0</v>
      </c>
      <c r="ED35" s="63">
        <v>0</v>
      </c>
      <c r="EE35" s="60">
        <v>1</v>
      </c>
      <c r="EF35" s="61">
        <v>0</v>
      </c>
      <c r="EG35" s="62">
        <v>1</v>
      </c>
      <c r="EH35" s="443">
        <v>0</v>
      </c>
      <c r="EI35" s="61">
        <v>0</v>
      </c>
      <c r="EJ35" s="61">
        <v>0</v>
      </c>
      <c r="EK35" s="61">
        <v>0</v>
      </c>
      <c r="EL35" s="61">
        <v>0</v>
      </c>
      <c r="EM35" s="61">
        <v>0</v>
      </c>
      <c r="EN35" s="62">
        <v>0</v>
      </c>
      <c r="EO35" s="63">
        <v>1</v>
      </c>
      <c r="EP35" s="60">
        <v>0</v>
      </c>
      <c r="EQ35" s="61">
        <v>0</v>
      </c>
      <c r="ER35" s="62">
        <v>0</v>
      </c>
      <c r="ES35" s="443">
        <v>0</v>
      </c>
      <c r="ET35" s="61">
        <v>0</v>
      </c>
      <c r="EU35" s="61">
        <v>1</v>
      </c>
      <c r="EV35" s="61">
        <v>0</v>
      </c>
      <c r="EW35" s="61">
        <v>0</v>
      </c>
      <c r="EX35" s="61">
        <v>0</v>
      </c>
      <c r="EY35" s="62">
        <v>1</v>
      </c>
      <c r="EZ35" s="63">
        <v>1</v>
      </c>
      <c r="FA35" s="60">
        <v>0</v>
      </c>
      <c r="FB35" s="61">
        <v>0</v>
      </c>
      <c r="FC35" s="62">
        <v>0</v>
      </c>
      <c r="FD35" s="443">
        <v>0</v>
      </c>
      <c r="FE35" s="61">
        <v>0</v>
      </c>
      <c r="FF35" s="61">
        <v>1</v>
      </c>
      <c r="FG35" s="61">
        <v>1</v>
      </c>
      <c r="FH35" s="61">
        <v>1</v>
      </c>
      <c r="FI35" s="61">
        <v>1</v>
      </c>
      <c r="FJ35" s="62">
        <v>4</v>
      </c>
      <c r="FK35" s="63">
        <v>4</v>
      </c>
      <c r="FL35" s="60">
        <v>0</v>
      </c>
      <c r="FM35" s="61">
        <v>0</v>
      </c>
      <c r="FN35" s="62">
        <v>0</v>
      </c>
      <c r="FO35" s="443">
        <v>0</v>
      </c>
      <c r="FP35" s="61">
        <v>0</v>
      </c>
      <c r="FQ35" s="61">
        <v>1</v>
      </c>
      <c r="FR35" s="61">
        <v>0</v>
      </c>
      <c r="FS35" s="61">
        <v>2</v>
      </c>
      <c r="FT35" s="61">
        <v>1</v>
      </c>
      <c r="FU35" s="62">
        <v>4</v>
      </c>
      <c r="FV35" s="63">
        <v>4</v>
      </c>
      <c r="FW35" s="60">
        <v>0</v>
      </c>
      <c r="FX35" s="61">
        <v>0</v>
      </c>
      <c r="FY35" s="62">
        <v>0</v>
      </c>
      <c r="FZ35" s="443">
        <v>0</v>
      </c>
      <c r="GA35" s="61">
        <v>0</v>
      </c>
      <c r="GB35" s="61">
        <v>0</v>
      </c>
      <c r="GC35" s="61">
        <v>0</v>
      </c>
      <c r="GD35" s="61">
        <v>0</v>
      </c>
      <c r="GE35" s="61">
        <v>0</v>
      </c>
      <c r="GF35" s="62">
        <v>0</v>
      </c>
      <c r="GG35" s="63">
        <v>0</v>
      </c>
      <c r="GH35" s="60">
        <v>1</v>
      </c>
      <c r="GI35" s="61">
        <v>0</v>
      </c>
      <c r="GJ35" s="62">
        <v>1</v>
      </c>
      <c r="GK35" s="443">
        <v>0</v>
      </c>
      <c r="GL35" s="61">
        <v>1</v>
      </c>
      <c r="GM35" s="61">
        <v>3</v>
      </c>
      <c r="GN35" s="61">
        <v>1</v>
      </c>
      <c r="GO35" s="61">
        <v>3</v>
      </c>
      <c r="GP35" s="61">
        <v>2</v>
      </c>
      <c r="GQ35" s="62">
        <v>10</v>
      </c>
      <c r="GR35" s="63">
        <v>11</v>
      </c>
      <c r="GS35" s="113">
        <v>4</v>
      </c>
      <c r="GT35" s="72">
        <v>5</v>
      </c>
      <c r="GU35" s="73">
        <v>9</v>
      </c>
      <c r="GV35" s="443">
        <v>0</v>
      </c>
      <c r="GW35" s="72">
        <v>14</v>
      </c>
      <c r="GX35" s="72">
        <v>15</v>
      </c>
      <c r="GY35" s="72">
        <v>4</v>
      </c>
      <c r="GZ35" s="72">
        <v>8</v>
      </c>
      <c r="HA35" s="72">
        <v>4</v>
      </c>
      <c r="HB35" s="74">
        <v>45</v>
      </c>
      <c r="HC35" s="75">
        <v>54</v>
      </c>
      <c r="HD35" s="60">
        <v>1</v>
      </c>
      <c r="HE35" s="61">
        <v>0</v>
      </c>
      <c r="HF35" s="62">
        <v>1</v>
      </c>
      <c r="HG35" s="443">
        <v>0</v>
      </c>
      <c r="HH35" s="61">
        <v>1</v>
      </c>
      <c r="HI35" s="61">
        <v>0</v>
      </c>
      <c r="HJ35" s="61">
        <v>0</v>
      </c>
      <c r="HK35" s="61">
        <v>0</v>
      </c>
      <c r="HL35" s="61">
        <v>0</v>
      </c>
      <c r="HM35" s="62">
        <v>1</v>
      </c>
      <c r="HN35" s="63">
        <v>2</v>
      </c>
      <c r="HO35" s="60">
        <v>0</v>
      </c>
      <c r="HP35" s="61">
        <v>0</v>
      </c>
      <c r="HQ35" s="62">
        <v>0</v>
      </c>
      <c r="HR35" s="443">
        <v>0</v>
      </c>
      <c r="HS35" s="61">
        <v>0</v>
      </c>
      <c r="HT35" s="61">
        <v>0</v>
      </c>
      <c r="HU35" s="61">
        <v>0</v>
      </c>
      <c r="HV35" s="61">
        <v>0</v>
      </c>
      <c r="HW35" s="61">
        <v>0</v>
      </c>
      <c r="HX35" s="62">
        <v>0</v>
      </c>
      <c r="HY35" s="63">
        <v>0</v>
      </c>
      <c r="HZ35" s="60">
        <v>1</v>
      </c>
      <c r="IA35" s="61">
        <v>0</v>
      </c>
      <c r="IB35" s="62">
        <v>1</v>
      </c>
      <c r="IC35" s="443">
        <v>0</v>
      </c>
      <c r="ID35" s="61">
        <v>1</v>
      </c>
      <c r="IE35" s="61">
        <v>1</v>
      </c>
      <c r="IF35" s="61">
        <v>0</v>
      </c>
      <c r="IG35" s="61">
        <v>0</v>
      </c>
      <c r="IH35" s="61">
        <v>0</v>
      </c>
      <c r="II35" s="62">
        <v>2</v>
      </c>
      <c r="IJ35" s="63">
        <v>3</v>
      </c>
      <c r="IK35" s="60">
        <v>1</v>
      </c>
      <c r="IL35" s="61">
        <v>1</v>
      </c>
      <c r="IM35" s="62">
        <v>2</v>
      </c>
      <c r="IN35" s="443">
        <v>0</v>
      </c>
      <c r="IO35" s="61">
        <v>2</v>
      </c>
      <c r="IP35" s="61">
        <v>3</v>
      </c>
      <c r="IQ35" s="61">
        <v>2</v>
      </c>
      <c r="IR35" s="61">
        <v>1</v>
      </c>
      <c r="IS35" s="61">
        <v>1</v>
      </c>
      <c r="IT35" s="62">
        <v>9</v>
      </c>
      <c r="IU35" s="63">
        <v>11</v>
      </c>
      <c r="IV35" s="60">
        <v>0</v>
      </c>
      <c r="IW35" s="61">
        <v>1</v>
      </c>
      <c r="IX35" s="62">
        <v>1</v>
      </c>
      <c r="IY35" s="443">
        <v>0</v>
      </c>
      <c r="IZ35" s="61">
        <v>8</v>
      </c>
      <c r="JA35" s="61">
        <v>3</v>
      </c>
      <c r="JB35" s="61">
        <v>2</v>
      </c>
      <c r="JC35" s="61">
        <v>5</v>
      </c>
      <c r="JD35" s="61">
        <v>2</v>
      </c>
      <c r="JE35" s="62">
        <v>20</v>
      </c>
      <c r="JF35" s="63">
        <v>21</v>
      </c>
      <c r="JG35" s="60">
        <v>1</v>
      </c>
      <c r="JH35" s="61">
        <v>3</v>
      </c>
      <c r="JI35" s="62">
        <v>4</v>
      </c>
      <c r="JJ35" s="443">
        <v>0</v>
      </c>
      <c r="JK35" s="61">
        <v>2</v>
      </c>
      <c r="JL35" s="61">
        <v>8</v>
      </c>
      <c r="JM35" s="61">
        <v>0</v>
      </c>
      <c r="JN35" s="61">
        <v>2</v>
      </c>
      <c r="JO35" s="61">
        <v>1</v>
      </c>
      <c r="JP35" s="62">
        <v>13</v>
      </c>
      <c r="JQ35" s="63">
        <v>17</v>
      </c>
      <c r="JR35" s="60">
        <v>0</v>
      </c>
      <c r="JS35" s="61">
        <v>0</v>
      </c>
      <c r="JT35" s="62">
        <v>0</v>
      </c>
      <c r="JU35" s="443">
        <v>0</v>
      </c>
      <c r="JV35" s="61">
        <v>0</v>
      </c>
      <c r="JW35" s="61">
        <v>0</v>
      </c>
      <c r="JX35" s="61">
        <v>0</v>
      </c>
      <c r="JY35" s="61">
        <v>0</v>
      </c>
      <c r="JZ35" s="61">
        <v>0</v>
      </c>
      <c r="KA35" s="62">
        <v>0</v>
      </c>
      <c r="KB35" s="63">
        <v>0</v>
      </c>
      <c r="KC35" s="60">
        <v>4</v>
      </c>
      <c r="KD35" s="61">
        <v>5</v>
      </c>
      <c r="KE35" s="62">
        <v>9</v>
      </c>
      <c r="KF35" s="443">
        <v>0</v>
      </c>
      <c r="KG35" s="61">
        <v>14</v>
      </c>
      <c r="KH35" s="61">
        <v>15</v>
      </c>
      <c r="KI35" s="61">
        <v>4</v>
      </c>
      <c r="KJ35" s="61">
        <v>8</v>
      </c>
      <c r="KK35" s="61">
        <v>4</v>
      </c>
      <c r="KL35" s="62">
        <v>45</v>
      </c>
      <c r="KM35" s="63">
        <v>54</v>
      </c>
    </row>
    <row r="36" spans="2:299" ht="21" customHeight="1" x14ac:dyDescent="0.2">
      <c r="B36" s="437" t="s">
        <v>33</v>
      </c>
      <c r="C36" s="287">
        <v>5</v>
      </c>
      <c r="D36" s="72">
        <v>3</v>
      </c>
      <c r="E36" s="73">
        <v>8</v>
      </c>
      <c r="F36" s="443">
        <v>0</v>
      </c>
      <c r="G36" s="72">
        <v>5</v>
      </c>
      <c r="H36" s="72">
        <v>2</v>
      </c>
      <c r="I36" s="72">
        <v>4</v>
      </c>
      <c r="J36" s="72">
        <v>0</v>
      </c>
      <c r="K36" s="72">
        <v>3</v>
      </c>
      <c r="L36" s="74">
        <v>14</v>
      </c>
      <c r="M36" s="75">
        <v>22</v>
      </c>
      <c r="N36" s="60">
        <v>0</v>
      </c>
      <c r="O36" s="61">
        <v>0</v>
      </c>
      <c r="P36" s="62">
        <v>0</v>
      </c>
      <c r="Q36" s="443">
        <v>0</v>
      </c>
      <c r="R36" s="61">
        <v>0</v>
      </c>
      <c r="S36" s="61">
        <v>0</v>
      </c>
      <c r="T36" s="61">
        <v>0</v>
      </c>
      <c r="U36" s="61">
        <v>0</v>
      </c>
      <c r="V36" s="61">
        <v>0</v>
      </c>
      <c r="W36" s="62">
        <v>0</v>
      </c>
      <c r="X36" s="63">
        <v>0</v>
      </c>
      <c r="Y36" s="60">
        <v>0</v>
      </c>
      <c r="Z36" s="61">
        <v>0</v>
      </c>
      <c r="AA36" s="62">
        <v>0</v>
      </c>
      <c r="AB36" s="443">
        <v>0</v>
      </c>
      <c r="AC36" s="61">
        <v>0</v>
      </c>
      <c r="AD36" s="61">
        <v>0</v>
      </c>
      <c r="AE36" s="61">
        <v>0</v>
      </c>
      <c r="AF36" s="61">
        <v>0</v>
      </c>
      <c r="AG36" s="61">
        <v>0</v>
      </c>
      <c r="AH36" s="62">
        <v>0</v>
      </c>
      <c r="AI36" s="63">
        <v>0</v>
      </c>
      <c r="AJ36" s="60">
        <v>2</v>
      </c>
      <c r="AK36" s="61">
        <v>0</v>
      </c>
      <c r="AL36" s="62">
        <v>2</v>
      </c>
      <c r="AM36" s="443">
        <v>0</v>
      </c>
      <c r="AN36" s="61">
        <v>0</v>
      </c>
      <c r="AO36" s="61">
        <v>0</v>
      </c>
      <c r="AP36" s="61">
        <v>0</v>
      </c>
      <c r="AQ36" s="61">
        <v>0</v>
      </c>
      <c r="AR36" s="61">
        <v>0</v>
      </c>
      <c r="AS36" s="62">
        <v>0</v>
      </c>
      <c r="AT36" s="63">
        <v>2</v>
      </c>
      <c r="AU36" s="60">
        <v>1</v>
      </c>
      <c r="AV36" s="61">
        <v>0</v>
      </c>
      <c r="AW36" s="62">
        <v>1</v>
      </c>
      <c r="AX36" s="443">
        <v>0</v>
      </c>
      <c r="AY36" s="61">
        <v>0</v>
      </c>
      <c r="AZ36" s="61">
        <v>1</v>
      </c>
      <c r="BA36" s="61">
        <v>2</v>
      </c>
      <c r="BB36" s="61">
        <v>0</v>
      </c>
      <c r="BC36" s="61">
        <v>1</v>
      </c>
      <c r="BD36" s="62">
        <v>4</v>
      </c>
      <c r="BE36" s="63">
        <v>5</v>
      </c>
      <c r="BF36" s="60">
        <v>1</v>
      </c>
      <c r="BG36" s="61">
        <v>2</v>
      </c>
      <c r="BH36" s="62">
        <v>3</v>
      </c>
      <c r="BI36" s="443">
        <v>0</v>
      </c>
      <c r="BJ36" s="61">
        <v>3</v>
      </c>
      <c r="BK36" s="61">
        <v>0</v>
      </c>
      <c r="BL36" s="61">
        <v>1</v>
      </c>
      <c r="BM36" s="61">
        <v>0</v>
      </c>
      <c r="BN36" s="61">
        <v>0</v>
      </c>
      <c r="BO36" s="62">
        <v>4</v>
      </c>
      <c r="BP36" s="63">
        <v>7</v>
      </c>
      <c r="BQ36" s="60">
        <v>1</v>
      </c>
      <c r="BR36" s="61">
        <v>1</v>
      </c>
      <c r="BS36" s="62">
        <v>2</v>
      </c>
      <c r="BT36" s="443">
        <v>0</v>
      </c>
      <c r="BU36" s="61">
        <v>2</v>
      </c>
      <c r="BV36" s="61">
        <v>1</v>
      </c>
      <c r="BW36" s="61">
        <v>1</v>
      </c>
      <c r="BX36" s="61">
        <v>0</v>
      </c>
      <c r="BY36" s="61">
        <v>2</v>
      </c>
      <c r="BZ36" s="62">
        <v>6</v>
      </c>
      <c r="CA36" s="63">
        <v>8</v>
      </c>
      <c r="CB36" s="60">
        <v>0</v>
      </c>
      <c r="CC36" s="61">
        <v>0</v>
      </c>
      <c r="CD36" s="62">
        <v>0</v>
      </c>
      <c r="CE36" s="443">
        <v>0</v>
      </c>
      <c r="CF36" s="61">
        <v>0</v>
      </c>
      <c r="CG36" s="61">
        <v>0</v>
      </c>
      <c r="CH36" s="61">
        <v>0</v>
      </c>
      <c r="CI36" s="61">
        <v>0</v>
      </c>
      <c r="CJ36" s="61">
        <v>0</v>
      </c>
      <c r="CK36" s="62">
        <v>0</v>
      </c>
      <c r="CL36" s="63">
        <v>0</v>
      </c>
      <c r="CM36" s="60">
        <v>5</v>
      </c>
      <c r="CN36" s="61">
        <v>3</v>
      </c>
      <c r="CO36" s="62">
        <v>8</v>
      </c>
      <c r="CP36" s="443">
        <v>0</v>
      </c>
      <c r="CQ36" s="61">
        <v>5</v>
      </c>
      <c r="CR36" s="61">
        <v>2</v>
      </c>
      <c r="CS36" s="61">
        <v>4</v>
      </c>
      <c r="CT36" s="61">
        <v>0</v>
      </c>
      <c r="CU36" s="61">
        <v>3</v>
      </c>
      <c r="CV36" s="62">
        <v>14</v>
      </c>
      <c r="CW36" s="63">
        <v>22</v>
      </c>
      <c r="CX36" s="113">
        <v>0</v>
      </c>
      <c r="CY36" s="72">
        <v>2</v>
      </c>
      <c r="CZ36" s="73">
        <v>2</v>
      </c>
      <c r="DA36" s="443">
        <v>0</v>
      </c>
      <c r="DB36" s="72">
        <v>2</v>
      </c>
      <c r="DC36" s="72">
        <v>2</v>
      </c>
      <c r="DD36" s="72">
        <v>0</v>
      </c>
      <c r="DE36" s="72">
        <v>0</v>
      </c>
      <c r="DF36" s="72">
        <v>0</v>
      </c>
      <c r="DG36" s="74">
        <v>4</v>
      </c>
      <c r="DH36" s="75">
        <v>6</v>
      </c>
      <c r="DI36" s="60">
        <v>0</v>
      </c>
      <c r="DJ36" s="61">
        <v>0</v>
      </c>
      <c r="DK36" s="62">
        <v>0</v>
      </c>
      <c r="DL36" s="443">
        <v>0</v>
      </c>
      <c r="DM36" s="61">
        <v>0</v>
      </c>
      <c r="DN36" s="61">
        <v>0</v>
      </c>
      <c r="DO36" s="61">
        <v>0</v>
      </c>
      <c r="DP36" s="61">
        <v>0</v>
      </c>
      <c r="DQ36" s="61">
        <v>0</v>
      </c>
      <c r="DR36" s="62">
        <v>0</v>
      </c>
      <c r="DS36" s="63">
        <v>0</v>
      </c>
      <c r="DT36" s="60">
        <v>0</v>
      </c>
      <c r="DU36" s="61">
        <v>1</v>
      </c>
      <c r="DV36" s="62">
        <v>1</v>
      </c>
      <c r="DW36" s="443">
        <v>0</v>
      </c>
      <c r="DX36" s="61">
        <v>0</v>
      </c>
      <c r="DY36" s="61">
        <v>0</v>
      </c>
      <c r="DZ36" s="61">
        <v>0</v>
      </c>
      <c r="EA36" s="61">
        <v>0</v>
      </c>
      <c r="EB36" s="61">
        <v>0</v>
      </c>
      <c r="EC36" s="62">
        <v>0</v>
      </c>
      <c r="ED36" s="63">
        <v>1</v>
      </c>
      <c r="EE36" s="60">
        <v>0</v>
      </c>
      <c r="EF36" s="61">
        <v>0</v>
      </c>
      <c r="EG36" s="62">
        <v>0</v>
      </c>
      <c r="EH36" s="443">
        <v>0</v>
      </c>
      <c r="EI36" s="61">
        <v>0</v>
      </c>
      <c r="EJ36" s="61">
        <v>0</v>
      </c>
      <c r="EK36" s="61">
        <v>0</v>
      </c>
      <c r="EL36" s="61">
        <v>0</v>
      </c>
      <c r="EM36" s="61">
        <v>0</v>
      </c>
      <c r="EN36" s="62">
        <v>0</v>
      </c>
      <c r="EO36" s="63">
        <v>0</v>
      </c>
      <c r="EP36" s="60">
        <v>0</v>
      </c>
      <c r="EQ36" s="61">
        <v>0</v>
      </c>
      <c r="ER36" s="62">
        <v>0</v>
      </c>
      <c r="ES36" s="443">
        <v>0</v>
      </c>
      <c r="ET36" s="61">
        <v>0</v>
      </c>
      <c r="EU36" s="61">
        <v>0</v>
      </c>
      <c r="EV36" s="61">
        <v>0</v>
      </c>
      <c r="EW36" s="61">
        <v>0</v>
      </c>
      <c r="EX36" s="61">
        <v>0</v>
      </c>
      <c r="EY36" s="62">
        <v>0</v>
      </c>
      <c r="EZ36" s="63">
        <v>0</v>
      </c>
      <c r="FA36" s="60">
        <v>0</v>
      </c>
      <c r="FB36" s="61">
        <v>0</v>
      </c>
      <c r="FC36" s="62">
        <v>0</v>
      </c>
      <c r="FD36" s="443">
        <v>0</v>
      </c>
      <c r="FE36" s="61">
        <v>1</v>
      </c>
      <c r="FF36" s="61">
        <v>0</v>
      </c>
      <c r="FG36" s="61">
        <v>0</v>
      </c>
      <c r="FH36" s="61">
        <v>0</v>
      </c>
      <c r="FI36" s="61">
        <v>0</v>
      </c>
      <c r="FJ36" s="62">
        <v>1</v>
      </c>
      <c r="FK36" s="63">
        <v>1</v>
      </c>
      <c r="FL36" s="60">
        <v>0</v>
      </c>
      <c r="FM36" s="61">
        <v>1</v>
      </c>
      <c r="FN36" s="62">
        <v>1</v>
      </c>
      <c r="FO36" s="443">
        <v>0</v>
      </c>
      <c r="FP36" s="61">
        <v>1</v>
      </c>
      <c r="FQ36" s="61">
        <v>2</v>
      </c>
      <c r="FR36" s="61">
        <v>0</v>
      </c>
      <c r="FS36" s="61">
        <v>0</v>
      </c>
      <c r="FT36" s="61">
        <v>0</v>
      </c>
      <c r="FU36" s="62">
        <v>3</v>
      </c>
      <c r="FV36" s="63">
        <v>4</v>
      </c>
      <c r="FW36" s="60">
        <v>0</v>
      </c>
      <c r="FX36" s="61">
        <v>0</v>
      </c>
      <c r="FY36" s="62">
        <v>0</v>
      </c>
      <c r="FZ36" s="443">
        <v>0</v>
      </c>
      <c r="GA36" s="61">
        <v>0</v>
      </c>
      <c r="GB36" s="61">
        <v>0</v>
      </c>
      <c r="GC36" s="61">
        <v>0</v>
      </c>
      <c r="GD36" s="61">
        <v>0</v>
      </c>
      <c r="GE36" s="61">
        <v>0</v>
      </c>
      <c r="GF36" s="62">
        <v>0</v>
      </c>
      <c r="GG36" s="63">
        <v>0</v>
      </c>
      <c r="GH36" s="60">
        <v>0</v>
      </c>
      <c r="GI36" s="61">
        <v>2</v>
      </c>
      <c r="GJ36" s="62">
        <v>2</v>
      </c>
      <c r="GK36" s="443">
        <v>0</v>
      </c>
      <c r="GL36" s="61">
        <v>2</v>
      </c>
      <c r="GM36" s="61">
        <v>2</v>
      </c>
      <c r="GN36" s="61">
        <v>0</v>
      </c>
      <c r="GO36" s="61">
        <v>0</v>
      </c>
      <c r="GP36" s="61">
        <v>0</v>
      </c>
      <c r="GQ36" s="62">
        <v>4</v>
      </c>
      <c r="GR36" s="63">
        <v>6</v>
      </c>
      <c r="GS36" s="113">
        <v>5</v>
      </c>
      <c r="GT36" s="72">
        <v>5</v>
      </c>
      <c r="GU36" s="73">
        <v>10</v>
      </c>
      <c r="GV36" s="443">
        <v>0</v>
      </c>
      <c r="GW36" s="72">
        <v>7</v>
      </c>
      <c r="GX36" s="72">
        <v>4</v>
      </c>
      <c r="GY36" s="72">
        <v>4</v>
      </c>
      <c r="GZ36" s="72">
        <v>0</v>
      </c>
      <c r="HA36" s="72">
        <v>3</v>
      </c>
      <c r="HB36" s="74">
        <v>18</v>
      </c>
      <c r="HC36" s="75">
        <v>28</v>
      </c>
      <c r="HD36" s="60">
        <v>0</v>
      </c>
      <c r="HE36" s="61">
        <v>0</v>
      </c>
      <c r="HF36" s="62">
        <v>0</v>
      </c>
      <c r="HG36" s="443">
        <v>0</v>
      </c>
      <c r="HH36" s="61">
        <v>0</v>
      </c>
      <c r="HI36" s="61">
        <v>0</v>
      </c>
      <c r="HJ36" s="61">
        <v>0</v>
      </c>
      <c r="HK36" s="61">
        <v>0</v>
      </c>
      <c r="HL36" s="61">
        <v>0</v>
      </c>
      <c r="HM36" s="62">
        <v>0</v>
      </c>
      <c r="HN36" s="63">
        <v>0</v>
      </c>
      <c r="HO36" s="60">
        <v>0</v>
      </c>
      <c r="HP36" s="61">
        <v>1</v>
      </c>
      <c r="HQ36" s="62">
        <v>1</v>
      </c>
      <c r="HR36" s="443">
        <v>0</v>
      </c>
      <c r="HS36" s="61">
        <v>0</v>
      </c>
      <c r="HT36" s="61">
        <v>0</v>
      </c>
      <c r="HU36" s="61">
        <v>0</v>
      </c>
      <c r="HV36" s="61">
        <v>0</v>
      </c>
      <c r="HW36" s="61">
        <v>0</v>
      </c>
      <c r="HX36" s="62">
        <v>0</v>
      </c>
      <c r="HY36" s="63">
        <v>1</v>
      </c>
      <c r="HZ36" s="60">
        <v>2</v>
      </c>
      <c r="IA36" s="61">
        <v>0</v>
      </c>
      <c r="IB36" s="62">
        <v>2</v>
      </c>
      <c r="IC36" s="443">
        <v>0</v>
      </c>
      <c r="ID36" s="61">
        <v>0</v>
      </c>
      <c r="IE36" s="61">
        <v>0</v>
      </c>
      <c r="IF36" s="61">
        <v>0</v>
      </c>
      <c r="IG36" s="61">
        <v>0</v>
      </c>
      <c r="IH36" s="61">
        <v>0</v>
      </c>
      <c r="II36" s="62">
        <v>0</v>
      </c>
      <c r="IJ36" s="63">
        <v>2</v>
      </c>
      <c r="IK36" s="60">
        <v>1</v>
      </c>
      <c r="IL36" s="61">
        <v>0</v>
      </c>
      <c r="IM36" s="62">
        <v>1</v>
      </c>
      <c r="IN36" s="443">
        <v>0</v>
      </c>
      <c r="IO36" s="61">
        <v>0</v>
      </c>
      <c r="IP36" s="61">
        <v>1</v>
      </c>
      <c r="IQ36" s="61">
        <v>2</v>
      </c>
      <c r="IR36" s="61">
        <v>0</v>
      </c>
      <c r="IS36" s="61">
        <v>1</v>
      </c>
      <c r="IT36" s="62">
        <v>4</v>
      </c>
      <c r="IU36" s="63">
        <v>5</v>
      </c>
      <c r="IV36" s="60">
        <v>1</v>
      </c>
      <c r="IW36" s="61">
        <v>2</v>
      </c>
      <c r="IX36" s="62">
        <v>3</v>
      </c>
      <c r="IY36" s="443">
        <v>0</v>
      </c>
      <c r="IZ36" s="61">
        <v>4</v>
      </c>
      <c r="JA36" s="61">
        <v>0</v>
      </c>
      <c r="JB36" s="61">
        <v>1</v>
      </c>
      <c r="JC36" s="61">
        <v>0</v>
      </c>
      <c r="JD36" s="61">
        <v>0</v>
      </c>
      <c r="JE36" s="62">
        <v>5</v>
      </c>
      <c r="JF36" s="63">
        <v>8</v>
      </c>
      <c r="JG36" s="60">
        <v>1</v>
      </c>
      <c r="JH36" s="61">
        <v>2</v>
      </c>
      <c r="JI36" s="62">
        <v>3</v>
      </c>
      <c r="JJ36" s="443">
        <v>0</v>
      </c>
      <c r="JK36" s="61">
        <v>3</v>
      </c>
      <c r="JL36" s="61">
        <v>3</v>
      </c>
      <c r="JM36" s="61">
        <v>1</v>
      </c>
      <c r="JN36" s="61">
        <v>0</v>
      </c>
      <c r="JO36" s="61">
        <v>2</v>
      </c>
      <c r="JP36" s="62">
        <v>9</v>
      </c>
      <c r="JQ36" s="63">
        <v>12</v>
      </c>
      <c r="JR36" s="60">
        <v>0</v>
      </c>
      <c r="JS36" s="61">
        <v>0</v>
      </c>
      <c r="JT36" s="62">
        <v>0</v>
      </c>
      <c r="JU36" s="443">
        <v>0</v>
      </c>
      <c r="JV36" s="61">
        <v>0</v>
      </c>
      <c r="JW36" s="61">
        <v>0</v>
      </c>
      <c r="JX36" s="61">
        <v>0</v>
      </c>
      <c r="JY36" s="61">
        <v>0</v>
      </c>
      <c r="JZ36" s="61">
        <v>0</v>
      </c>
      <c r="KA36" s="62">
        <v>0</v>
      </c>
      <c r="KB36" s="63">
        <v>0</v>
      </c>
      <c r="KC36" s="60">
        <v>5</v>
      </c>
      <c r="KD36" s="61">
        <v>5</v>
      </c>
      <c r="KE36" s="62">
        <v>10</v>
      </c>
      <c r="KF36" s="443">
        <v>0</v>
      </c>
      <c r="KG36" s="61">
        <v>7</v>
      </c>
      <c r="KH36" s="61">
        <v>4</v>
      </c>
      <c r="KI36" s="61">
        <v>4</v>
      </c>
      <c r="KJ36" s="61">
        <v>0</v>
      </c>
      <c r="KK36" s="61">
        <v>3</v>
      </c>
      <c r="KL36" s="62">
        <v>18</v>
      </c>
      <c r="KM36" s="63">
        <v>28</v>
      </c>
    </row>
    <row r="37" spans="2:299" ht="21" customHeight="1" x14ac:dyDescent="0.2">
      <c r="B37" s="437" t="s">
        <v>34</v>
      </c>
      <c r="C37" s="287">
        <v>3</v>
      </c>
      <c r="D37" s="72">
        <v>3</v>
      </c>
      <c r="E37" s="73">
        <v>6</v>
      </c>
      <c r="F37" s="443">
        <v>0</v>
      </c>
      <c r="G37" s="72">
        <v>2</v>
      </c>
      <c r="H37" s="72">
        <v>11</v>
      </c>
      <c r="I37" s="72">
        <v>3</v>
      </c>
      <c r="J37" s="72">
        <v>1</v>
      </c>
      <c r="K37" s="72">
        <v>0</v>
      </c>
      <c r="L37" s="74">
        <v>17</v>
      </c>
      <c r="M37" s="75">
        <v>23</v>
      </c>
      <c r="N37" s="60">
        <v>0</v>
      </c>
      <c r="O37" s="61">
        <v>0</v>
      </c>
      <c r="P37" s="62">
        <v>0</v>
      </c>
      <c r="Q37" s="443">
        <v>0</v>
      </c>
      <c r="R37" s="61">
        <v>0</v>
      </c>
      <c r="S37" s="61">
        <v>0</v>
      </c>
      <c r="T37" s="61">
        <v>0</v>
      </c>
      <c r="U37" s="61">
        <v>0</v>
      </c>
      <c r="V37" s="61">
        <v>0</v>
      </c>
      <c r="W37" s="62">
        <v>0</v>
      </c>
      <c r="X37" s="63">
        <v>0</v>
      </c>
      <c r="Y37" s="60">
        <v>0</v>
      </c>
      <c r="Z37" s="61">
        <v>0</v>
      </c>
      <c r="AA37" s="62">
        <v>0</v>
      </c>
      <c r="AB37" s="443">
        <v>0</v>
      </c>
      <c r="AC37" s="61">
        <v>0</v>
      </c>
      <c r="AD37" s="61">
        <v>0</v>
      </c>
      <c r="AE37" s="61">
        <v>0</v>
      </c>
      <c r="AF37" s="61">
        <v>0</v>
      </c>
      <c r="AG37" s="61">
        <v>0</v>
      </c>
      <c r="AH37" s="62">
        <v>0</v>
      </c>
      <c r="AI37" s="63">
        <v>0</v>
      </c>
      <c r="AJ37" s="60">
        <v>0</v>
      </c>
      <c r="AK37" s="61">
        <v>0</v>
      </c>
      <c r="AL37" s="62">
        <v>0</v>
      </c>
      <c r="AM37" s="443">
        <v>0</v>
      </c>
      <c r="AN37" s="61">
        <v>0</v>
      </c>
      <c r="AO37" s="61">
        <v>0</v>
      </c>
      <c r="AP37" s="61">
        <v>0</v>
      </c>
      <c r="AQ37" s="61">
        <v>0</v>
      </c>
      <c r="AR37" s="61">
        <v>0</v>
      </c>
      <c r="AS37" s="62">
        <v>0</v>
      </c>
      <c r="AT37" s="63">
        <v>0</v>
      </c>
      <c r="AU37" s="60">
        <v>1</v>
      </c>
      <c r="AV37" s="61">
        <v>1</v>
      </c>
      <c r="AW37" s="62">
        <v>2</v>
      </c>
      <c r="AX37" s="443">
        <v>0</v>
      </c>
      <c r="AY37" s="61">
        <v>0</v>
      </c>
      <c r="AZ37" s="61">
        <v>6</v>
      </c>
      <c r="BA37" s="61">
        <v>0</v>
      </c>
      <c r="BB37" s="61">
        <v>0</v>
      </c>
      <c r="BC37" s="61">
        <v>0</v>
      </c>
      <c r="BD37" s="62">
        <v>6</v>
      </c>
      <c r="BE37" s="63">
        <v>8</v>
      </c>
      <c r="BF37" s="60">
        <v>2</v>
      </c>
      <c r="BG37" s="61">
        <v>1</v>
      </c>
      <c r="BH37" s="62">
        <v>3</v>
      </c>
      <c r="BI37" s="443">
        <v>0</v>
      </c>
      <c r="BJ37" s="61">
        <v>1</v>
      </c>
      <c r="BK37" s="61">
        <v>1</v>
      </c>
      <c r="BL37" s="61">
        <v>3</v>
      </c>
      <c r="BM37" s="61">
        <v>1</v>
      </c>
      <c r="BN37" s="61">
        <v>0</v>
      </c>
      <c r="BO37" s="62">
        <v>6</v>
      </c>
      <c r="BP37" s="63">
        <v>9</v>
      </c>
      <c r="BQ37" s="60">
        <v>0</v>
      </c>
      <c r="BR37" s="61">
        <v>1</v>
      </c>
      <c r="BS37" s="62">
        <v>1</v>
      </c>
      <c r="BT37" s="443">
        <v>0</v>
      </c>
      <c r="BU37" s="61">
        <v>1</v>
      </c>
      <c r="BV37" s="61">
        <v>4</v>
      </c>
      <c r="BW37" s="61">
        <v>0</v>
      </c>
      <c r="BX37" s="61">
        <v>0</v>
      </c>
      <c r="BY37" s="61">
        <v>0</v>
      </c>
      <c r="BZ37" s="62">
        <v>5</v>
      </c>
      <c r="CA37" s="63">
        <v>6</v>
      </c>
      <c r="CB37" s="60">
        <v>0</v>
      </c>
      <c r="CC37" s="61">
        <v>0</v>
      </c>
      <c r="CD37" s="62">
        <v>0</v>
      </c>
      <c r="CE37" s="443">
        <v>0</v>
      </c>
      <c r="CF37" s="61">
        <v>0</v>
      </c>
      <c r="CG37" s="61">
        <v>0</v>
      </c>
      <c r="CH37" s="61">
        <v>0</v>
      </c>
      <c r="CI37" s="61">
        <v>0</v>
      </c>
      <c r="CJ37" s="61">
        <v>0</v>
      </c>
      <c r="CK37" s="62">
        <v>0</v>
      </c>
      <c r="CL37" s="63">
        <v>0</v>
      </c>
      <c r="CM37" s="60">
        <v>3</v>
      </c>
      <c r="CN37" s="61">
        <v>3</v>
      </c>
      <c r="CO37" s="62">
        <v>6</v>
      </c>
      <c r="CP37" s="443">
        <v>0</v>
      </c>
      <c r="CQ37" s="61">
        <v>2</v>
      </c>
      <c r="CR37" s="61">
        <v>11</v>
      </c>
      <c r="CS37" s="61">
        <v>3</v>
      </c>
      <c r="CT37" s="61">
        <v>1</v>
      </c>
      <c r="CU37" s="61">
        <v>0</v>
      </c>
      <c r="CV37" s="62">
        <v>17</v>
      </c>
      <c r="CW37" s="63">
        <v>23</v>
      </c>
      <c r="CX37" s="113">
        <v>1</v>
      </c>
      <c r="CY37" s="72">
        <v>0</v>
      </c>
      <c r="CZ37" s="73">
        <v>1</v>
      </c>
      <c r="DA37" s="443">
        <v>0</v>
      </c>
      <c r="DB37" s="72">
        <v>0</v>
      </c>
      <c r="DC37" s="72">
        <v>0</v>
      </c>
      <c r="DD37" s="72">
        <v>1</v>
      </c>
      <c r="DE37" s="72">
        <v>1</v>
      </c>
      <c r="DF37" s="72">
        <v>1</v>
      </c>
      <c r="DG37" s="74">
        <v>3</v>
      </c>
      <c r="DH37" s="75">
        <v>4</v>
      </c>
      <c r="DI37" s="60">
        <v>0</v>
      </c>
      <c r="DJ37" s="61">
        <v>0</v>
      </c>
      <c r="DK37" s="62">
        <v>0</v>
      </c>
      <c r="DL37" s="443">
        <v>0</v>
      </c>
      <c r="DM37" s="61">
        <v>0</v>
      </c>
      <c r="DN37" s="61">
        <v>0</v>
      </c>
      <c r="DO37" s="61">
        <v>0</v>
      </c>
      <c r="DP37" s="61">
        <v>0</v>
      </c>
      <c r="DQ37" s="61">
        <v>0</v>
      </c>
      <c r="DR37" s="62">
        <v>0</v>
      </c>
      <c r="DS37" s="63">
        <v>0</v>
      </c>
      <c r="DT37" s="60">
        <v>0</v>
      </c>
      <c r="DU37" s="61">
        <v>0</v>
      </c>
      <c r="DV37" s="62">
        <v>0</v>
      </c>
      <c r="DW37" s="443">
        <v>0</v>
      </c>
      <c r="DX37" s="61">
        <v>0</v>
      </c>
      <c r="DY37" s="61">
        <v>0</v>
      </c>
      <c r="DZ37" s="61">
        <v>0</v>
      </c>
      <c r="EA37" s="61">
        <v>1</v>
      </c>
      <c r="EB37" s="61">
        <v>0</v>
      </c>
      <c r="EC37" s="62">
        <v>1</v>
      </c>
      <c r="ED37" s="63">
        <v>1</v>
      </c>
      <c r="EE37" s="60">
        <v>0</v>
      </c>
      <c r="EF37" s="61">
        <v>0</v>
      </c>
      <c r="EG37" s="62">
        <v>0</v>
      </c>
      <c r="EH37" s="443">
        <v>0</v>
      </c>
      <c r="EI37" s="61">
        <v>0</v>
      </c>
      <c r="EJ37" s="61">
        <v>0</v>
      </c>
      <c r="EK37" s="61">
        <v>0</v>
      </c>
      <c r="EL37" s="61">
        <v>0</v>
      </c>
      <c r="EM37" s="61">
        <v>0</v>
      </c>
      <c r="EN37" s="62">
        <v>0</v>
      </c>
      <c r="EO37" s="63">
        <v>0</v>
      </c>
      <c r="EP37" s="60">
        <v>0</v>
      </c>
      <c r="EQ37" s="61">
        <v>0</v>
      </c>
      <c r="ER37" s="62">
        <v>0</v>
      </c>
      <c r="ES37" s="443">
        <v>0</v>
      </c>
      <c r="ET37" s="61">
        <v>0</v>
      </c>
      <c r="EU37" s="61">
        <v>0</v>
      </c>
      <c r="EV37" s="61">
        <v>0</v>
      </c>
      <c r="EW37" s="61">
        <v>0</v>
      </c>
      <c r="EX37" s="61">
        <v>0</v>
      </c>
      <c r="EY37" s="62">
        <v>0</v>
      </c>
      <c r="EZ37" s="63">
        <v>0</v>
      </c>
      <c r="FA37" s="60">
        <v>1</v>
      </c>
      <c r="FB37" s="61">
        <v>0</v>
      </c>
      <c r="FC37" s="62">
        <v>1</v>
      </c>
      <c r="FD37" s="443">
        <v>0</v>
      </c>
      <c r="FE37" s="61">
        <v>0</v>
      </c>
      <c r="FF37" s="61">
        <v>0</v>
      </c>
      <c r="FG37" s="61">
        <v>1</v>
      </c>
      <c r="FH37" s="61">
        <v>0</v>
      </c>
      <c r="FI37" s="61">
        <v>0</v>
      </c>
      <c r="FJ37" s="62">
        <v>1</v>
      </c>
      <c r="FK37" s="63">
        <v>2</v>
      </c>
      <c r="FL37" s="60">
        <v>0</v>
      </c>
      <c r="FM37" s="61">
        <v>0</v>
      </c>
      <c r="FN37" s="62">
        <v>0</v>
      </c>
      <c r="FO37" s="443">
        <v>0</v>
      </c>
      <c r="FP37" s="61">
        <v>0</v>
      </c>
      <c r="FQ37" s="61">
        <v>0</v>
      </c>
      <c r="FR37" s="61">
        <v>0</v>
      </c>
      <c r="FS37" s="61">
        <v>0</v>
      </c>
      <c r="FT37" s="61">
        <v>1</v>
      </c>
      <c r="FU37" s="62">
        <v>1</v>
      </c>
      <c r="FV37" s="63">
        <v>1</v>
      </c>
      <c r="FW37" s="60">
        <v>0</v>
      </c>
      <c r="FX37" s="61">
        <v>0</v>
      </c>
      <c r="FY37" s="62">
        <v>0</v>
      </c>
      <c r="FZ37" s="443">
        <v>0</v>
      </c>
      <c r="GA37" s="61">
        <v>0</v>
      </c>
      <c r="GB37" s="61">
        <v>0</v>
      </c>
      <c r="GC37" s="61">
        <v>0</v>
      </c>
      <c r="GD37" s="61">
        <v>0</v>
      </c>
      <c r="GE37" s="61">
        <v>0</v>
      </c>
      <c r="GF37" s="62">
        <v>0</v>
      </c>
      <c r="GG37" s="63">
        <v>0</v>
      </c>
      <c r="GH37" s="60">
        <v>1</v>
      </c>
      <c r="GI37" s="61">
        <v>0</v>
      </c>
      <c r="GJ37" s="62">
        <v>1</v>
      </c>
      <c r="GK37" s="443">
        <v>0</v>
      </c>
      <c r="GL37" s="61">
        <v>0</v>
      </c>
      <c r="GM37" s="61">
        <v>0</v>
      </c>
      <c r="GN37" s="61">
        <v>1</v>
      </c>
      <c r="GO37" s="61">
        <v>1</v>
      </c>
      <c r="GP37" s="61">
        <v>1</v>
      </c>
      <c r="GQ37" s="62">
        <v>3</v>
      </c>
      <c r="GR37" s="63">
        <v>4</v>
      </c>
      <c r="GS37" s="113">
        <v>4</v>
      </c>
      <c r="GT37" s="72">
        <v>3</v>
      </c>
      <c r="GU37" s="73">
        <v>7</v>
      </c>
      <c r="GV37" s="443">
        <v>0</v>
      </c>
      <c r="GW37" s="72">
        <v>2</v>
      </c>
      <c r="GX37" s="72">
        <v>11</v>
      </c>
      <c r="GY37" s="72">
        <v>4</v>
      </c>
      <c r="GZ37" s="72">
        <v>2</v>
      </c>
      <c r="HA37" s="72">
        <v>1</v>
      </c>
      <c r="HB37" s="74">
        <v>20</v>
      </c>
      <c r="HC37" s="75">
        <v>27</v>
      </c>
      <c r="HD37" s="60">
        <v>0</v>
      </c>
      <c r="HE37" s="61">
        <v>0</v>
      </c>
      <c r="HF37" s="62">
        <v>0</v>
      </c>
      <c r="HG37" s="443">
        <v>0</v>
      </c>
      <c r="HH37" s="61">
        <v>0</v>
      </c>
      <c r="HI37" s="61">
        <v>0</v>
      </c>
      <c r="HJ37" s="61">
        <v>0</v>
      </c>
      <c r="HK37" s="61">
        <v>0</v>
      </c>
      <c r="HL37" s="61">
        <v>0</v>
      </c>
      <c r="HM37" s="62">
        <v>0</v>
      </c>
      <c r="HN37" s="63">
        <v>0</v>
      </c>
      <c r="HO37" s="60">
        <v>0</v>
      </c>
      <c r="HP37" s="61">
        <v>0</v>
      </c>
      <c r="HQ37" s="62">
        <v>0</v>
      </c>
      <c r="HR37" s="443">
        <v>0</v>
      </c>
      <c r="HS37" s="61">
        <v>0</v>
      </c>
      <c r="HT37" s="61">
        <v>0</v>
      </c>
      <c r="HU37" s="61">
        <v>0</v>
      </c>
      <c r="HV37" s="61">
        <v>1</v>
      </c>
      <c r="HW37" s="61">
        <v>0</v>
      </c>
      <c r="HX37" s="62">
        <v>1</v>
      </c>
      <c r="HY37" s="63">
        <v>1</v>
      </c>
      <c r="HZ37" s="60">
        <v>0</v>
      </c>
      <c r="IA37" s="61">
        <v>0</v>
      </c>
      <c r="IB37" s="62">
        <v>0</v>
      </c>
      <c r="IC37" s="443">
        <v>0</v>
      </c>
      <c r="ID37" s="61">
        <v>0</v>
      </c>
      <c r="IE37" s="61">
        <v>0</v>
      </c>
      <c r="IF37" s="61">
        <v>0</v>
      </c>
      <c r="IG37" s="61">
        <v>0</v>
      </c>
      <c r="IH37" s="61">
        <v>0</v>
      </c>
      <c r="II37" s="62">
        <v>0</v>
      </c>
      <c r="IJ37" s="63">
        <v>0</v>
      </c>
      <c r="IK37" s="60">
        <v>1</v>
      </c>
      <c r="IL37" s="61">
        <v>1</v>
      </c>
      <c r="IM37" s="62">
        <v>2</v>
      </c>
      <c r="IN37" s="443">
        <v>0</v>
      </c>
      <c r="IO37" s="61">
        <v>0</v>
      </c>
      <c r="IP37" s="61">
        <v>6</v>
      </c>
      <c r="IQ37" s="61">
        <v>0</v>
      </c>
      <c r="IR37" s="61">
        <v>0</v>
      </c>
      <c r="IS37" s="61">
        <v>0</v>
      </c>
      <c r="IT37" s="62">
        <v>6</v>
      </c>
      <c r="IU37" s="63">
        <v>8</v>
      </c>
      <c r="IV37" s="60">
        <v>3</v>
      </c>
      <c r="IW37" s="61">
        <v>1</v>
      </c>
      <c r="IX37" s="62">
        <v>4</v>
      </c>
      <c r="IY37" s="443">
        <v>0</v>
      </c>
      <c r="IZ37" s="61">
        <v>1</v>
      </c>
      <c r="JA37" s="61">
        <v>1</v>
      </c>
      <c r="JB37" s="61">
        <v>4</v>
      </c>
      <c r="JC37" s="61">
        <v>1</v>
      </c>
      <c r="JD37" s="61">
        <v>0</v>
      </c>
      <c r="JE37" s="62">
        <v>7</v>
      </c>
      <c r="JF37" s="63">
        <v>11</v>
      </c>
      <c r="JG37" s="60">
        <v>0</v>
      </c>
      <c r="JH37" s="61">
        <v>1</v>
      </c>
      <c r="JI37" s="62">
        <v>1</v>
      </c>
      <c r="JJ37" s="443">
        <v>0</v>
      </c>
      <c r="JK37" s="61">
        <v>1</v>
      </c>
      <c r="JL37" s="61">
        <v>4</v>
      </c>
      <c r="JM37" s="61">
        <v>0</v>
      </c>
      <c r="JN37" s="61">
        <v>0</v>
      </c>
      <c r="JO37" s="61">
        <v>1</v>
      </c>
      <c r="JP37" s="62">
        <v>6</v>
      </c>
      <c r="JQ37" s="63">
        <v>7</v>
      </c>
      <c r="JR37" s="60">
        <v>0</v>
      </c>
      <c r="JS37" s="61">
        <v>0</v>
      </c>
      <c r="JT37" s="62">
        <v>0</v>
      </c>
      <c r="JU37" s="443">
        <v>0</v>
      </c>
      <c r="JV37" s="61">
        <v>0</v>
      </c>
      <c r="JW37" s="61">
        <v>0</v>
      </c>
      <c r="JX37" s="61">
        <v>0</v>
      </c>
      <c r="JY37" s="61">
        <v>0</v>
      </c>
      <c r="JZ37" s="61">
        <v>0</v>
      </c>
      <c r="KA37" s="62">
        <v>0</v>
      </c>
      <c r="KB37" s="63">
        <v>0</v>
      </c>
      <c r="KC37" s="60">
        <v>4</v>
      </c>
      <c r="KD37" s="61">
        <v>3</v>
      </c>
      <c r="KE37" s="62">
        <v>7</v>
      </c>
      <c r="KF37" s="443">
        <v>0</v>
      </c>
      <c r="KG37" s="61">
        <v>2</v>
      </c>
      <c r="KH37" s="61">
        <v>11</v>
      </c>
      <c r="KI37" s="61">
        <v>4</v>
      </c>
      <c r="KJ37" s="61">
        <v>2</v>
      </c>
      <c r="KK37" s="61">
        <v>1</v>
      </c>
      <c r="KL37" s="62">
        <v>20</v>
      </c>
      <c r="KM37" s="63">
        <v>27</v>
      </c>
    </row>
    <row r="38" spans="2:299" ht="21" customHeight="1" x14ac:dyDescent="0.2">
      <c r="B38" s="437" t="s">
        <v>35</v>
      </c>
      <c r="C38" s="287">
        <v>7</v>
      </c>
      <c r="D38" s="72">
        <v>2</v>
      </c>
      <c r="E38" s="73">
        <v>9</v>
      </c>
      <c r="F38" s="443">
        <v>0</v>
      </c>
      <c r="G38" s="72">
        <v>16</v>
      </c>
      <c r="H38" s="72">
        <v>7</v>
      </c>
      <c r="I38" s="72">
        <v>7</v>
      </c>
      <c r="J38" s="72">
        <v>7</v>
      </c>
      <c r="K38" s="72">
        <v>2</v>
      </c>
      <c r="L38" s="74">
        <v>39</v>
      </c>
      <c r="M38" s="75">
        <v>48</v>
      </c>
      <c r="N38" s="60">
        <v>0</v>
      </c>
      <c r="O38" s="61">
        <v>0</v>
      </c>
      <c r="P38" s="62">
        <v>0</v>
      </c>
      <c r="Q38" s="443">
        <v>0</v>
      </c>
      <c r="R38" s="61">
        <v>1</v>
      </c>
      <c r="S38" s="61">
        <v>0</v>
      </c>
      <c r="T38" s="61">
        <v>1</v>
      </c>
      <c r="U38" s="61">
        <v>0</v>
      </c>
      <c r="V38" s="61">
        <v>0</v>
      </c>
      <c r="W38" s="62">
        <v>2</v>
      </c>
      <c r="X38" s="63">
        <v>2</v>
      </c>
      <c r="Y38" s="60">
        <v>0</v>
      </c>
      <c r="Z38" s="61">
        <v>0</v>
      </c>
      <c r="AA38" s="62">
        <v>0</v>
      </c>
      <c r="AB38" s="443">
        <v>0</v>
      </c>
      <c r="AC38" s="61">
        <v>0</v>
      </c>
      <c r="AD38" s="61">
        <v>0</v>
      </c>
      <c r="AE38" s="61">
        <v>0</v>
      </c>
      <c r="AF38" s="61">
        <v>0</v>
      </c>
      <c r="AG38" s="61">
        <v>0</v>
      </c>
      <c r="AH38" s="62">
        <v>0</v>
      </c>
      <c r="AI38" s="63">
        <v>0</v>
      </c>
      <c r="AJ38" s="60">
        <v>1</v>
      </c>
      <c r="AK38" s="61">
        <v>0</v>
      </c>
      <c r="AL38" s="62">
        <v>1</v>
      </c>
      <c r="AM38" s="443">
        <v>0</v>
      </c>
      <c r="AN38" s="61">
        <v>1</v>
      </c>
      <c r="AO38" s="61">
        <v>0</v>
      </c>
      <c r="AP38" s="61">
        <v>1</v>
      </c>
      <c r="AQ38" s="61">
        <v>1</v>
      </c>
      <c r="AR38" s="61">
        <v>1</v>
      </c>
      <c r="AS38" s="62">
        <v>4</v>
      </c>
      <c r="AT38" s="63">
        <v>5</v>
      </c>
      <c r="AU38" s="60">
        <v>2</v>
      </c>
      <c r="AV38" s="61">
        <v>1</v>
      </c>
      <c r="AW38" s="62">
        <v>3</v>
      </c>
      <c r="AX38" s="443">
        <v>0</v>
      </c>
      <c r="AY38" s="61">
        <v>4</v>
      </c>
      <c r="AZ38" s="61">
        <v>0</v>
      </c>
      <c r="BA38" s="61">
        <v>1</v>
      </c>
      <c r="BB38" s="61">
        <v>1</v>
      </c>
      <c r="BC38" s="61">
        <v>0</v>
      </c>
      <c r="BD38" s="62">
        <v>6</v>
      </c>
      <c r="BE38" s="63">
        <v>9</v>
      </c>
      <c r="BF38" s="60">
        <v>2</v>
      </c>
      <c r="BG38" s="61">
        <v>0</v>
      </c>
      <c r="BH38" s="62">
        <v>2</v>
      </c>
      <c r="BI38" s="443">
        <v>0</v>
      </c>
      <c r="BJ38" s="61">
        <v>6</v>
      </c>
      <c r="BK38" s="61">
        <v>2</v>
      </c>
      <c r="BL38" s="61">
        <v>0</v>
      </c>
      <c r="BM38" s="61">
        <v>1</v>
      </c>
      <c r="BN38" s="61">
        <v>0</v>
      </c>
      <c r="BO38" s="62">
        <v>9</v>
      </c>
      <c r="BP38" s="63">
        <v>11</v>
      </c>
      <c r="BQ38" s="60">
        <v>2</v>
      </c>
      <c r="BR38" s="61">
        <v>1</v>
      </c>
      <c r="BS38" s="62">
        <v>3</v>
      </c>
      <c r="BT38" s="443">
        <v>0</v>
      </c>
      <c r="BU38" s="61">
        <v>4</v>
      </c>
      <c r="BV38" s="61">
        <v>5</v>
      </c>
      <c r="BW38" s="61">
        <v>4</v>
      </c>
      <c r="BX38" s="61">
        <v>4</v>
      </c>
      <c r="BY38" s="61">
        <v>1</v>
      </c>
      <c r="BZ38" s="62">
        <v>18</v>
      </c>
      <c r="CA38" s="63">
        <v>21</v>
      </c>
      <c r="CB38" s="60">
        <v>0</v>
      </c>
      <c r="CC38" s="61">
        <v>0</v>
      </c>
      <c r="CD38" s="62">
        <v>0</v>
      </c>
      <c r="CE38" s="443">
        <v>0</v>
      </c>
      <c r="CF38" s="61">
        <v>0</v>
      </c>
      <c r="CG38" s="61">
        <v>0</v>
      </c>
      <c r="CH38" s="61">
        <v>0</v>
      </c>
      <c r="CI38" s="61">
        <v>0</v>
      </c>
      <c r="CJ38" s="61">
        <v>0</v>
      </c>
      <c r="CK38" s="62">
        <v>0</v>
      </c>
      <c r="CL38" s="63">
        <v>0</v>
      </c>
      <c r="CM38" s="60">
        <v>7</v>
      </c>
      <c r="CN38" s="61">
        <v>2</v>
      </c>
      <c r="CO38" s="62">
        <v>9</v>
      </c>
      <c r="CP38" s="443">
        <v>0</v>
      </c>
      <c r="CQ38" s="61">
        <v>16</v>
      </c>
      <c r="CR38" s="61">
        <v>7</v>
      </c>
      <c r="CS38" s="61">
        <v>7</v>
      </c>
      <c r="CT38" s="61">
        <v>7</v>
      </c>
      <c r="CU38" s="61">
        <v>2</v>
      </c>
      <c r="CV38" s="62">
        <v>39</v>
      </c>
      <c r="CW38" s="63">
        <v>48</v>
      </c>
      <c r="CX38" s="113">
        <v>1</v>
      </c>
      <c r="CY38" s="72">
        <v>0</v>
      </c>
      <c r="CZ38" s="73">
        <v>1</v>
      </c>
      <c r="DA38" s="443">
        <v>0</v>
      </c>
      <c r="DB38" s="72">
        <v>5</v>
      </c>
      <c r="DC38" s="72">
        <v>4</v>
      </c>
      <c r="DD38" s="72">
        <v>3</v>
      </c>
      <c r="DE38" s="72">
        <v>2</v>
      </c>
      <c r="DF38" s="72">
        <v>3</v>
      </c>
      <c r="DG38" s="74">
        <v>17</v>
      </c>
      <c r="DH38" s="75">
        <v>18</v>
      </c>
      <c r="DI38" s="60">
        <v>0</v>
      </c>
      <c r="DJ38" s="61">
        <v>0</v>
      </c>
      <c r="DK38" s="62">
        <v>0</v>
      </c>
      <c r="DL38" s="443">
        <v>0</v>
      </c>
      <c r="DM38" s="61">
        <v>0</v>
      </c>
      <c r="DN38" s="61">
        <v>0</v>
      </c>
      <c r="DO38" s="61">
        <v>0</v>
      </c>
      <c r="DP38" s="61">
        <v>0</v>
      </c>
      <c r="DQ38" s="61">
        <v>0</v>
      </c>
      <c r="DR38" s="62">
        <v>0</v>
      </c>
      <c r="DS38" s="63">
        <v>0</v>
      </c>
      <c r="DT38" s="60">
        <v>0</v>
      </c>
      <c r="DU38" s="61">
        <v>0</v>
      </c>
      <c r="DV38" s="62">
        <v>0</v>
      </c>
      <c r="DW38" s="443">
        <v>0</v>
      </c>
      <c r="DX38" s="61">
        <v>0</v>
      </c>
      <c r="DY38" s="61">
        <v>0</v>
      </c>
      <c r="DZ38" s="61">
        <v>1</v>
      </c>
      <c r="EA38" s="61">
        <v>0</v>
      </c>
      <c r="EB38" s="61">
        <v>0</v>
      </c>
      <c r="EC38" s="62">
        <v>1</v>
      </c>
      <c r="ED38" s="63">
        <v>1</v>
      </c>
      <c r="EE38" s="60">
        <v>0</v>
      </c>
      <c r="EF38" s="61">
        <v>0</v>
      </c>
      <c r="EG38" s="62">
        <v>0</v>
      </c>
      <c r="EH38" s="443">
        <v>0</v>
      </c>
      <c r="EI38" s="61">
        <v>0</v>
      </c>
      <c r="EJ38" s="61">
        <v>1</v>
      </c>
      <c r="EK38" s="61">
        <v>1</v>
      </c>
      <c r="EL38" s="61">
        <v>0</v>
      </c>
      <c r="EM38" s="61">
        <v>0</v>
      </c>
      <c r="EN38" s="62">
        <v>2</v>
      </c>
      <c r="EO38" s="63">
        <v>2</v>
      </c>
      <c r="EP38" s="60">
        <v>1</v>
      </c>
      <c r="EQ38" s="61">
        <v>0</v>
      </c>
      <c r="ER38" s="62">
        <v>1</v>
      </c>
      <c r="ES38" s="443">
        <v>0</v>
      </c>
      <c r="ET38" s="61">
        <v>1</v>
      </c>
      <c r="EU38" s="61">
        <v>1</v>
      </c>
      <c r="EV38" s="61">
        <v>0</v>
      </c>
      <c r="EW38" s="61">
        <v>0</v>
      </c>
      <c r="EX38" s="61">
        <v>0</v>
      </c>
      <c r="EY38" s="62">
        <v>2</v>
      </c>
      <c r="EZ38" s="63">
        <v>3</v>
      </c>
      <c r="FA38" s="60">
        <v>0</v>
      </c>
      <c r="FB38" s="61">
        <v>0</v>
      </c>
      <c r="FC38" s="62">
        <v>0</v>
      </c>
      <c r="FD38" s="443">
        <v>0</v>
      </c>
      <c r="FE38" s="61">
        <v>3</v>
      </c>
      <c r="FF38" s="61">
        <v>0</v>
      </c>
      <c r="FG38" s="61">
        <v>0</v>
      </c>
      <c r="FH38" s="61">
        <v>0</v>
      </c>
      <c r="FI38" s="61">
        <v>1</v>
      </c>
      <c r="FJ38" s="62">
        <v>4</v>
      </c>
      <c r="FK38" s="63">
        <v>4</v>
      </c>
      <c r="FL38" s="60">
        <v>0</v>
      </c>
      <c r="FM38" s="61">
        <v>0</v>
      </c>
      <c r="FN38" s="62">
        <v>0</v>
      </c>
      <c r="FO38" s="443">
        <v>0</v>
      </c>
      <c r="FP38" s="61">
        <v>1</v>
      </c>
      <c r="FQ38" s="61">
        <v>2</v>
      </c>
      <c r="FR38" s="61">
        <v>1</v>
      </c>
      <c r="FS38" s="61">
        <v>2</v>
      </c>
      <c r="FT38" s="61">
        <v>2</v>
      </c>
      <c r="FU38" s="62">
        <v>8</v>
      </c>
      <c r="FV38" s="63">
        <v>8</v>
      </c>
      <c r="FW38" s="60">
        <v>0</v>
      </c>
      <c r="FX38" s="61">
        <v>0</v>
      </c>
      <c r="FY38" s="62">
        <v>0</v>
      </c>
      <c r="FZ38" s="443">
        <v>0</v>
      </c>
      <c r="GA38" s="61">
        <v>0</v>
      </c>
      <c r="GB38" s="61">
        <v>0</v>
      </c>
      <c r="GC38" s="61">
        <v>0</v>
      </c>
      <c r="GD38" s="61">
        <v>0</v>
      </c>
      <c r="GE38" s="61">
        <v>0</v>
      </c>
      <c r="GF38" s="62">
        <v>0</v>
      </c>
      <c r="GG38" s="63">
        <v>0</v>
      </c>
      <c r="GH38" s="60">
        <v>1</v>
      </c>
      <c r="GI38" s="61">
        <v>0</v>
      </c>
      <c r="GJ38" s="62">
        <v>1</v>
      </c>
      <c r="GK38" s="443">
        <v>0</v>
      </c>
      <c r="GL38" s="61">
        <v>5</v>
      </c>
      <c r="GM38" s="61">
        <v>4</v>
      </c>
      <c r="GN38" s="61">
        <v>3</v>
      </c>
      <c r="GO38" s="61">
        <v>2</v>
      </c>
      <c r="GP38" s="61">
        <v>3</v>
      </c>
      <c r="GQ38" s="62">
        <v>17</v>
      </c>
      <c r="GR38" s="63">
        <v>18</v>
      </c>
      <c r="GS38" s="113">
        <v>8</v>
      </c>
      <c r="GT38" s="72">
        <v>2</v>
      </c>
      <c r="GU38" s="73">
        <v>10</v>
      </c>
      <c r="GV38" s="443">
        <v>0</v>
      </c>
      <c r="GW38" s="72">
        <v>21</v>
      </c>
      <c r="GX38" s="72">
        <v>11</v>
      </c>
      <c r="GY38" s="72">
        <v>10</v>
      </c>
      <c r="GZ38" s="72">
        <v>9</v>
      </c>
      <c r="HA38" s="72">
        <v>5</v>
      </c>
      <c r="HB38" s="74">
        <v>56</v>
      </c>
      <c r="HC38" s="75">
        <v>66</v>
      </c>
      <c r="HD38" s="60">
        <v>0</v>
      </c>
      <c r="HE38" s="61">
        <v>0</v>
      </c>
      <c r="HF38" s="62">
        <v>0</v>
      </c>
      <c r="HG38" s="443">
        <v>0</v>
      </c>
      <c r="HH38" s="61">
        <v>1</v>
      </c>
      <c r="HI38" s="61">
        <v>0</v>
      </c>
      <c r="HJ38" s="61">
        <v>1</v>
      </c>
      <c r="HK38" s="61">
        <v>0</v>
      </c>
      <c r="HL38" s="61">
        <v>0</v>
      </c>
      <c r="HM38" s="62">
        <v>2</v>
      </c>
      <c r="HN38" s="63">
        <v>2</v>
      </c>
      <c r="HO38" s="60">
        <v>0</v>
      </c>
      <c r="HP38" s="61">
        <v>0</v>
      </c>
      <c r="HQ38" s="62">
        <v>0</v>
      </c>
      <c r="HR38" s="443">
        <v>0</v>
      </c>
      <c r="HS38" s="61">
        <v>0</v>
      </c>
      <c r="HT38" s="61">
        <v>0</v>
      </c>
      <c r="HU38" s="61">
        <v>1</v>
      </c>
      <c r="HV38" s="61">
        <v>0</v>
      </c>
      <c r="HW38" s="61">
        <v>0</v>
      </c>
      <c r="HX38" s="62">
        <v>1</v>
      </c>
      <c r="HY38" s="63">
        <v>1</v>
      </c>
      <c r="HZ38" s="60">
        <v>1</v>
      </c>
      <c r="IA38" s="61">
        <v>0</v>
      </c>
      <c r="IB38" s="62">
        <v>1</v>
      </c>
      <c r="IC38" s="443">
        <v>0</v>
      </c>
      <c r="ID38" s="61">
        <v>1</v>
      </c>
      <c r="IE38" s="61">
        <v>1</v>
      </c>
      <c r="IF38" s="61">
        <v>2</v>
      </c>
      <c r="IG38" s="61">
        <v>1</v>
      </c>
      <c r="IH38" s="61">
        <v>1</v>
      </c>
      <c r="II38" s="62">
        <v>6</v>
      </c>
      <c r="IJ38" s="63">
        <v>7</v>
      </c>
      <c r="IK38" s="60">
        <v>3</v>
      </c>
      <c r="IL38" s="61">
        <v>1</v>
      </c>
      <c r="IM38" s="62">
        <v>4</v>
      </c>
      <c r="IN38" s="443">
        <v>0</v>
      </c>
      <c r="IO38" s="61">
        <v>5</v>
      </c>
      <c r="IP38" s="61">
        <v>1</v>
      </c>
      <c r="IQ38" s="61">
        <v>1</v>
      </c>
      <c r="IR38" s="61">
        <v>1</v>
      </c>
      <c r="IS38" s="61">
        <v>0</v>
      </c>
      <c r="IT38" s="62">
        <v>8</v>
      </c>
      <c r="IU38" s="63">
        <v>12</v>
      </c>
      <c r="IV38" s="60">
        <v>2</v>
      </c>
      <c r="IW38" s="61">
        <v>0</v>
      </c>
      <c r="IX38" s="62">
        <v>2</v>
      </c>
      <c r="IY38" s="443">
        <v>0</v>
      </c>
      <c r="IZ38" s="61">
        <v>9</v>
      </c>
      <c r="JA38" s="61">
        <v>2</v>
      </c>
      <c r="JB38" s="61">
        <v>0</v>
      </c>
      <c r="JC38" s="61">
        <v>1</v>
      </c>
      <c r="JD38" s="61">
        <v>1</v>
      </c>
      <c r="JE38" s="62">
        <v>13</v>
      </c>
      <c r="JF38" s="63">
        <v>15</v>
      </c>
      <c r="JG38" s="60">
        <v>2</v>
      </c>
      <c r="JH38" s="61">
        <v>1</v>
      </c>
      <c r="JI38" s="62">
        <v>3</v>
      </c>
      <c r="JJ38" s="443">
        <v>0</v>
      </c>
      <c r="JK38" s="61">
        <v>5</v>
      </c>
      <c r="JL38" s="61">
        <v>7</v>
      </c>
      <c r="JM38" s="61">
        <v>5</v>
      </c>
      <c r="JN38" s="61">
        <v>6</v>
      </c>
      <c r="JO38" s="61">
        <v>3</v>
      </c>
      <c r="JP38" s="62">
        <v>26</v>
      </c>
      <c r="JQ38" s="63">
        <v>29</v>
      </c>
      <c r="JR38" s="60">
        <v>0</v>
      </c>
      <c r="JS38" s="61">
        <v>0</v>
      </c>
      <c r="JT38" s="62">
        <v>0</v>
      </c>
      <c r="JU38" s="443">
        <v>0</v>
      </c>
      <c r="JV38" s="61">
        <v>0</v>
      </c>
      <c r="JW38" s="61">
        <v>0</v>
      </c>
      <c r="JX38" s="61">
        <v>0</v>
      </c>
      <c r="JY38" s="61">
        <v>0</v>
      </c>
      <c r="JZ38" s="61">
        <v>0</v>
      </c>
      <c r="KA38" s="62">
        <v>0</v>
      </c>
      <c r="KB38" s="63">
        <v>0</v>
      </c>
      <c r="KC38" s="60">
        <v>8</v>
      </c>
      <c r="KD38" s="61">
        <v>2</v>
      </c>
      <c r="KE38" s="62">
        <v>10</v>
      </c>
      <c r="KF38" s="443">
        <v>0</v>
      </c>
      <c r="KG38" s="61">
        <v>21</v>
      </c>
      <c r="KH38" s="61">
        <v>11</v>
      </c>
      <c r="KI38" s="61">
        <v>10</v>
      </c>
      <c r="KJ38" s="61">
        <v>9</v>
      </c>
      <c r="KK38" s="61">
        <v>5</v>
      </c>
      <c r="KL38" s="62">
        <v>56</v>
      </c>
      <c r="KM38" s="63">
        <v>66</v>
      </c>
    </row>
    <row r="39" spans="2:299" ht="21" customHeight="1" x14ac:dyDescent="0.2">
      <c r="B39" s="437" t="s">
        <v>36</v>
      </c>
      <c r="C39" s="287">
        <v>6</v>
      </c>
      <c r="D39" s="72">
        <v>5</v>
      </c>
      <c r="E39" s="73">
        <v>11</v>
      </c>
      <c r="F39" s="443">
        <v>0</v>
      </c>
      <c r="G39" s="72">
        <v>11</v>
      </c>
      <c r="H39" s="72">
        <v>7</v>
      </c>
      <c r="I39" s="72">
        <v>2</v>
      </c>
      <c r="J39" s="72">
        <v>8</v>
      </c>
      <c r="K39" s="72">
        <v>3</v>
      </c>
      <c r="L39" s="74">
        <v>31</v>
      </c>
      <c r="M39" s="75">
        <v>42</v>
      </c>
      <c r="N39" s="60">
        <v>1</v>
      </c>
      <c r="O39" s="61">
        <v>0</v>
      </c>
      <c r="P39" s="62">
        <v>1</v>
      </c>
      <c r="Q39" s="443">
        <v>0</v>
      </c>
      <c r="R39" s="61">
        <v>0</v>
      </c>
      <c r="S39" s="61">
        <v>1</v>
      </c>
      <c r="T39" s="61">
        <v>1</v>
      </c>
      <c r="U39" s="61">
        <v>0</v>
      </c>
      <c r="V39" s="61">
        <v>1</v>
      </c>
      <c r="W39" s="62">
        <v>3</v>
      </c>
      <c r="X39" s="63">
        <v>4</v>
      </c>
      <c r="Y39" s="60">
        <v>1</v>
      </c>
      <c r="Z39" s="61">
        <v>0</v>
      </c>
      <c r="AA39" s="62">
        <v>1</v>
      </c>
      <c r="AB39" s="443">
        <v>0</v>
      </c>
      <c r="AC39" s="61">
        <v>0</v>
      </c>
      <c r="AD39" s="61">
        <v>1</v>
      </c>
      <c r="AE39" s="61">
        <v>0</v>
      </c>
      <c r="AF39" s="61">
        <v>1</v>
      </c>
      <c r="AG39" s="61">
        <v>1</v>
      </c>
      <c r="AH39" s="62">
        <v>3</v>
      </c>
      <c r="AI39" s="63">
        <v>4</v>
      </c>
      <c r="AJ39" s="60">
        <v>0</v>
      </c>
      <c r="AK39" s="61">
        <v>0</v>
      </c>
      <c r="AL39" s="62">
        <v>0</v>
      </c>
      <c r="AM39" s="443">
        <v>0</v>
      </c>
      <c r="AN39" s="61">
        <v>1</v>
      </c>
      <c r="AO39" s="61">
        <v>1</v>
      </c>
      <c r="AP39" s="61">
        <v>0</v>
      </c>
      <c r="AQ39" s="61">
        <v>1</v>
      </c>
      <c r="AR39" s="61">
        <v>0</v>
      </c>
      <c r="AS39" s="62">
        <v>3</v>
      </c>
      <c r="AT39" s="63">
        <v>3</v>
      </c>
      <c r="AU39" s="60">
        <v>1</v>
      </c>
      <c r="AV39" s="61">
        <v>2</v>
      </c>
      <c r="AW39" s="62">
        <v>3</v>
      </c>
      <c r="AX39" s="443">
        <v>0</v>
      </c>
      <c r="AY39" s="61">
        <v>3</v>
      </c>
      <c r="AZ39" s="61">
        <v>1</v>
      </c>
      <c r="BA39" s="61">
        <v>0</v>
      </c>
      <c r="BB39" s="61">
        <v>1</v>
      </c>
      <c r="BC39" s="61">
        <v>1</v>
      </c>
      <c r="BD39" s="62">
        <v>6</v>
      </c>
      <c r="BE39" s="63">
        <v>9</v>
      </c>
      <c r="BF39" s="60">
        <v>3</v>
      </c>
      <c r="BG39" s="61">
        <v>0</v>
      </c>
      <c r="BH39" s="62">
        <v>3</v>
      </c>
      <c r="BI39" s="443">
        <v>0</v>
      </c>
      <c r="BJ39" s="61">
        <v>5</v>
      </c>
      <c r="BK39" s="61">
        <v>2</v>
      </c>
      <c r="BL39" s="61">
        <v>0</v>
      </c>
      <c r="BM39" s="61">
        <v>1</v>
      </c>
      <c r="BN39" s="61">
        <v>0</v>
      </c>
      <c r="BO39" s="62">
        <v>8</v>
      </c>
      <c r="BP39" s="63">
        <v>11</v>
      </c>
      <c r="BQ39" s="60">
        <v>0</v>
      </c>
      <c r="BR39" s="61">
        <v>3</v>
      </c>
      <c r="BS39" s="62">
        <v>3</v>
      </c>
      <c r="BT39" s="443">
        <v>0</v>
      </c>
      <c r="BU39" s="61">
        <v>2</v>
      </c>
      <c r="BV39" s="61">
        <v>1</v>
      </c>
      <c r="BW39" s="61">
        <v>1</v>
      </c>
      <c r="BX39" s="61">
        <v>4</v>
      </c>
      <c r="BY39" s="61">
        <v>0</v>
      </c>
      <c r="BZ39" s="62">
        <v>8</v>
      </c>
      <c r="CA39" s="63">
        <v>11</v>
      </c>
      <c r="CB39" s="60">
        <v>0</v>
      </c>
      <c r="CC39" s="61">
        <v>0</v>
      </c>
      <c r="CD39" s="62">
        <v>0</v>
      </c>
      <c r="CE39" s="443">
        <v>0</v>
      </c>
      <c r="CF39" s="61">
        <v>0</v>
      </c>
      <c r="CG39" s="61">
        <v>0</v>
      </c>
      <c r="CH39" s="61">
        <v>0</v>
      </c>
      <c r="CI39" s="61">
        <v>0</v>
      </c>
      <c r="CJ39" s="61">
        <v>0</v>
      </c>
      <c r="CK39" s="62">
        <v>0</v>
      </c>
      <c r="CL39" s="63">
        <v>0</v>
      </c>
      <c r="CM39" s="60">
        <v>6</v>
      </c>
      <c r="CN39" s="61">
        <v>5</v>
      </c>
      <c r="CO39" s="62">
        <v>11</v>
      </c>
      <c r="CP39" s="443">
        <v>0</v>
      </c>
      <c r="CQ39" s="61">
        <v>11</v>
      </c>
      <c r="CR39" s="61">
        <v>7</v>
      </c>
      <c r="CS39" s="61">
        <v>2</v>
      </c>
      <c r="CT39" s="61">
        <v>8</v>
      </c>
      <c r="CU39" s="61">
        <v>3</v>
      </c>
      <c r="CV39" s="62">
        <v>31</v>
      </c>
      <c r="CW39" s="63">
        <v>42</v>
      </c>
      <c r="CX39" s="113">
        <v>1</v>
      </c>
      <c r="CY39" s="72">
        <v>2</v>
      </c>
      <c r="CZ39" s="73">
        <v>3</v>
      </c>
      <c r="DA39" s="443">
        <v>0</v>
      </c>
      <c r="DB39" s="72">
        <v>3</v>
      </c>
      <c r="DC39" s="72">
        <v>1</v>
      </c>
      <c r="DD39" s="72">
        <v>0</v>
      </c>
      <c r="DE39" s="72">
        <v>1</v>
      </c>
      <c r="DF39" s="72">
        <v>2</v>
      </c>
      <c r="DG39" s="74">
        <v>7</v>
      </c>
      <c r="DH39" s="75">
        <v>10</v>
      </c>
      <c r="DI39" s="60">
        <v>0</v>
      </c>
      <c r="DJ39" s="61">
        <v>0</v>
      </c>
      <c r="DK39" s="62">
        <v>0</v>
      </c>
      <c r="DL39" s="443">
        <v>0</v>
      </c>
      <c r="DM39" s="61">
        <v>1</v>
      </c>
      <c r="DN39" s="61">
        <v>0</v>
      </c>
      <c r="DO39" s="61">
        <v>0</v>
      </c>
      <c r="DP39" s="61">
        <v>0</v>
      </c>
      <c r="DQ39" s="61">
        <v>0</v>
      </c>
      <c r="DR39" s="62">
        <v>1</v>
      </c>
      <c r="DS39" s="63">
        <v>1</v>
      </c>
      <c r="DT39" s="60">
        <v>0</v>
      </c>
      <c r="DU39" s="61">
        <v>0</v>
      </c>
      <c r="DV39" s="62">
        <v>0</v>
      </c>
      <c r="DW39" s="443">
        <v>0</v>
      </c>
      <c r="DX39" s="61">
        <v>0</v>
      </c>
      <c r="DY39" s="61">
        <v>0</v>
      </c>
      <c r="DZ39" s="61">
        <v>0</v>
      </c>
      <c r="EA39" s="61">
        <v>1</v>
      </c>
      <c r="EB39" s="61">
        <v>0</v>
      </c>
      <c r="EC39" s="62">
        <v>1</v>
      </c>
      <c r="ED39" s="63">
        <v>1</v>
      </c>
      <c r="EE39" s="60">
        <v>0</v>
      </c>
      <c r="EF39" s="61">
        <v>0</v>
      </c>
      <c r="EG39" s="62">
        <v>0</v>
      </c>
      <c r="EH39" s="443">
        <v>0</v>
      </c>
      <c r="EI39" s="61">
        <v>0</v>
      </c>
      <c r="EJ39" s="61">
        <v>0</v>
      </c>
      <c r="EK39" s="61">
        <v>0</v>
      </c>
      <c r="EL39" s="61">
        <v>0</v>
      </c>
      <c r="EM39" s="61">
        <v>0</v>
      </c>
      <c r="EN39" s="62">
        <v>0</v>
      </c>
      <c r="EO39" s="63">
        <v>0</v>
      </c>
      <c r="EP39" s="60">
        <v>0</v>
      </c>
      <c r="EQ39" s="61">
        <v>0</v>
      </c>
      <c r="ER39" s="62">
        <v>0</v>
      </c>
      <c r="ES39" s="443">
        <v>0</v>
      </c>
      <c r="ET39" s="61">
        <v>1</v>
      </c>
      <c r="EU39" s="61">
        <v>1</v>
      </c>
      <c r="EV39" s="61">
        <v>0</v>
      </c>
      <c r="EW39" s="61">
        <v>0</v>
      </c>
      <c r="EX39" s="61">
        <v>0</v>
      </c>
      <c r="EY39" s="62">
        <v>2</v>
      </c>
      <c r="EZ39" s="63">
        <v>2</v>
      </c>
      <c r="FA39" s="60">
        <v>0</v>
      </c>
      <c r="FB39" s="61">
        <v>2</v>
      </c>
      <c r="FC39" s="62">
        <v>2</v>
      </c>
      <c r="FD39" s="443">
        <v>0</v>
      </c>
      <c r="FE39" s="61">
        <v>0</v>
      </c>
      <c r="FF39" s="61">
        <v>0</v>
      </c>
      <c r="FG39" s="61">
        <v>0</v>
      </c>
      <c r="FH39" s="61">
        <v>0</v>
      </c>
      <c r="FI39" s="61">
        <v>1</v>
      </c>
      <c r="FJ39" s="62">
        <v>1</v>
      </c>
      <c r="FK39" s="63">
        <v>3</v>
      </c>
      <c r="FL39" s="60">
        <v>1</v>
      </c>
      <c r="FM39" s="61">
        <v>0</v>
      </c>
      <c r="FN39" s="62">
        <v>1</v>
      </c>
      <c r="FO39" s="443">
        <v>0</v>
      </c>
      <c r="FP39" s="61">
        <v>1</v>
      </c>
      <c r="FQ39" s="61">
        <v>0</v>
      </c>
      <c r="FR39" s="61">
        <v>0</v>
      </c>
      <c r="FS39" s="61">
        <v>0</v>
      </c>
      <c r="FT39" s="61">
        <v>1</v>
      </c>
      <c r="FU39" s="62">
        <v>2</v>
      </c>
      <c r="FV39" s="63">
        <v>3</v>
      </c>
      <c r="FW39" s="60">
        <v>0</v>
      </c>
      <c r="FX39" s="61">
        <v>0</v>
      </c>
      <c r="FY39" s="62">
        <v>0</v>
      </c>
      <c r="FZ39" s="443">
        <v>0</v>
      </c>
      <c r="GA39" s="61">
        <v>0</v>
      </c>
      <c r="GB39" s="61">
        <v>0</v>
      </c>
      <c r="GC39" s="61">
        <v>0</v>
      </c>
      <c r="GD39" s="61">
        <v>0</v>
      </c>
      <c r="GE39" s="61">
        <v>0</v>
      </c>
      <c r="GF39" s="62">
        <v>0</v>
      </c>
      <c r="GG39" s="63">
        <v>0</v>
      </c>
      <c r="GH39" s="60">
        <v>1</v>
      </c>
      <c r="GI39" s="61">
        <v>2</v>
      </c>
      <c r="GJ39" s="62">
        <v>3</v>
      </c>
      <c r="GK39" s="443">
        <v>0</v>
      </c>
      <c r="GL39" s="61">
        <v>3</v>
      </c>
      <c r="GM39" s="61">
        <v>1</v>
      </c>
      <c r="GN39" s="61">
        <v>0</v>
      </c>
      <c r="GO39" s="61">
        <v>1</v>
      </c>
      <c r="GP39" s="61">
        <v>2</v>
      </c>
      <c r="GQ39" s="62">
        <v>7</v>
      </c>
      <c r="GR39" s="63">
        <v>10</v>
      </c>
      <c r="GS39" s="113">
        <v>7</v>
      </c>
      <c r="GT39" s="72">
        <v>7</v>
      </c>
      <c r="GU39" s="73">
        <v>14</v>
      </c>
      <c r="GV39" s="443">
        <v>0</v>
      </c>
      <c r="GW39" s="72">
        <v>14</v>
      </c>
      <c r="GX39" s="72">
        <v>8</v>
      </c>
      <c r="GY39" s="72">
        <v>2</v>
      </c>
      <c r="GZ39" s="72">
        <v>9</v>
      </c>
      <c r="HA39" s="72">
        <v>5</v>
      </c>
      <c r="HB39" s="74">
        <v>38</v>
      </c>
      <c r="HC39" s="75">
        <v>52</v>
      </c>
      <c r="HD39" s="60">
        <v>1</v>
      </c>
      <c r="HE39" s="61">
        <v>0</v>
      </c>
      <c r="HF39" s="62">
        <v>1</v>
      </c>
      <c r="HG39" s="443">
        <v>0</v>
      </c>
      <c r="HH39" s="61">
        <v>1</v>
      </c>
      <c r="HI39" s="61">
        <v>1</v>
      </c>
      <c r="HJ39" s="61">
        <v>1</v>
      </c>
      <c r="HK39" s="61">
        <v>0</v>
      </c>
      <c r="HL39" s="61">
        <v>1</v>
      </c>
      <c r="HM39" s="62">
        <v>4</v>
      </c>
      <c r="HN39" s="63">
        <v>5</v>
      </c>
      <c r="HO39" s="60">
        <v>1</v>
      </c>
      <c r="HP39" s="61">
        <v>0</v>
      </c>
      <c r="HQ39" s="62">
        <v>1</v>
      </c>
      <c r="HR39" s="443">
        <v>0</v>
      </c>
      <c r="HS39" s="61">
        <v>0</v>
      </c>
      <c r="HT39" s="61">
        <v>1</v>
      </c>
      <c r="HU39" s="61">
        <v>0</v>
      </c>
      <c r="HV39" s="61">
        <v>2</v>
      </c>
      <c r="HW39" s="61">
        <v>1</v>
      </c>
      <c r="HX39" s="62">
        <v>4</v>
      </c>
      <c r="HY39" s="63">
        <v>5</v>
      </c>
      <c r="HZ39" s="60">
        <v>0</v>
      </c>
      <c r="IA39" s="61">
        <v>0</v>
      </c>
      <c r="IB39" s="62">
        <v>0</v>
      </c>
      <c r="IC39" s="443">
        <v>0</v>
      </c>
      <c r="ID39" s="61">
        <v>1</v>
      </c>
      <c r="IE39" s="61">
        <v>1</v>
      </c>
      <c r="IF39" s="61">
        <v>0</v>
      </c>
      <c r="IG39" s="61">
        <v>1</v>
      </c>
      <c r="IH39" s="61">
        <v>0</v>
      </c>
      <c r="II39" s="62">
        <v>3</v>
      </c>
      <c r="IJ39" s="63">
        <v>3</v>
      </c>
      <c r="IK39" s="60">
        <v>1</v>
      </c>
      <c r="IL39" s="61">
        <v>2</v>
      </c>
      <c r="IM39" s="62">
        <v>3</v>
      </c>
      <c r="IN39" s="443">
        <v>0</v>
      </c>
      <c r="IO39" s="61">
        <v>4</v>
      </c>
      <c r="IP39" s="61">
        <v>2</v>
      </c>
      <c r="IQ39" s="61">
        <v>0</v>
      </c>
      <c r="IR39" s="61">
        <v>1</v>
      </c>
      <c r="IS39" s="61">
        <v>1</v>
      </c>
      <c r="IT39" s="62">
        <v>8</v>
      </c>
      <c r="IU39" s="63">
        <v>11</v>
      </c>
      <c r="IV39" s="60">
        <v>3</v>
      </c>
      <c r="IW39" s="61">
        <v>2</v>
      </c>
      <c r="IX39" s="62">
        <v>5</v>
      </c>
      <c r="IY39" s="443">
        <v>0</v>
      </c>
      <c r="IZ39" s="61">
        <v>5</v>
      </c>
      <c r="JA39" s="61">
        <v>2</v>
      </c>
      <c r="JB39" s="61">
        <v>0</v>
      </c>
      <c r="JC39" s="61">
        <v>1</v>
      </c>
      <c r="JD39" s="61">
        <v>1</v>
      </c>
      <c r="JE39" s="62">
        <v>9</v>
      </c>
      <c r="JF39" s="63">
        <v>14</v>
      </c>
      <c r="JG39" s="60">
        <v>1</v>
      </c>
      <c r="JH39" s="61">
        <v>3</v>
      </c>
      <c r="JI39" s="62">
        <v>4</v>
      </c>
      <c r="JJ39" s="443">
        <v>0</v>
      </c>
      <c r="JK39" s="61">
        <v>3</v>
      </c>
      <c r="JL39" s="61">
        <v>1</v>
      </c>
      <c r="JM39" s="61">
        <v>1</v>
      </c>
      <c r="JN39" s="61">
        <v>4</v>
      </c>
      <c r="JO39" s="61">
        <v>1</v>
      </c>
      <c r="JP39" s="62">
        <v>10</v>
      </c>
      <c r="JQ39" s="63">
        <v>14</v>
      </c>
      <c r="JR39" s="60">
        <v>0</v>
      </c>
      <c r="JS39" s="61">
        <v>0</v>
      </c>
      <c r="JT39" s="62">
        <v>0</v>
      </c>
      <c r="JU39" s="443">
        <v>0</v>
      </c>
      <c r="JV39" s="61">
        <v>0</v>
      </c>
      <c r="JW39" s="61">
        <v>0</v>
      </c>
      <c r="JX39" s="61">
        <v>0</v>
      </c>
      <c r="JY39" s="61">
        <v>0</v>
      </c>
      <c r="JZ39" s="61">
        <v>0</v>
      </c>
      <c r="KA39" s="62">
        <v>0</v>
      </c>
      <c r="KB39" s="63">
        <v>0</v>
      </c>
      <c r="KC39" s="60">
        <v>7</v>
      </c>
      <c r="KD39" s="61">
        <v>7</v>
      </c>
      <c r="KE39" s="62">
        <v>14</v>
      </c>
      <c r="KF39" s="443">
        <v>0</v>
      </c>
      <c r="KG39" s="61">
        <v>14</v>
      </c>
      <c r="KH39" s="61">
        <v>8</v>
      </c>
      <c r="KI39" s="61">
        <v>2</v>
      </c>
      <c r="KJ39" s="61">
        <v>9</v>
      </c>
      <c r="KK39" s="61">
        <v>5</v>
      </c>
      <c r="KL39" s="62">
        <v>38</v>
      </c>
      <c r="KM39" s="63">
        <v>52</v>
      </c>
    </row>
    <row r="40" spans="2:299" ht="21" customHeight="1" thickBot="1" x14ac:dyDescent="0.25">
      <c r="B40" s="438" t="s">
        <v>37</v>
      </c>
      <c r="C40" s="288">
        <v>0</v>
      </c>
      <c r="D40" s="77">
        <v>0</v>
      </c>
      <c r="E40" s="78">
        <v>0</v>
      </c>
      <c r="F40" s="444">
        <v>0</v>
      </c>
      <c r="G40" s="77">
        <v>1</v>
      </c>
      <c r="H40" s="77">
        <v>1</v>
      </c>
      <c r="I40" s="77">
        <v>2</v>
      </c>
      <c r="J40" s="77">
        <v>0</v>
      </c>
      <c r="K40" s="77">
        <v>0</v>
      </c>
      <c r="L40" s="79">
        <v>4</v>
      </c>
      <c r="M40" s="80">
        <v>4</v>
      </c>
      <c r="N40" s="64">
        <v>0</v>
      </c>
      <c r="O40" s="65">
        <v>0</v>
      </c>
      <c r="P40" s="66">
        <v>0</v>
      </c>
      <c r="Q40" s="444">
        <v>0</v>
      </c>
      <c r="R40" s="65">
        <v>0</v>
      </c>
      <c r="S40" s="65">
        <v>0</v>
      </c>
      <c r="T40" s="65">
        <v>0</v>
      </c>
      <c r="U40" s="65">
        <v>0</v>
      </c>
      <c r="V40" s="65">
        <v>0</v>
      </c>
      <c r="W40" s="66">
        <v>0</v>
      </c>
      <c r="X40" s="67">
        <v>0</v>
      </c>
      <c r="Y40" s="64">
        <v>0</v>
      </c>
      <c r="Z40" s="65">
        <v>0</v>
      </c>
      <c r="AA40" s="66">
        <v>0</v>
      </c>
      <c r="AB40" s="444">
        <v>0</v>
      </c>
      <c r="AC40" s="65">
        <v>0</v>
      </c>
      <c r="AD40" s="65">
        <v>0</v>
      </c>
      <c r="AE40" s="65">
        <v>1</v>
      </c>
      <c r="AF40" s="65">
        <v>0</v>
      </c>
      <c r="AG40" s="65">
        <v>0</v>
      </c>
      <c r="AH40" s="66">
        <v>1</v>
      </c>
      <c r="AI40" s="67">
        <v>1</v>
      </c>
      <c r="AJ40" s="64">
        <v>0</v>
      </c>
      <c r="AK40" s="65">
        <v>0</v>
      </c>
      <c r="AL40" s="66">
        <v>0</v>
      </c>
      <c r="AM40" s="444">
        <v>0</v>
      </c>
      <c r="AN40" s="65">
        <v>1</v>
      </c>
      <c r="AO40" s="65">
        <v>0</v>
      </c>
      <c r="AP40" s="65">
        <v>1</v>
      </c>
      <c r="AQ40" s="65">
        <v>0</v>
      </c>
      <c r="AR40" s="65">
        <v>0</v>
      </c>
      <c r="AS40" s="66">
        <v>2</v>
      </c>
      <c r="AT40" s="67">
        <v>2</v>
      </c>
      <c r="AU40" s="64">
        <v>0</v>
      </c>
      <c r="AV40" s="65">
        <v>0</v>
      </c>
      <c r="AW40" s="66">
        <v>0</v>
      </c>
      <c r="AX40" s="444">
        <v>0</v>
      </c>
      <c r="AY40" s="65">
        <v>0</v>
      </c>
      <c r="AZ40" s="65">
        <v>0</v>
      </c>
      <c r="BA40" s="65">
        <v>0</v>
      </c>
      <c r="BB40" s="65">
        <v>0</v>
      </c>
      <c r="BC40" s="65">
        <v>0</v>
      </c>
      <c r="BD40" s="66">
        <v>0</v>
      </c>
      <c r="BE40" s="67">
        <v>0</v>
      </c>
      <c r="BF40" s="64">
        <v>0</v>
      </c>
      <c r="BG40" s="65">
        <v>0</v>
      </c>
      <c r="BH40" s="66">
        <v>0</v>
      </c>
      <c r="BI40" s="444">
        <v>0</v>
      </c>
      <c r="BJ40" s="65">
        <v>0</v>
      </c>
      <c r="BK40" s="65">
        <v>1</v>
      </c>
      <c r="BL40" s="65">
        <v>0</v>
      </c>
      <c r="BM40" s="65">
        <v>0</v>
      </c>
      <c r="BN40" s="65">
        <v>0</v>
      </c>
      <c r="BO40" s="66">
        <v>1</v>
      </c>
      <c r="BP40" s="67">
        <v>1</v>
      </c>
      <c r="BQ40" s="64">
        <v>0</v>
      </c>
      <c r="BR40" s="65">
        <v>0</v>
      </c>
      <c r="BS40" s="66">
        <v>0</v>
      </c>
      <c r="BT40" s="444">
        <v>0</v>
      </c>
      <c r="BU40" s="65">
        <v>0</v>
      </c>
      <c r="BV40" s="65">
        <v>0</v>
      </c>
      <c r="BW40" s="65">
        <v>0</v>
      </c>
      <c r="BX40" s="65">
        <v>0</v>
      </c>
      <c r="BY40" s="65">
        <v>0</v>
      </c>
      <c r="BZ40" s="66">
        <v>0</v>
      </c>
      <c r="CA40" s="67">
        <v>0</v>
      </c>
      <c r="CB40" s="64">
        <v>0</v>
      </c>
      <c r="CC40" s="65">
        <v>0</v>
      </c>
      <c r="CD40" s="66">
        <v>0</v>
      </c>
      <c r="CE40" s="444">
        <v>0</v>
      </c>
      <c r="CF40" s="65">
        <v>0</v>
      </c>
      <c r="CG40" s="65">
        <v>0</v>
      </c>
      <c r="CH40" s="65">
        <v>0</v>
      </c>
      <c r="CI40" s="65">
        <v>0</v>
      </c>
      <c r="CJ40" s="65">
        <v>0</v>
      </c>
      <c r="CK40" s="66">
        <v>0</v>
      </c>
      <c r="CL40" s="67">
        <v>0</v>
      </c>
      <c r="CM40" s="64">
        <v>0</v>
      </c>
      <c r="CN40" s="65">
        <v>0</v>
      </c>
      <c r="CO40" s="66">
        <v>0</v>
      </c>
      <c r="CP40" s="444">
        <v>0</v>
      </c>
      <c r="CQ40" s="65">
        <v>1</v>
      </c>
      <c r="CR40" s="65">
        <v>1</v>
      </c>
      <c r="CS40" s="65">
        <v>2</v>
      </c>
      <c r="CT40" s="65">
        <v>0</v>
      </c>
      <c r="CU40" s="65">
        <v>0</v>
      </c>
      <c r="CV40" s="66">
        <v>4</v>
      </c>
      <c r="CW40" s="67">
        <v>4</v>
      </c>
      <c r="CX40" s="114">
        <v>0</v>
      </c>
      <c r="CY40" s="77">
        <v>0</v>
      </c>
      <c r="CZ40" s="78">
        <v>0</v>
      </c>
      <c r="DA40" s="444">
        <v>0</v>
      </c>
      <c r="DB40" s="77">
        <v>0</v>
      </c>
      <c r="DC40" s="77">
        <v>0</v>
      </c>
      <c r="DD40" s="77">
        <v>0</v>
      </c>
      <c r="DE40" s="77">
        <v>0</v>
      </c>
      <c r="DF40" s="77">
        <v>0</v>
      </c>
      <c r="DG40" s="79">
        <v>0</v>
      </c>
      <c r="DH40" s="80">
        <v>0</v>
      </c>
      <c r="DI40" s="64">
        <v>0</v>
      </c>
      <c r="DJ40" s="65">
        <v>0</v>
      </c>
      <c r="DK40" s="66">
        <v>0</v>
      </c>
      <c r="DL40" s="444">
        <v>0</v>
      </c>
      <c r="DM40" s="65">
        <v>0</v>
      </c>
      <c r="DN40" s="65">
        <v>0</v>
      </c>
      <c r="DO40" s="65">
        <v>0</v>
      </c>
      <c r="DP40" s="65">
        <v>0</v>
      </c>
      <c r="DQ40" s="65">
        <v>0</v>
      </c>
      <c r="DR40" s="66">
        <v>0</v>
      </c>
      <c r="DS40" s="67">
        <v>0</v>
      </c>
      <c r="DT40" s="64">
        <v>0</v>
      </c>
      <c r="DU40" s="65">
        <v>0</v>
      </c>
      <c r="DV40" s="66">
        <v>0</v>
      </c>
      <c r="DW40" s="444">
        <v>0</v>
      </c>
      <c r="DX40" s="65">
        <v>0</v>
      </c>
      <c r="DY40" s="65">
        <v>0</v>
      </c>
      <c r="DZ40" s="65">
        <v>0</v>
      </c>
      <c r="EA40" s="65">
        <v>0</v>
      </c>
      <c r="EB40" s="65">
        <v>0</v>
      </c>
      <c r="EC40" s="66">
        <v>0</v>
      </c>
      <c r="ED40" s="67">
        <v>0</v>
      </c>
      <c r="EE40" s="64">
        <v>0</v>
      </c>
      <c r="EF40" s="65">
        <v>0</v>
      </c>
      <c r="EG40" s="66">
        <v>0</v>
      </c>
      <c r="EH40" s="444">
        <v>0</v>
      </c>
      <c r="EI40" s="65">
        <v>0</v>
      </c>
      <c r="EJ40" s="65">
        <v>0</v>
      </c>
      <c r="EK40" s="65">
        <v>0</v>
      </c>
      <c r="EL40" s="65">
        <v>0</v>
      </c>
      <c r="EM40" s="65">
        <v>0</v>
      </c>
      <c r="EN40" s="66">
        <v>0</v>
      </c>
      <c r="EO40" s="67">
        <v>0</v>
      </c>
      <c r="EP40" s="64">
        <v>0</v>
      </c>
      <c r="EQ40" s="65">
        <v>0</v>
      </c>
      <c r="ER40" s="66">
        <v>0</v>
      </c>
      <c r="ES40" s="444">
        <v>0</v>
      </c>
      <c r="ET40" s="65">
        <v>0</v>
      </c>
      <c r="EU40" s="65">
        <v>0</v>
      </c>
      <c r="EV40" s="65">
        <v>0</v>
      </c>
      <c r="EW40" s="65">
        <v>0</v>
      </c>
      <c r="EX40" s="65">
        <v>0</v>
      </c>
      <c r="EY40" s="66">
        <v>0</v>
      </c>
      <c r="EZ40" s="67">
        <v>0</v>
      </c>
      <c r="FA40" s="64">
        <v>0</v>
      </c>
      <c r="FB40" s="65">
        <v>0</v>
      </c>
      <c r="FC40" s="66">
        <v>0</v>
      </c>
      <c r="FD40" s="444">
        <v>0</v>
      </c>
      <c r="FE40" s="65">
        <v>0</v>
      </c>
      <c r="FF40" s="65">
        <v>0</v>
      </c>
      <c r="FG40" s="65">
        <v>0</v>
      </c>
      <c r="FH40" s="65">
        <v>0</v>
      </c>
      <c r="FI40" s="65">
        <v>0</v>
      </c>
      <c r="FJ40" s="66">
        <v>0</v>
      </c>
      <c r="FK40" s="67">
        <v>0</v>
      </c>
      <c r="FL40" s="64">
        <v>0</v>
      </c>
      <c r="FM40" s="65">
        <v>0</v>
      </c>
      <c r="FN40" s="66">
        <v>0</v>
      </c>
      <c r="FO40" s="444">
        <v>0</v>
      </c>
      <c r="FP40" s="65">
        <v>0</v>
      </c>
      <c r="FQ40" s="65">
        <v>0</v>
      </c>
      <c r="FR40" s="65">
        <v>0</v>
      </c>
      <c r="FS40" s="65">
        <v>0</v>
      </c>
      <c r="FT40" s="65">
        <v>0</v>
      </c>
      <c r="FU40" s="66">
        <v>0</v>
      </c>
      <c r="FV40" s="67">
        <v>0</v>
      </c>
      <c r="FW40" s="64">
        <v>0</v>
      </c>
      <c r="FX40" s="65">
        <v>0</v>
      </c>
      <c r="FY40" s="66">
        <v>0</v>
      </c>
      <c r="FZ40" s="444">
        <v>0</v>
      </c>
      <c r="GA40" s="65">
        <v>0</v>
      </c>
      <c r="GB40" s="65">
        <v>0</v>
      </c>
      <c r="GC40" s="65">
        <v>0</v>
      </c>
      <c r="GD40" s="65">
        <v>0</v>
      </c>
      <c r="GE40" s="65">
        <v>0</v>
      </c>
      <c r="GF40" s="66">
        <v>0</v>
      </c>
      <c r="GG40" s="67">
        <v>0</v>
      </c>
      <c r="GH40" s="64">
        <v>0</v>
      </c>
      <c r="GI40" s="65">
        <v>0</v>
      </c>
      <c r="GJ40" s="66">
        <v>0</v>
      </c>
      <c r="GK40" s="444">
        <v>0</v>
      </c>
      <c r="GL40" s="65">
        <v>0</v>
      </c>
      <c r="GM40" s="65">
        <v>0</v>
      </c>
      <c r="GN40" s="65">
        <v>0</v>
      </c>
      <c r="GO40" s="65">
        <v>0</v>
      </c>
      <c r="GP40" s="65">
        <v>0</v>
      </c>
      <c r="GQ40" s="66">
        <v>0</v>
      </c>
      <c r="GR40" s="67">
        <v>0</v>
      </c>
      <c r="GS40" s="114">
        <v>0</v>
      </c>
      <c r="GT40" s="77">
        <v>0</v>
      </c>
      <c r="GU40" s="78">
        <v>0</v>
      </c>
      <c r="GV40" s="444">
        <v>0</v>
      </c>
      <c r="GW40" s="77">
        <v>1</v>
      </c>
      <c r="GX40" s="77">
        <v>1</v>
      </c>
      <c r="GY40" s="77">
        <v>2</v>
      </c>
      <c r="GZ40" s="77">
        <v>0</v>
      </c>
      <c r="HA40" s="77">
        <v>0</v>
      </c>
      <c r="HB40" s="79">
        <v>4</v>
      </c>
      <c r="HC40" s="80">
        <v>4</v>
      </c>
      <c r="HD40" s="64">
        <v>0</v>
      </c>
      <c r="HE40" s="65">
        <v>0</v>
      </c>
      <c r="HF40" s="66">
        <v>0</v>
      </c>
      <c r="HG40" s="444">
        <v>0</v>
      </c>
      <c r="HH40" s="65">
        <v>0</v>
      </c>
      <c r="HI40" s="65">
        <v>0</v>
      </c>
      <c r="HJ40" s="65">
        <v>0</v>
      </c>
      <c r="HK40" s="65">
        <v>0</v>
      </c>
      <c r="HL40" s="65">
        <v>0</v>
      </c>
      <c r="HM40" s="66">
        <v>0</v>
      </c>
      <c r="HN40" s="67">
        <v>0</v>
      </c>
      <c r="HO40" s="64">
        <v>0</v>
      </c>
      <c r="HP40" s="65">
        <v>0</v>
      </c>
      <c r="HQ40" s="66">
        <v>0</v>
      </c>
      <c r="HR40" s="444">
        <v>0</v>
      </c>
      <c r="HS40" s="65">
        <v>0</v>
      </c>
      <c r="HT40" s="65">
        <v>0</v>
      </c>
      <c r="HU40" s="65">
        <v>1</v>
      </c>
      <c r="HV40" s="65">
        <v>0</v>
      </c>
      <c r="HW40" s="65">
        <v>0</v>
      </c>
      <c r="HX40" s="66">
        <v>1</v>
      </c>
      <c r="HY40" s="67">
        <v>1</v>
      </c>
      <c r="HZ40" s="64">
        <v>0</v>
      </c>
      <c r="IA40" s="65">
        <v>0</v>
      </c>
      <c r="IB40" s="66">
        <v>0</v>
      </c>
      <c r="IC40" s="444">
        <v>0</v>
      </c>
      <c r="ID40" s="65">
        <v>1</v>
      </c>
      <c r="IE40" s="65">
        <v>0</v>
      </c>
      <c r="IF40" s="65">
        <v>1</v>
      </c>
      <c r="IG40" s="65">
        <v>0</v>
      </c>
      <c r="IH40" s="65">
        <v>0</v>
      </c>
      <c r="II40" s="66">
        <v>2</v>
      </c>
      <c r="IJ40" s="67">
        <v>2</v>
      </c>
      <c r="IK40" s="64">
        <v>0</v>
      </c>
      <c r="IL40" s="65">
        <v>0</v>
      </c>
      <c r="IM40" s="66">
        <v>0</v>
      </c>
      <c r="IN40" s="444">
        <v>0</v>
      </c>
      <c r="IO40" s="65">
        <v>0</v>
      </c>
      <c r="IP40" s="65">
        <v>0</v>
      </c>
      <c r="IQ40" s="65">
        <v>0</v>
      </c>
      <c r="IR40" s="65">
        <v>0</v>
      </c>
      <c r="IS40" s="65">
        <v>0</v>
      </c>
      <c r="IT40" s="66">
        <v>0</v>
      </c>
      <c r="IU40" s="67">
        <v>0</v>
      </c>
      <c r="IV40" s="64">
        <v>0</v>
      </c>
      <c r="IW40" s="65">
        <v>0</v>
      </c>
      <c r="IX40" s="66">
        <v>0</v>
      </c>
      <c r="IY40" s="444">
        <v>0</v>
      </c>
      <c r="IZ40" s="65">
        <v>0</v>
      </c>
      <c r="JA40" s="65">
        <v>1</v>
      </c>
      <c r="JB40" s="65">
        <v>0</v>
      </c>
      <c r="JC40" s="65">
        <v>0</v>
      </c>
      <c r="JD40" s="65">
        <v>0</v>
      </c>
      <c r="JE40" s="66">
        <v>1</v>
      </c>
      <c r="JF40" s="67">
        <v>1</v>
      </c>
      <c r="JG40" s="64">
        <v>0</v>
      </c>
      <c r="JH40" s="65">
        <v>0</v>
      </c>
      <c r="JI40" s="66">
        <v>0</v>
      </c>
      <c r="JJ40" s="444">
        <v>0</v>
      </c>
      <c r="JK40" s="65">
        <v>0</v>
      </c>
      <c r="JL40" s="65">
        <v>0</v>
      </c>
      <c r="JM40" s="65">
        <v>0</v>
      </c>
      <c r="JN40" s="65">
        <v>0</v>
      </c>
      <c r="JO40" s="65">
        <v>0</v>
      </c>
      <c r="JP40" s="66">
        <v>0</v>
      </c>
      <c r="JQ40" s="67">
        <v>0</v>
      </c>
      <c r="JR40" s="64">
        <v>0</v>
      </c>
      <c r="JS40" s="65">
        <v>0</v>
      </c>
      <c r="JT40" s="66">
        <v>0</v>
      </c>
      <c r="JU40" s="444">
        <v>0</v>
      </c>
      <c r="JV40" s="65">
        <v>0</v>
      </c>
      <c r="JW40" s="65">
        <v>0</v>
      </c>
      <c r="JX40" s="65">
        <v>0</v>
      </c>
      <c r="JY40" s="65">
        <v>0</v>
      </c>
      <c r="JZ40" s="65">
        <v>0</v>
      </c>
      <c r="KA40" s="66">
        <v>0</v>
      </c>
      <c r="KB40" s="67">
        <v>0</v>
      </c>
      <c r="KC40" s="64">
        <v>0</v>
      </c>
      <c r="KD40" s="65">
        <v>0</v>
      </c>
      <c r="KE40" s="66">
        <v>0</v>
      </c>
      <c r="KF40" s="444">
        <v>0</v>
      </c>
      <c r="KG40" s="65">
        <v>1</v>
      </c>
      <c r="KH40" s="65">
        <v>1</v>
      </c>
      <c r="KI40" s="65">
        <v>2</v>
      </c>
      <c r="KJ40" s="65">
        <v>0</v>
      </c>
      <c r="KK40" s="65">
        <v>0</v>
      </c>
      <c r="KL40" s="66">
        <v>4</v>
      </c>
      <c r="KM40" s="67">
        <v>4</v>
      </c>
    </row>
    <row r="41" spans="2:299" ht="32.25" customHeight="1" x14ac:dyDescent="0.2">
      <c r="C41" s="283" t="s">
        <v>125</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0</v>
      </c>
      <c r="F1" s="495">
        <f>第１表!F2</f>
        <v>6</v>
      </c>
      <c r="G1" s="495"/>
      <c r="H1" s="231">
        <f>第１表!G2</f>
        <v>3</v>
      </c>
      <c r="I1" s="494">
        <f>H1</f>
        <v>3</v>
      </c>
      <c r="J1" s="494"/>
    </row>
    <row r="2" spans="2:299" ht="24" customHeight="1" thickBot="1" x14ac:dyDescent="0.25">
      <c r="B2" s="15" t="s">
        <v>151</v>
      </c>
    </row>
    <row r="3" spans="2:299" ht="21" customHeight="1" thickBot="1" x14ac:dyDescent="0.25">
      <c r="B3" s="481" t="s">
        <v>38</v>
      </c>
      <c r="C3" s="476" t="s">
        <v>96</v>
      </c>
      <c r="D3" s="476"/>
      <c r="E3" s="476"/>
      <c r="F3" s="476"/>
      <c r="G3" s="476"/>
      <c r="H3" s="476"/>
      <c r="I3" s="476"/>
      <c r="J3" s="476"/>
      <c r="K3" s="476"/>
      <c r="L3" s="476"/>
      <c r="M3" s="476"/>
      <c r="N3" s="476"/>
      <c r="O3" s="476"/>
      <c r="P3" s="476"/>
      <c r="Q3" s="476"/>
      <c r="R3" s="476"/>
      <c r="S3" s="476"/>
      <c r="T3" s="476"/>
      <c r="U3" s="476"/>
      <c r="V3" s="476"/>
      <c r="W3" s="476"/>
      <c r="X3" s="476"/>
      <c r="Y3" s="476"/>
      <c r="Z3" s="476"/>
      <c r="AA3" s="476"/>
      <c r="AB3" s="476"/>
      <c r="AC3" s="476"/>
      <c r="AD3" s="476"/>
      <c r="AE3" s="476"/>
      <c r="AF3" s="476"/>
      <c r="AG3" s="476"/>
      <c r="AH3" s="476"/>
      <c r="AI3" s="476"/>
      <c r="AJ3" s="476"/>
      <c r="AK3" s="476"/>
      <c r="AL3" s="476"/>
      <c r="AM3" s="476"/>
      <c r="AN3" s="476"/>
      <c r="AO3" s="476"/>
      <c r="AP3" s="476"/>
      <c r="AQ3" s="476"/>
      <c r="AR3" s="476"/>
      <c r="AS3" s="476"/>
      <c r="AT3" s="476"/>
      <c r="AU3" s="476"/>
      <c r="AV3" s="476"/>
      <c r="AW3" s="476"/>
      <c r="AX3" s="476"/>
      <c r="AY3" s="476"/>
      <c r="AZ3" s="476"/>
      <c r="BA3" s="476"/>
      <c r="BB3" s="476"/>
      <c r="BC3" s="476"/>
      <c r="BD3" s="476"/>
      <c r="BE3" s="476"/>
      <c r="BF3" s="476"/>
      <c r="BG3" s="476"/>
      <c r="BH3" s="476"/>
      <c r="BI3" s="476"/>
      <c r="BJ3" s="476"/>
      <c r="BK3" s="476"/>
      <c r="BL3" s="476"/>
      <c r="BM3" s="476"/>
      <c r="BN3" s="476"/>
      <c r="BO3" s="476"/>
      <c r="BP3" s="476"/>
      <c r="BQ3" s="476"/>
      <c r="BR3" s="476"/>
      <c r="BS3" s="476"/>
      <c r="BT3" s="476"/>
      <c r="BU3" s="476"/>
      <c r="BV3" s="476"/>
      <c r="BW3" s="476"/>
      <c r="BX3" s="476"/>
      <c r="BY3" s="476"/>
      <c r="BZ3" s="476"/>
      <c r="CA3" s="476"/>
      <c r="CB3" s="476"/>
      <c r="CC3" s="476"/>
      <c r="CD3" s="476"/>
      <c r="CE3" s="476"/>
      <c r="CF3" s="476"/>
      <c r="CG3" s="476"/>
      <c r="CH3" s="476"/>
      <c r="CI3" s="476"/>
      <c r="CJ3" s="476"/>
      <c r="CK3" s="476"/>
      <c r="CL3" s="476"/>
      <c r="CM3" s="476"/>
      <c r="CN3" s="476"/>
      <c r="CO3" s="476"/>
      <c r="CP3" s="476"/>
      <c r="CQ3" s="476"/>
      <c r="CR3" s="476"/>
      <c r="CS3" s="476"/>
      <c r="CT3" s="476"/>
      <c r="CU3" s="476"/>
      <c r="CV3" s="476"/>
      <c r="CW3" s="477"/>
      <c r="CX3" s="476" t="s">
        <v>103</v>
      </c>
      <c r="CY3" s="476"/>
      <c r="CZ3" s="476"/>
      <c r="DA3" s="476"/>
      <c r="DB3" s="476"/>
      <c r="DC3" s="476"/>
      <c r="DD3" s="476"/>
      <c r="DE3" s="476"/>
      <c r="DF3" s="476"/>
      <c r="DG3" s="476"/>
      <c r="DH3" s="476"/>
      <c r="DI3" s="476"/>
      <c r="DJ3" s="476"/>
      <c r="DK3" s="476"/>
      <c r="DL3" s="476"/>
      <c r="DM3" s="476"/>
      <c r="DN3" s="476"/>
      <c r="DO3" s="476"/>
      <c r="DP3" s="476"/>
      <c r="DQ3" s="476"/>
      <c r="DR3" s="476"/>
      <c r="DS3" s="476"/>
      <c r="DT3" s="476"/>
      <c r="DU3" s="476"/>
      <c r="DV3" s="476"/>
      <c r="DW3" s="476"/>
      <c r="DX3" s="476"/>
      <c r="DY3" s="476"/>
      <c r="DZ3" s="476"/>
      <c r="EA3" s="476"/>
      <c r="EB3" s="476"/>
      <c r="EC3" s="476"/>
      <c r="ED3" s="476"/>
      <c r="EE3" s="476"/>
      <c r="EF3" s="476"/>
      <c r="EG3" s="476"/>
      <c r="EH3" s="476"/>
      <c r="EI3" s="476"/>
      <c r="EJ3" s="476"/>
      <c r="EK3" s="476"/>
      <c r="EL3" s="476"/>
      <c r="EM3" s="476"/>
      <c r="EN3" s="476"/>
      <c r="EO3" s="476"/>
      <c r="EP3" s="476"/>
      <c r="EQ3" s="476"/>
      <c r="ER3" s="476"/>
      <c r="ES3" s="476"/>
      <c r="ET3" s="476"/>
      <c r="EU3" s="476"/>
      <c r="EV3" s="476"/>
      <c r="EW3" s="476"/>
      <c r="EX3" s="476"/>
      <c r="EY3" s="476"/>
      <c r="EZ3" s="476"/>
      <c r="FA3" s="476"/>
      <c r="FB3" s="476"/>
      <c r="FC3" s="476"/>
      <c r="FD3" s="476"/>
      <c r="FE3" s="476"/>
      <c r="FF3" s="476"/>
      <c r="FG3" s="476"/>
      <c r="FH3" s="476"/>
      <c r="FI3" s="476"/>
      <c r="FJ3" s="476"/>
      <c r="FK3" s="476"/>
      <c r="FL3" s="476"/>
      <c r="FM3" s="476"/>
      <c r="FN3" s="476"/>
      <c r="FO3" s="476"/>
      <c r="FP3" s="476"/>
      <c r="FQ3" s="476"/>
      <c r="FR3" s="476"/>
      <c r="FS3" s="476"/>
      <c r="FT3" s="476"/>
      <c r="FU3" s="476"/>
      <c r="FV3" s="476"/>
      <c r="FW3" s="476"/>
      <c r="FX3" s="476"/>
      <c r="FY3" s="476"/>
      <c r="FZ3" s="476"/>
      <c r="GA3" s="476"/>
      <c r="GB3" s="476"/>
      <c r="GC3" s="476"/>
      <c r="GD3" s="476"/>
      <c r="GE3" s="476"/>
      <c r="GF3" s="476"/>
      <c r="GG3" s="476"/>
      <c r="GH3" s="476"/>
      <c r="GI3" s="476"/>
      <c r="GJ3" s="476"/>
      <c r="GK3" s="476"/>
      <c r="GL3" s="476"/>
      <c r="GM3" s="476"/>
      <c r="GN3" s="476"/>
      <c r="GO3" s="476"/>
      <c r="GP3" s="476"/>
      <c r="GQ3" s="476"/>
      <c r="GR3" s="477"/>
      <c r="GS3" s="476" t="s">
        <v>104</v>
      </c>
      <c r="GT3" s="476"/>
      <c r="GU3" s="476"/>
      <c r="GV3" s="476"/>
      <c r="GW3" s="476"/>
      <c r="GX3" s="476"/>
      <c r="GY3" s="476"/>
      <c r="GZ3" s="476"/>
      <c r="HA3" s="476"/>
      <c r="HB3" s="476"/>
      <c r="HC3" s="476"/>
      <c r="HD3" s="476"/>
      <c r="HE3" s="476"/>
      <c r="HF3" s="476"/>
      <c r="HG3" s="476"/>
      <c r="HH3" s="476"/>
      <c r="HI3" s="476"/>
      <c r="HJ3" s="476"/>
      <c r="HK3" s="476"/>
      <c r="HL3" s="476"/>
      <c r="HM3" s="476"/>
      <c r="HN3" s="476"/>
      <c r="HO3" s="476"/>
      <c r="HP3" s="476"/>
      <c r="HQ3" s="476"/>
      <c r="HR3" s="476"/>
      <c r="HS3" s="476"/>
      <c r="HT3" s="476"/>
      <c r="HU3" s="476"/>
      <c r="HV3" s="476"/>
      <c r="HW3" s="476"/>
      <c r="HX3" s="476"/>
      <c r="HY3" s="476"/>
      <c r="HZ3" s="476"/>
      <c r="IA3" s="476"/>
      <c r="IB3" s="476"/>
      <c r="IC3" s="476"/>
      <c r="ID3" s="476"/>
      <c r="IE3" s="476"/>
      <c r="IF3" s="476"/>
      <c r="IG3" s="476"/>
      <c r="IH3" s="476"/>
      <c r="II3" s="476"/>
      <c r="IJ3" s="476"/>
      <c r="IK3" s="476"/>
      <c r="IL3" s="476"/>
      <c r="IM3" s="476"/>
      <c r="IN3" s="476"/>
      <c r="IO3" s="476"/>
      <c r="IP3" s="476"/>
      <c r="IQ3" s="476"/>
      <c r="IR3" s="476"/>
      <c r="IS3" s="476"/>
      <c r="IT3" s="476"/>
      <c r="IU3" s="476"/>
      <c r="IV3" s="476"/>
      <c r="IW3" s="476"/>
      <c r="IX3" s="476"/>
      <c r="IY3" s="476"/>
      <c r="IZ3" s="476"/>
      <c r="JA3" s="476"/>
      <c r="JB3" s="476"/>
      <c r="JC3" s="476"/>
      <c r="JD3" s="476"/>
      <c r="JE3" s="476"/>
      <c r="JF3" s="476"/>
      <c r="JG3" s="476"/>
      <c r="JH3" s="476"/>
      <c r="JI3" s="476"/>
      <c r="JJ3" s="476"/>
      <c r="JK3" s="476"/>
      <c r="JL3" s="476"/>
      <c r="JM3" s="476"/>
      <c r="JN3" s="476"/>
      <c r="JO3" s="476"/>
      <c r="JP3" s="476"/>
      <c r="JQ3" s="476"/>
      <c r="JR3" s="476"/>
      <c r="JS3" s="476"/>
      <c r="JT3" s="476"/>
      <c r="JU3" s="476"/>
      <c r="JV3" s="476"/>
      <c r="JW3" s="476"/>
      <c r="JX3" s="476"/>
      <c r="JY3" s="476"/>
      <c r="JZ3" s="476"/>
      <c r="KA3" s="476"/>
      <c r="KB3" s="476"/>
      <c r="KC3" s="476"/>
      <c r="KD3" s="476"/>
      <c r="KE3" s="476"/>
      <c r="KF3" s="476"/>
      <c r="KG3" s="476"/>
      <c r="KH3" s="476"/>
      <c r="KI3" s="476"/>
      <c r="KJ3" s="476"/>
      <c r="KK3" s="476"/>
      <c r="KL3" s="476"/>
      <c r="KM3" s="477"/>
    </row>
    <row r="4" spans="2:299" ht="21" customHeight="1" thickBot="1" x14ac:dyDescent="0.25">
      <c r="B4" s="493"/>
      <c r="C4" s="478" t="s">
        <v>39</v>
      </c>
      <c r="D4" s="479"/>
      <c r="E4" s="479"/>
      <c r="F4" s="479"/>
      <c r="G4" s="479"/>
      <c r="H4" s="479"/>
      <c r="I4" s="479"/>
      <c r="J4" s="479"/>
      <c r="K4" s="479"/>
      <c r="L4" s="479"/>
      <c r="M4" s="479"/>
      <c r="N4" s="479"/>
      <c r="O4" s="479"/>
      <c r="P4" s="479"/>
      <c r="Q4" s="479"/>
      <c r="R4" s="479"/>
      <c r="S4" s="479"/>
      <c r="T4" s="479"/>
      <c r="U4" s="479"/>
      <c r="V4" s="479"/>
      <c r="W4" s="479"/>
      <c r="X4" s="479"/>
      <c r="Y4" s="479"/>
      <c r="Z4" s="479"/>
      <c r="AA4" s="479"/>
      <c r="AB4" s="479"/>
      <c r="AC4" s="479"/>
      <c r="AD4" s="479"/>
      <c r="AE4" s="479"/>
      <c r="AF4" s="479"/>
      <c r="AG4" s="479"/>
      <c r="AH4" s="479"/>
      <c r="AI4" s="479"/>
      <c r="AJ4" s="479"/>
      <c r="AK4" s="479"/>
      <c r="AL4" s="479"/>
      <c r="AM4" s="479"/>
      <c r="AN4" s="479"/>
      <c r="AO4" s="479"/>
      <c r="AP4" s="479"/>
      <c r="AQ4" s="479"/>
      <c r="AR4" s="479"/>
      <c r="AS4" s="479"/>
      <c r="AT4" s="479"/>
      <c r="AU4" s="479"/>
      <c r="AV4" s="479"/>
      <c r="AW4" s="479"/>
      <c r="AX4" s="479"/>
      <c r="AY4" s="479"/>
      <c r="AZ4" s="479"/>
      <c r="BA4" s="479"/>
      <c r="BB4" s="479"/>
      <c r="BC4" s="479"/>
      <c r="BD4" s="479"/>
      <c r="BE4" s="479"/>
      <c r="BF4" s="479"/>
      <c r="BG4" s="479"/>
      <c r="BH4" s="479"/>
      <c r="BI4" s="479"/>
      <c r="BJ4" s="479"/>
      <c r="BK4" s="479"/>
      <c r="BL4" s="479"/>
      <c r="BM4" s="479"/>
      <c r="BN4" s="479"/>
      <c r="BO4" s="479"/>
      <c r="BP4" s="479"/>
      <c r="BQ4" s="479"/>
      <c r="BR4" s="479"/>
      <c r="BS4" s="479"/>
      <c r="BT4" s="479"/>
      <c r="BU4" s="479"/>
      <c r="BV4" s="479"/>
      <c r="BW4" s="479"/>
      <c r="BX4" s="479"/>
      <c r="BY4" s="479"/>
      <c r="BZ4" s="479"/>
      <c r="CA4" s="480"/>
      <c r="CB4" s="481" t="s">
        <v>40</v>
      </c>
      <c r="CC4" s="482"/>
      <c r="CD4" s="482"/>
      <c r="CE4" s="482"/>
      <c r="CF4" s="482"/>
      <c r="CG4" s="482"/>
      <c r="CH4" s="482"/>
      <c r="CI4" s="482"/>
      <c r="CJ4" s="482"/>
      <c r="CK4" s="482"/>
      <c r="CL4" s="483"/>
      <c r="CM4" s="481" t="s">
        <v>41</v>
      </c>
      <c r="CN4" s="482"/>
      <c r="CO4" s="482"/>
      <c r="CP4" s="482"/>
      <c r="CQ4" s="482"/>
      <c r="CR4" s="482"/>
      <c r="CS4" s="482"/>
      <c r="CT4" s="482"/>
      <c r="CU4" s="482"/>
      <c r="CV4" s="482"/>
      <c r="CW4" s="483"/>
      <c r="CX4" s="478" t="s">
        <v>39</v>
      </c>
      <c r="CY4" s="479"/>
      <c r="CZ4" s="479"/>
      <c r="DA4" s="479"/>
      <c r="DB4" s="479"/>
      <c r="DC4" s="479"/>
      <c r="DD4" s="479"/>
      <c r="DE4" s="479"/>
      <c r="DF4" s="479"/>
      <c r="DG4" s="479"/>
      <c r="DH4" s="479"/>
      <c r="DI4" s="479"/>
      <c r="DJ4" s="479"/>
      <c r="DK4" s="479"/>
      <c r="DL4" s="479"/>
      <c r="DM4" s="479"/>
      <c r="DN4" s="479"/>
      <c r="DO4" s="479"/>
      <c r="DP4" s="479"/>
      <c r="DQ4" s="479"/>
      <c r="DR4" s="479"/>
      <c r="DS4" s="479"/>
      <c r="DT4" s="479"/>
      <c r="DU4" s="479"/>
      <c r="DV4" s="479"/>
      <c r="DW4" s="479"/>
      <c r="DX4" s="479"/>
      <c r="DY4" s="479"/>
      <c r="DZ4" s="479"/>
      <c r="EA4" s="479"/>
      <c r="EB4" s="479"/>
      <c r="EC4" s="479"/>
      <c r="ED4" s="479"/>
      <c r="EE4" s="479"/>
      <c r="EF4" s="479"/>
      <c r="EG4" s="479"/>
      <c r="EH4" s="479"/>
      <c r="EI4" s="479"/>
      <c r="EJ4" s="479"/>
      <c r="EK4" s="479"/>
      <c r="EL4" s="479"/>
      <c r="EM4" s="479"/>
      <c r="EN4" s="479"/>
      <c r="EO4" s="479"/>
      <c r="EP4" s="479"/>
      <c r="EQ4" s="479"/>
      <c r="ER4" s="479"/>
      <c r="ES4" s="479"/>
      <c r="ET4" s="479"/>
      <c r="EU4" s="479"/>
      <c r="EV4" s="479"/>
      <c r="EW4" s="479"/>
      <c r="EX4" s="479"/>
      <c r="EY4" s="479"/>
      <c r="EZ4" s="479"/>
      <c r="FA4" s="479"/>
      <c r="FB4" s="479"/>
      <c r="FC4" s="479"/>
      <c r="FD4" s="479"/>
      <c r="FE4" s="479"/>
      <c r="FF4" s="479"/>
      <c r="FG4" s="479"/>
      <c r="FH4" s="479"/>
      <c r="FI4" s="479"/>
      <c r="FJ4" s="479"/>
      <c r="FK4" s="479"/>
      <c r="FL4" s="479"/>
      <c r="FM4" s="479"/>
      <c r="FN4" s="479"/>
      <c r="FO4" s="479"/>
      <c r="FP4" s="479"/>
      <c r="FQ4" s="479"/>
      <c r="FR4" s="479"/>
      <c r="FS4" s="479"/>
      <c r="FT4" s="479"/>
      <c r="FU4" s="479"/>
      <c r="FV4" s="480"/>
      <c r="FW4" s="481" t="s">
        <v>40</v>
      </c>
      <c r="FX4" s="482"/>
      <c r="FY4" s="482"/>
      <c r="FZ4" s="482"/>
      <c r="GA4" s="482"/>
      <c r="GB4" s="482"/>
      <c r="GC4" s="482"/>
      <c r="GD4" s="482"/>
      <c r="GE4" s="482"/>
      <c r="GF4" s="482"/>
      <c r="GG4" s="483"/>
      <c r="GH4" s="481" t="s">
        <v>41</v>
      </c>
      <c r="GI4" s="482"/>
      <c r="GJ4" s="482"/>
      <c r="GK4" s="482"/>
      <c r="GL4" s="482"/>
      <c r="GM4" s="482"/>
      <c r="GN4" s="482"/>
      <c r="GO4" s="482"/>
      <c r="GP4" s="482"/>
      <c r="GQ4" s="482"/>
      <c r="GR4" s="483"/>
      <c r="GS4" s="478" t="s">
        <v>39</v>
      </c>
      <c r="GT4" s="479"/>
      <c r="GU4" s="479"/>
      <c r="GV4" s="479"/>
      <c r="GW4" s="479"/>
      <c r="GX4" s="479"/>
      <c r="GY4" s="479"/>
      <c r="GZ4" s="479"/>
      <c r="HA4" s="479"/>
      <c r="HB4" s="479"/>
      <c r="HC4" s="479"/>
      <c r="HD4" s="479"/>
      <c r="HE4" s="479"/>
      <c r="HF4" s="479"/>
      <c r="HG4" s="479"/>
      <c r="HH4" s="479"/>
      <c r="HI4" s="479"/>
      <c r="HJ4" s="479"/>
      <c r="HK4" s="479"/>
      <c r="HL4" s="479"/>
      <c r="HM4" s="479"/>
      <c r="HN4" s="479"/>
      <c r="HO4" s="479"/>
      <c r="HP4" s="479"/>
      <c r="HQ4" s="479"/>
      <c r="HR4" s="479"/>
      <c r="HS4" s="479"/>
      <c r="HT4" s="479"/>
      <c r="HU4" s="479"/>
      <c r="HV4" s="479"/>
      <c r="HW4" s="479"/>
      <c r="HX4" s="479"/>
      <c r="HY4" s="479"/>
      <c r="HZ4" s="479"/>
      <c r="IA4" s="479"/>
      <c r="IB4" s="479"/>
      <c r="IC4" s="479"/>
      <c r="ID4" s="479"/>
      <c r="IE4" s="479"/>
      <c r="IF4" s="479"/>
      <c r="IG4" s="479"/>
      <c r="IH4" s="479"/>
      <c r="II4" s="479"/>
      <c r="IJ4" s="479"/>
      <c r="IK4" s="479"/>
      <c r="IL4" s="479"/>
      <c r="IM4" s="479"/>
      <c r="IN4" s="479"/>
      <c r="IO4" s="479"/>
      <c r="IP4" s="479"/>
      <c r="IQ4" s="479"/>
      <c r="IR4" s="479"/>
      <c r="IS4" s="479"/>
      <c r="IT4" s="479"/>
      <c r="IU4" s="479"/>
      <c r="IV4" s="479"/>
      <c r="IW4" s="479"/>
      <c r="IX4" s="479"/>
      <c r="IY4" s="479"/>
      <c r="IZ4" s="479"/>
      <c r="JA4" s="479"/>
      <c r="JB4" s="479"/>
      <c r="JC4" s="479"/>
      <c r="JD4" s="479"/>
      <c r="JE4" s="479"/>
      <c r="JF4" s="479"/>
      <c r="JG4" s="479"/>
      <c r="JH4" s="479"/>
      <c r="JI4" s="479"/>
      <c r="JJ4" s="479"/>
      <c r="JK4" s="479"/>
      <c r="JL4" s="479"/>
      <c r="JM4" s="479"/>
      <c r="JN4" s="479"/>
      <c r="JO4" s="479"/>
      <c r="JP4" s="479"/>
      <c r="JQ4" s="480"/>
      <c r="JR4" s="481" t="s">
        <v>40</v>
      </c>
      <c r="JS4" s="482"/>
      <c r="JT4" s="482"/>
      <c r="JU4" s="482"/>
      <c r="JV4" s="482"/>
      <c r="JW4" s="482"/>
      <c r="JX4" s="482"/>
      <c r="JY4" s="482"/>
      <c r="JZ4" s="482"/>
      <c r="KA4" s="482"/>
      <c r="KB4" s="483"/>
      <c r="KC4" s="481" t="s">
        <v>41</v>
      </c>
      <c r="KD4" s="482"/>
      <c r="KE4" s="482"/>
      <c r="KF4" s="482"/>
      <c r="KG4" s="482"/>
      <c r="KH4" s="482"/>
      <c r="KI4" s="482"/>
      <c r="KJ4" s="482"/>
      <c r="KK4" s="482"/>
      <c r="KL4" s="482"/>
      <c r="KM4" s="483"/>
    </row>
    <row r="5" spans="2:299" ht="21" customHeight="1" thickBot="1" x14ac:dyDescent="0.25">
      <c r="B5" s="487"/>
      <c r="C5" s="487"/>
      <c r="D5" s="488"/>
      <c r="E5" s="488"/>
      <c r="F5" s="488"/>
      <c r="G5" s="488"/>
      <c r="H5" s="488"/>
      <c r="I5" s="488"/>
      <c r="J5" s="488"/>
      <c r="K5" s="488"/>
      <c r="L5" s="488"/>
      <c r="M5" s="489"/>
      <c r="N5" s="490" t="s">
        <v>97</v>
      </c>
      <c r="O5" s="491"/>
      <c r="P5" s="491"/>
      <c r="Q5" s="491"/>
      <c r="R5" s="491"/>
      <c r="S5" s="491"/>
      <c r="T5" s="491"/>
      <c r="U5" s="491"/>
      <c r="V5" s="491"/>
      <c r="W5" s="491"/>
      <c r="X5" s="492"/>
      <c r="Y5" s="490" t="s">
        <v>98</v>
      </c>
      <c r="Z5" s="491"/>
      <c r="AA5" s="491"/>
      <c r="AB5" s="491"/>
      <c r="AC5" s="491"/>
      <c r="AD5" s="491"/>
      <c r="AE5" s="491"/>
      <c r="AF5" s="491"/>
      <c r="AG5" s="491"/>
      <c r="AH5" s="491"/>
      <c r="AI5" s="492"/>
      <c r="AJ5" s="490" t="s">
        <v>99</v>
      </c>
      <c r="AK5" s="491"/>
      <c r="AL5" s="491"/>
      <c r="AM5" s="491"/>
      <c r="AN5" s="491"/>
      <c r="AO5" s="491"/>
      <c r="AP5" s="491"/>
      <c r="AQ5" s="491"/>
      <c r="AR5" s="491"/>
      <c r="AS5" s="491"/>
      <c r="AT5" s="492"/>
      <c r="AU5" s="490" t="s">
        <v>100</v>
      </c>
      <c r="AV5" s="491"/>
      <c r="AW5" s="491"/>
      <c r="AX5" s="491"/>
      <c r="AY5" s="491"/>
      <c r="AZ5" s="491"/>
      <c r="BA5" s="491"/>
      <c r="BB5" s="491"/>
      <c r="BC5" s="491"/>
      <c r="BD5" s="491"/>
      <c r="BE5" s="492"/>
      <c r="BF5" s="490" t="s">
        <v>101</v>
      </c>
      <c r="BG5" s="491"/>
      <c r="BH5" s="491"/>
      <c r="BI5" s="491"/>
      <c r="BJ5" s="491"/>
      <c r="BK5" s="491"/>
      <c r="BL5" s="491"/>
      <c r="BM5" s="491"/>
      <c r="BN5" s="491"/>
      <c r="BO5" s="491"/>
      <c r="BP5" s="492"/>
      <c r="BQ5" s="490" t="s">
        <v>102</v>
      </c>
      <c r="BR5" s="491"/>
      <c r="BS5" s="491"/>
      <c r="BT5" s="491"/>
      <c r="BU5" s="491"/>
      <c r="BV5" s="491"/>
      <c r="BW5" s="491"/>
      <c r="BX5" s="491"/>
      <c r="BY5" s="491"/>
      <c r="BZ5" s="491"/>
      <c r="CA5" s="492"/>
      <c r="CB5" s="484"/>
      <c r="CC5" s="485"/>
      <c r="CD5" s="485"/>
      <c r="CE5" s="485"/>
      <c r="CF5" s="485"/>
      <c r="CG5" s="485"/>
      <c r="CH5" s="485"/>
      <c r="CI5" s="485"/>
      <c r="CJ5" s="485"/>
      <c r="CK5" s="485"/>
      <c r="CL5" s="486"/>
      <c r="CM5" s="484"/>
      <c r="CN5" s="485"/>
      <c r="CO5" s="485"/>
      <c r="CP5" s="485"/>
      <c r="CQ5" s="485"/>
      <c r="CR5" s="485"/>
      <c r="CS5" s="485"/>
      <c r="CT5" s="485"/>
      <c r="CU5" s="485"/>
      <c r="CV5" s="485"/>
      <c r="CW5" s="486"/>
      <c r="CX5" s="487"/>
      <c r="CY5" s="488"/>
      <c r="CZ5" s="488"/>
      <c r="DA5" s="488"/>
      <c r="DB5" s="488"/>
      <c r="DC5" s="488"/>
      <c r="DD5" s="488"/>
      <c r="DE5" s="488"/>
      <c r="DF5" s="488"/>
      <c r="DG5" s="488"/>
      <c r="DH5" s="489"/>
      <c r="DI5" s="490" t="s">
        <v>97</v>
      </c>
      <c r="DJ5" s="491"/>
      <c r="DK5" s="491"/>
      <c r="DL5" s="491"/>
      <c r="DM5" s="491"/>
      <c r="DN5" s="491"/>
      <c r="DO5" s="491"/>
      <c r="DP5" s="491"/>
      <c r="DQ5" s="491"/>
      <c r="DR5" s="491"/>
      <c r="DS5" s="492"/>
      <c r="DT5" s="490" t="s">
        <v>98</v>
      </c>
      <c r="DU5" s="491"/>
      <c r="DV5" s="491"/>
      <c r="DW5" s="491"/>
      <c r="DX5" s="491"/>
      <c r="DY5" s="491"/>
      <c r="DZ5" s="491"/>
      <c r="EA5" s="491"/>
      <c r="EB5" s="491"/>
      <c r="EC5" s="491"/>
      <c r="ED5" s="492"/>
      <c r="EE5" s="490" t="s">
        <v>99</v>
      </c>
      <c r="EF5" s="491"/>
      <c r="EG5" s="491"/>
      <c r="EH5" s="491"/>
      <c r="EI5" s="491"/>
      <c r="EJ5" s="491"/>
      <c r="EK5" s="491"/>
      <c r="EL5" s="491"/>
      <c r="EM5" s="491"/>
      <c r="EN5" s="491"/>
      <c r="EO5" s="492"/>
      <c r="EP5" s="490" t="s">
        <v>100</v>
      </c>
      <c r="EQ5" s="491"/>
      <c r="ER5" s="491"/>
      <c r="ES5" s="491"/>
      <c r="ET5" s="491"/>
      <c r="EU5" s="491"/>
      <c r="EV5" s="491"/>
      <c r="EW5" s="491"/>
      <c r="EX5" s="491"/>
      <c r="EY5" s="491"/>
      <c r="EZ5" s="492"/>
      <c r="FA5" s="490" t="s">
        <v>101</v>
      </c>
      <c r="FB5" s="491"/>
      <c r="FC5" s="491"/>
      <c r="FD5" s="491"/>
      <c r="FE5" s="491"/>
      <c r="FF5" s="491"/>
      <c r="FG5" s="491"/>
      <c r="FH5" s="491"/>
      <c r="FI5" s="491"/>
      <c r="FJ5" s="491"/>
      <c r="FK5" s="492"/>
      <c r="FL5" s="490" t="s">
        <v>102</v>
      </c>
      <c r="FM5" s="491"/>
      <c r="FN5" s="491"/>
      <c r="FO5" s="491"/>
      <c r="FP5" s="491"/>
      <c r="FQ5" s="491"/>
      <c r="FR5" s="491"/>
      <c r="FS5" s="491"/>
      <c r="FT5" s="491"/>
      <c r="FU5" s="491"/>
      <c r="FV5" s="492"/>
      <c r="FW5" s="484"/>
      <c r="FX5" s="485"/>
      <c r="FY5" s="485"/>
      <c r="FZ5" s="485"/>
      <c r="GA5" s="485"/>
      <c r="GB5" s="485"/>
      <c r="GC5" s="485"/>
      <c r="GD5" s="485"/>
      <c r="GE5" s="485"/>
      <c r="GF5" s="485"/>
      <c r="GG5" s="486"/>
      <c r="GH5" s="484"/>
      <c r="GI5" s="485"/>
      <c r="GJ5" s="485"/>
      <c r="GK5" s="485"/>
      <c r="GL5" s="485"/>
      <c r="GM5" s="485"/>
      <c r="GN5" s="485"/>
      <c r="GO5" s="485"/>
      <c r="GP5" s="485"/>
      <c r="GQ5" s="485"/>
      <c r="GR5" s="486"/>
      <c r="GS5" s="487"/>
      <c r="GT5" s="488"/>
      <c r="GU5" s="488"/>
      <c r="GV5" s="488"/>
      <c r="GW5" s="488"/>
      <c r="GX5" s="488"/>
      <c r="GY5" s="488"/>
      <c r="GZ5" s="488"/>
      <c r="HA5" s="488"/>
      <c r="HB5" s="488"/>
      <c r="HC5" s="489"/>
      <c r="HD5" s="490" t="s">
        <v>97</v>
      </c>
      <c r="HE5" s="491"/>
      <c r="HF5" s="491"/>
      <c r="HG5" s="491"/>
      <c r="HH5" s="491"/>
      <c r="HI5" s="491"/>
      <c r="HJ5" s="491"/>
      <c r="HK5" s="491"/>
      <c r="HL5" s="491"/>
      <c r="HM5" s="491"/>
      <c r="HN5" s="492"/>
      <c r="HO5" s="490" t="s">
        <v>98</v>
      </c>
      <c r="HP5" s="491"/>
      <c r="HQ5" s="491"/>
      <c r="HR5" s="491"/>
      <c r="HS5" s="491"/>
      <c r="HT5" s="491"/>
      <c r="HU5" s="491"/>
      <c r="HV5" s="491"/>
      <c r="HW5" s="491"/>
      <c r="HX5" s="491"/>
      <c r="HY5" s="492"/>
      <c r="HZ5" s="490" t="s">
        <v>99</v>
      </c>
      <c r="IA5" s="491"/>
      <c r="IB5" s="491"/>
      <c r="IC5" s="491"/>
      <c r="ID5" s="491"/>
      <c r="IE5" s="491"/>
      <c r="IF5" s="491"/>
      <c r="IG5" s="491"/>
      <c r="IH5" s="491"/>
      <c r="II5" s="491"/>
      <c r="IJ5" s="492"/>
      <c r="IK5" s="490" t="s">
        <v>100</v>
      </c>
      <c r="IL5" s="491"/>
      <c r="IM5" s="491"/>
      <c r="IN5" s="491"/>
      <c r="IO5" s="491"/>
      <c r="IP5" s="491"/>
      <c r="IQ5" s="491"/>
      <c r="IR5" s="491"/>
      <c r="IS5" s="491"/>
      <c r="IT5" s="491"/>
      <c r="IU5" s="492"/>
      <c r="IV5" s="490" t="s">
        <v>101</v>
      </c>
      <c r="IW5" s="491"/>
      <c r="IX5" s="491"/>
      <c r="IY5" s="491"/>
      <c r="IZ5" s="491"/>
      <c r="JA5" s="491"/>
      <c r="JB5" s="491"/>
      <c r="JC5" s="491"/>
      <c r="JD5" s="491"/>
      <c r="JE5" s="491"/>
      <c r="JF5" s="492"/>
      <c r="JG5" s="490" t="s">
        <v>102</v>
      </c>
      <c r="JH5" s="491"/>
      <c r="JI5" s="491"/>
      <c r="JJ5" s="491"/>
      <c r="JK5" s="491"/>
      <c r="JL5" s="491"/>
      <c r="JM5" s="491"/>
      <c r="JN5" s="491"/>
      <c r="JO5" s="491"/>
      <c r="JP5" s="491"/>
      <c r="JQ5" s="492"/>
      <c r="JR5" s="484"/>
      <c r="JS5" s="485"/>
      <c r="JT5" s="485"/>
      <c r="JU5" s="485"/>
      <c r="JV5" s="485"/>
      <c r="JW5" s="485"/>
      <c r="JX5" s="485"/>
      <c r="JY5" s="485"/>
      <c r="JZ5" s="485"/>
      <c r="KA5" s="485"/>
      <c r="KB5" s="486"/>
      <c r="KC5" s="484"/>
      <c r="KD5" s="485"/>
      <c r="KE5" s="485"/>
      <c r="KF5" s="485"/>
      <c r="KG5" s="485"/>
      <c r="KH5" s="485"/>
      <c r="KI5" s="485"/>
      <c r="KJ5" s="485"/>
      <c r="KK5" s="485"/>
      <c r="KL5" s="485"/>
      <c r="KM5" s="486"/>
    </row>
    <row r="6" spans="2:299" ht="30" customHeight="1" thickBot="1" x14ac:dyDescent="0.25">
      <c r="B6" s="311" t="s">
        <v>42</v>
      </c>
      <c r="C6" s="43" t="s">
        <v>43</v>
      </c>
      <c r="D6" s="41" t="s">
        <v>44</v>
      </c>
      <c r="E6" s="42" t="s">
        <v>45</v>
      </c>
      <c r="F6" s="44" t="s">
        <v>46</v>
      </c>
      <c r="G6" s="41" t="s">
        <v>47</v>
      </c>
      <c r="H6" s="41" t="s">
        <v>48</v>
      </c>
      <c r="I6" s="41" t="s">
        <v>49</v>
      </c>
      <c r="J6" s="41" t="s">
        <v>50</v>
      </c>
      <c r="K6" s="41" t="s">
        <v>51</v>
      </c>
      <c r="L6" s="42" t="s">
        <v>45</v>
      </c>
      <c r="M6" s="310" t="s">
        <v>52</v>
      </c>
      <c r="N6" s="314" t="s">
        <v>43</v>
      </c>
      <c r="O6" s="315" t="s">
        <v>44</v>
      </c>
      <c r="P6" s="316" t="s">
        <v>45</v>
      </c>
      <c r="Q6" s="317" t="s">
        <v>46</v>
      </c>
      <c r="R6" s="315" t="s">
        <v>47</v>
      </c>
      <c r="S6" s="315" t="s">
        <v>48</v>
      </c>
      <c r="T6" s="315" t="s">
        <v>49</v>
      </c>
      <c r="U6" s="315" t="s">
        <v>50</v>
      </c>
      <c r="V6" s="315" t="s">
        <v>51</v>
      </c>
      <c r="W6" s="316" t="s">
        <v>45</v>
      </c>
      <c r="X6" s="313" t="s">
        <v>52</v>
      </c>
      <c r="Y6" s="314" t="s">
        <v>43</v>
      </c>
      <c r="Z6" s="315" t="s">
        <v>44</v>
      </c>
      <c r="AA6" s="316" t="s">
        <v>45</v>
      </c>
      <c r="AB6" s="317" t="s">
        <v>46</v>
      </c>
      <c r="AC6" s="315" t="s">
        <v>47</v>
      </c>
      <c r="AD6" s="315" t="s">
        <v>48</v>
      </c>
      <c r="AE6" s="315" t="s">
        <v>49</v>
      </c>
      <c r="AF6" s="315" t="s">
        <v>50</v>
      </c>
      <c r="AG6" s="315" t="s">
        <v>51</v>
      </c>
      <c r="AH6" s="316" t="s">
        <v>45</v>
      </c>
      <c r="AI6" s="318" t="s">
        <v>52</v>
      </c>
      <c r="AJ6" s="314" t="s">
        <v>43</v>
      </c>
      <c r="AK6" s="315" t="s">
        <v>44</v>
      </c>
      <c r="AL6" s="316" t="s">
        <v>45</v>
      </c>
      <c r="AM6" s="317" t="s">
        <v>46</v>
      </c>
      <c r="AN6" s="315" t="s">
        <v>47</v>
      </c>
      <c r="AO6" s="315" t="s">
        <v>48</v>
      </c>
      <c r="AP6" s="315" t="s">
        <v>49</v>
      </c>
      <c r="AQ6" s="315" t="s">
        <v>50</v>
      </c>
      <c r="AR6" s="315" t="s">
        <v>51</v>
      </c>
      <c r="AS6" s="316" t="s">
        <v>45</v>
      </c>
      <c r="AT6" s="318" t="s">
        <v>52</v>
      </c>
      <c r="AU6" s="314" t="s">
        <v>43</v>
      </c>
      <c r="AV6" s="315" t="s">
        <v>44</v>
      </c>
      <c r="AW6" s="316" t="s">
        <v>45</v>
      </c>
      <c r="AX6" s="317" t="s">
        <v>46</v>
      </c>
      <c r="AY6" s="315" t="s">
        <v>47</v>
      </c>
      <c r="AZ6" s="315" t="s">
        <v>48</v>
      </c>
      <c r="BA6" s="315" t="s">
        <v>49</v>
      </c>
      <c r="BB6" s="315" t="s">
        <v>50</v>
      </c>
      <c r="BC6" s="315" t="s">
        <v>51</v>
      </c>
      <c r="BD6" s="316" t="s">
        <v>45</v>
      </c>
      <c r="BE6" s="318" t="s">
        <v>52</v>
      </c>
      <c r="BF6" s="314" t="s">
        <v>43</v>
      </c>
      <c r="BG6" s="315" t="s">
        <v>44</v>
      </c>
      <c r="BH6" s="316" t="s">
        <v>45</v>
      </c>
      <c r="BI6" s="317" t="s">
        <v>46</v>
      </c>
      <c r="BJ6" s="315" t="s">
        <v>47</v>
      </c>
      <c r="BK6" s="315" t="s">
        <v>48</v>
      </c>
      <c r="BL6" s="315" t="s">
        <v>49</v>
      </c>
      <c r="BM6" s="315" t="s">
        <v>50</v>
      </c>
      <c r="BN6" s="315" t="s">
        <v>51</v>
      </c>
      <c r="BO6" s="316" t="s">
        <v>45</v>
      </c>
      <c r="BP6" s="318" t="s">
        <v>52</v>
      </c>
      <c r="BQ6" s="314" t="s">
        <v>43</v>
      </c>
      <c r="BR6" s="315" t="s">
        <v>44</v>
      </c>
      <c r="BS6" s="316" t="s">
        <v>45</v>
      </c>
      <c r="BT6" s="317" t="s">
        <v>46</v>
      </c>
      <c r="BU6" s="315" t="s">
        <v>47</v>
      </c>
      <c r="BV6" s="315" t="s">
        <v>48</v>
      </c>
      <c r="BW6" s="315" t="s">
        <v>49</v>
      </c>
      <c r="BX6" s="315" t="s">
        <v>50</v>
      </c>
      <c r="BY6" s="315" t="s">
        <v>51</v>
      </c>
      <c r="BZ6" s="316" t="s">
        <v>45</v>
      </c>
      <c r="CA6" s="318" t="s">
        <v>52</v>
      </c>
      <c r="CB6" s="314" t="s">
        <v>43</v>
      </c>
      <c r="CC6" s="315" t="s">
        <v>44</v>
      </c>
      <c r="CD6" s="316" t="s">
        <v>45</v>
      </c>
      <c r="CE6" s="317" t="s">
        <v>46</v>
      </c>
      <c r="CF6" s="315" t="s">
        <v>47</v>
      </c>
      <c r="CG6" s="315" t="s">
        <v>48</v>
      </c>
      <c r="CH6" s="315" t="s">
        <v>49</v>
      </c>
      <c r="CI6" s="315" t="s">
        <v>50</v>
      </c>
      <c r="CJ6" s="315" t="s">
        <v>51</v>
      </c>
      <c r="CK6" s="316" t="s">
        <v>45</v>
      </c>
      <c r="CL6" s="318" t="s">
        <v>52</v>
      </c>
      <c r="CM6" s="314" t="s">
        <v>43</v>
      </c>
      <c r="CN6" s="315" t="s">
        <v>44</v>
      </c>
      <c r="CO6" s="316" t="s">
        <v>45</v>
      </c>
      <c r="CP6" s="317" t="s">
        <v>46</v>
      </c>
      <c r="CQ6" s="315" t="s">
        <v>47</v>
      </c>
      <c r="CR6" s="315" t="s">
        <v>48</v>
      </c>
      <c r="CS6" s="315" t="s">
        <v>49</v>
      </c>
      <c r="CT6" s="315" t="s">
        <v>50</v>
      </c>
      <c r="CU6" s="315" t="s">
        <v>51</v>
      </c>
      <c r="CV6" s="316" t="s">
        <v>45</v>
      </c>
      <c r="CW6" s="318" t="s">
        <v>52</v>
      </c>
      <c r="CX6" s="43" t="s">
        <v>43</v>
      </c>
      <c r="CY6" s="41" t="s">
        <v>44</v>
      </c>
      <c r="CZ6" s="42" t="s">
        <v>45</v>
      </c>
      <c r="DA6" s="44" t="s">
        <v>46</v>
      </c>
      <c r="DB6" s="41" t="s">
        <v>47</v>
      </c>
      <c r="DC6" s="41" t="s">
        <v>48</v>
      </c>
      <c r="DD6" s="41" t="s">
        <v>49</v>
      </c>
      <c r="DE6" s="41" t="s">
        <v>50</v>
      </c>
      <c r="DF6" s="41" t="s">
        <v>51</v>
      </c>
      <c r="DG6" s="42" t="s">
        <v>45</v>
      </c>
      <c r="DH6" s="310" t="s">
        <v>52</v>
      </c>
      <c r="DI6" s="314" t="s">
        <v>43</v>
      </c>
      <c r="DJ6" s="315" t="s">
        <v>44</v>
      </c>
      <c r="DK6" s="316" t="s">
        <v>45</v>
      </c>
      <c r="DL6" s="317" t="s">
        <v>46</v>
      </c>
      <c r="DM6" s="315" t="s">
        <v>47</v>
      </c>
      <c r="DN6" s="315" t="s">
        <v>48</v>
      </c>
      <c r="DO6" s="315" t="s">
        <v>49</v>
      </c>
      <c r="DP6" s="315" t="s">
        <v>50</v>
      </c>
      <c r="DQ6" s="315" t="s">
        <v>51</v>
      </c>
      <c r="DR6" s="316" t="s">
        <v>45</v>
      </c>
      <c r="DS6" s="318" t="s">
        <v>52</v>
      </c>
      <c r="DT6" s="314" t="s">
        <v>43</v>
      </c>
      <c r="DU6" s="315" t="s">
        <v>44</v>
      </c>
      <c r="DV6" s="316" t="s">
        <v>45</v>
      </c>
      <c r="DW6" s="317" t="s">
        <v>46</v>
      </c>
      <c r="DX6" s="315" t="s">
        <v>47</v>
      </c>
      <c r="DY6" s="315" t="s">
        <v>48</v>
      </c>
      <c r="DZ6" s="315" t="s">
        <v>49</v>
      </c>
      <c r="EA6" s="315" t="s">
        <v>50</v>
      </c>
      <c r="EB6" s="315" t="s">
        <v>51</v>
      </c>
      <c r="EC6" s="316" t="s">
        <v>45</v>
      </c>
      <c r="ED6" s="318" t="s">
        <v>52</v>
      </c>
      <c r="EE6" s="314" t="s">
        <v>43</v>
      </c>
      <c r="EF6" s="315" t="s">
        <v>44</v>
      </c>
      <c r="EG6" s="316" t="s">
        <v>45</v>
      </c>
      <c r="EH6" s="317" t="s">
        <v>46</v>
      </c>
      <c r="EI6" s="315" t="s">
        <v>47</v>
      </c>
      <c r="EJ6" s="315" t="s">
        <v>48</v>
      </c>
      <c r="EK6" s="315" t="s">
        <v>49</v>
      </c>
      <c r="EL6" s="315" t="s">
        <v>50</v>
      </c>
      <c r="EM6" s="315" t="s">
        <v>51</v>
      </c>
      <c r="EN6" s="316" t="s">
        <v>45</v>
      </c>
      <c r="EO6" s="318" t="s">
        <v>52</v>
      </c>
      <c r="EP6" s="314" t="s">
        <v>43</v>
      </c>
      <c r="EQ6" s="315" t="s">
        <v>44</v>
      </c>
      <c r="ER6" s="316" t="s">
        <v>45</v>
      </c>
      <c r="ES6" s="317" t="s">
        <v>46</v>
      </c>
      <c r="ET6" s="315" t="s">
        <v>47</v>
      </c>
      <c r="EU6" s="315" t="s">
        <v>48</v>
      </c>
      <c r="EV6" s="315" t="s">
        <v>49</v>
      </c>
      <c r="EW6" s="315" t="s">
        <v>50</v>
      </c>
      <c r="EX6" s="315" t="s">
        <v>51</v>
      </c>
      <c r="EY6" s="316" t="s">
        <v>45</v>
      </c>
      <c r="EZ6" s="318" t="s">
        <v>52</v>
      </c>
      <c r="FA6" s="314" t="s">
        <v>43</v>
      </c>
      <c r="FB6" s="315" t="s">
        <v>44</v>
      </c>
      <c r="FC6" s="316" t="s">
        <v>45</v>
      </c>
      <c r="FD6" s="317" t="s">
        <v>46</v>
      </c>
      <c r="FE6" s="315" t="s">
        <v>47</v>
      </c>
      <c r="FF6" s="315" t="s">
        <v>48</v>
      </c>
      <c r="FG6" s="315" t="s">
        <v>49</v>
      </c>
      <c r="FH6" s="315" t="s">
        <v>50</v>
      </c>
      <c r="FI6" s="315" t="s">
        <v>51</v>
      </c>
      <c r="FJ6" s="316" t="s">
        <v>45</v>
      </c>
      <c r="FK6" s="318" t="s">
        <v>52</v>
      </c>
      <c r="FL6" s="314" t="s">
        <v>43</v>
      </c>
      <c r="FM6" s="315" t="s">
        <v>44</v>
      </c>
      <c r="FN6" s="316" t="s">
        <v>45</v>
      </c>
      <c r="FO6" s="317" t="s">
        <v>46</v>
      </c>
      <c r="FP6" s="315" t="s">
        <v>47</v>
      </c>
      <c r="FQ6" s="315" t="s">
        <v>48</v>
      </c>
      <c r="FR6" s="315" t="s">
        <v>49</v>
      </c>
      <c r="FS6" s="315" t="s">
        <v>50</v>
      </c>
      <c r="FT6" s="315" t="s">
        <v>51</v>
      </c>
      <c r="FU6" s="316" t="s">
        <v>45</v>
      </c>
      <c r="FV6" s="318" t="s">
        <v>52</v>
      </c>
      <c r="FW6" s="314" t="s">
        <v>43</v>
      </c>
      <c r="FX6" s="315" t="s">
        <v>44</v>
      </c>
      <c r="FY6" s="316" t="s">
        <v>45</v>
      </c>
      <c r="FZ6" s="317" t="s">
        <v>46</v>
      </c>
      <c r="GA6" s="315" t="s">
        <v>47</v>
      </c>
      <c r="GB6" s="315" t="s">
        <v>48</v>
      </c>
      <c r="GC6" s="315" t="s">
        <v>49</v>
      </c>
      <c r="GD6" s="315" t="s">
        <v>50</v>
      </c>
      <c r="GE6" s="315" t="s">
        <v>51</v>
      </c>
      <c r="GF6" s="316" t="s">
        <v>45</v>
      </c>
      <c r="GG6" s="318" t="s">
        <v>52</v>
      </c>
      <c r="GH6" s="314" t="s">
        <v>43</v>
      </c>
      <c r="GI6" s="315" t="s">
        <v>44</v>
      </c>
      <c r="GJ6" s="316" t="s">
        <v>45</v>
      </c>
      <c r="GK6" s="317" t="s">
        <v>46</v>
      </c>
      <c r="GL6" s="315" t="s">
        <v>47</v>
      </c>
      <c r="GM6" s="315" t="s">
        <v>48</v>
      </c>
      <c r="GN6" s="315" t="s">
        <v>49</v>
      </c>
      <c r="GO6" s="315" t="s">
        <v>50</v>
      </c>
      <c r="GP6" s="315" t="s">
        <v>51</v>
      </c>
      <c r="GQ6" s="316" t="s">
        <v>45</v>
      </c>
      <c r="GR6" s="318" t="s">
        <v>52</v>
      </c>
      <c r="GS6" s="43" t="s">
        <v>43</v>
      </c>
      <c r="GT6" s="41" t="s">
        <v>44</v>
      </c>
      <c r="GU6" s="42" t="s">
        <v>45</v>
      </c>
      <c r="GV6" s="44" t="s">
        <v>46</v>
      </c>
      <c r="GW6" s="41" t="s">
        <v>47</v>
      </c>
      <c r="GX6" s="41" t="s">
        <v>48</v>
      </c>
      <c r="GY6" s="41" t="s">
        <v>49</v>
      </c>
      <c r="GZ6" s="41" t="s">
        <v>50</v>
      </c>
      <c r="HA6" s="41" t="s">
        <v>51</v>
      </c>
      <c r="HB6" s="42" t="s">
        <v>45</v>
      </c>
      <c r="HC6" s="310" t="s">
        <v>52</v>
      </c>
      <c r="HD6" s="314" t="s">
        <v>43</v>
      </c>
      <c r="HE6" s="315" t="s">
        <v>44</v>
      </c>
      <c r="HF6" s="316" t="s">
        <v>45</v>
      </c>
      <c r="HG6" s="317" t="s">
        <v>46</v>
      </c>
      <c r="HH6" s="315" t="s">
        <v>47</v>
      </c>
      <c r="HI6" s="315" t="s">
        <v>48</v>
      </c>
      <c r="HJ6" s="315" t="s">
        <v>49</v>
      </c>
      <c r="HK6" s="315" t="s">
        <v>50</v>
      </c>
      <c r="HL6" s="315" t="s">
        <v>51</v>
      </c>
      <c r="HM6" s="316" t="s">
        <v>45</v>
      </c>
      <c r="HN6" s="318" t="s">
        <v>52</v>
      </c>
      <c r="HO6" s="314" t="s">
        <v>43</v>
      </c>
      <c r="HP6" s="315" t="s">
        <v>44</v>
      </c>
      <c r="HQ6" s="316" t="s">
        <v>45</v>
      </c>
      <c r="HR6" s="317" t="s">
        <v>46</v>
      </c>
      <c r="HS6" s="315" t="s">
        <v>47</v>
      </c>
      <c r="HT6" s="315" t="s">
        <v>48</v>
      </c>
      <c r="HU6" s="315" t="s">
        <v>49</v>
      </c>
      <c r="HV6" s="315" t="s">
        <v>50</v>
      </c>
      <c r="HW6" s="315" t="s">
        <v>51</v>
      </c>
      <c r="HX6" s="316" t="s">
        <v>45</v>
      </c>
      <c r="HY6" s="318" t="s">
        <v>52</v>
      </c>
      <c r="HZ6" s="314" t="s">
        <v>43</v>
      </c>
      <c r="IA6" s="315" t="s">
        <v>44</v>
      </c>
      <c r="IB6" s="316" t="s">
        <v>45</v>
      </c>
      <c r="IC6" s="317" t="s">
        <v>46</v>
      </c>
      <c r="ID6" s="315" t="s">
        <v>47</v>
      </c>
      <c r="IE6" s="315" t="s">
        <v>48</v>
      </c>
      <c r="IF6" s="315" t="s">
        <v>49</v>
      </c>
      <c r="IG6" s="315" t="s">
        <v>50</v>
      </c>
      <c r="IH6" s="315" t="s">
        <v>51</v>
      </c>
      <c r="II6" s="316" t="s">
        <v>45</v>
      </c>
      <c r="IJ6" s="318" t="s">
        <v>52</v>
      </c>
      <c r="IK6" s="314" t="s">
        <v>43</v>
      </c>
      <c r="IL6" s="315" t="s">
        <v>44</v>
      </c>
      <c r="IM6" s="316" t="s">
        <v>45</v>
      </c>
      <c r="IN6" s="317" t="s">
        <v>46</v>
      </c>
      <c r="IO6" s="315" t="s">
        <v>47</v>
      </c>
      <c r="IP6" s="315" t="s">
        <v>48</v>
      </c>
      <c r="IQ6" s="315" t="s">
        <v>49</v>
      </c>
      <c r="IR6" s="315" t="s">
        <v>50</v>
      </c>
      <c r="IS6" s="315" t="s">
        <v>51</v>
      </c>
      <c r="IT6" s="316" t="s">
        <v>45</v>
      </c>
      <c r="IU6" s="318" t="s">
        <v>52</v>
      </c>
      <c r="IV6" s="314" t="s">
        <v>43</v>
      </c>
      <c r="IW6" s="315" t="s">
        <v>44</v>
      </c>
      <c r="IX6" s="316" t="s">
        <v>45</v>
      </c>
      <c r="IY6" s="317" t="s">
        <v>46</v>
      </c>
      <c r="IZ6" s="315" t="s">
        <v>47</v>
      </c>
      <c r="JA6" s="315" t="s">
        <v>48</v>
      </c>
      <c r="JB6" s="315" t="s">
        <v>49</v>
      </c>
      <c r="JC6" s="315" t="s">
        <v>50</v>
      </c>
      <c r="JD6" s="315" t="s">
        <v>51</v>
      </c>
      <c r="JE6" s="316" t="s">
        <v>45</v>
      </c>
      <c r="JF6" s="318" t="s">
        <v>52</v>
      </c>
      <c r="JG6" s="314" t="s">
        <v>43</v>
      </c>
      <c r="JH6" s="315" t="s">
        <v>44</v>
      </c>
      <c r="JI6" s="316" t="s">
        <v>45</v>
      </c>
      <c r="JJ6" s="317" t="s">
        <v>46</v>
      </c>
      <c r="JK6" s="315" t="s">
        <v>47</v>
      </c>
      <c r="JL6" s="315" t="s">
        <v>48</v>
      </c>
      <c r="JM6" s="315" t="s">
        <v>49</v>
      </c>
      <c r="JN6" s="315" t="s">
        <v>50</v>
      </c>
      <c r="JO6" s="315" t="s">
        <v>51</v>
      </c>
      <c r="JP6" s="316" t="s">
        <v>45</v>
      </c>
      <c r="JQ6" s="318" t="s">
        <v>52</v>
      </c>
      <c r="JR6" s="314" t="s">
        <v>43</v>
      </c>
      <c r="JS6" s="315" t="s">
        <v>44</v>
      </c>
      <c r="JT6" s="316" t="s">
        <v>45</v>
      </c>
      <c r="JU6" s="317" t="s">
        <v>46</v>
      </c>
      <c r="JV6" s="315" t="s">
        <v>47</v>
      </c>
      <c r="JW6" s="315" t="s">
        <v>48</v>
      </c>
      <c r="JX6" s="315" t="s">
        <v>49</v>
      </c>
      <c r="JY6" s="315" t="s">
        <v>50</v>
      </c>
      <c r="JZ6" s="315" t="s">
        <v>51</v>
      </c>
      <c r="KA6" s="316" t="s">
        <v>45</v>
      </c>
      <c r="KB6" s="318" t="s">
        <v>52</v>
      </c>
      <c r="KC6" s="314" t="s">
        <v>43</v>
      </c>
      <c r="KD6" s="315" t="s">
        <v>44</v>
      </c>
      <c r="KE6" s="316" t="s">
        <v>45</v>
      </c>
      <c r="KF6" s="317" t="s">
        <v>46</v>
      </c>
      <c r="KG6" s="315" t="s">
        <v>47</v>
      </c>
      <c r="KH6" s="315" t="s">
        <v>48</v>
      </c>
      <c r="KI6" s="315" t="s">
        <v>49</v>
      </c>
      <c r="KJ6" s="315" t="s">
        <v>50</v>
      </c>
      <c r="KK6" s="315" t="s">
        <v>51</v>
      </c>
      <c r="KL6" s="316" t="s">
        <v>45</v>
      </c>
      <c r="KM6" s="318" t="s">
        <v>52</v>
      </c>
    </row>
    <row r="7" spans="2:299" ht="21" customHeight="1" x14ac:dyDescent="0.2">
      <c r="B7" s="435" t="s">
        <v>4</v>
      </c>
      <c r="C7" s="286">
        <v>3398</v>
      </c>
      <c r="D7" s="68">
        <v>3335</v>
      </c>
      <c r="E7" s="69">
        <v>6733</v>
      </c>
      <c r="F7" s="442">
        <v>0</v>
      </c>
      <c r="G7" s="68">
        <v>4346</v>
      </c>
      <c r="H7" s="68">
        <v>4094</v>
      </c>
      <c r="I7" s="68">
        <v>2450</v>
      </c>
      <c r="J7" s="68">
        <v>2015</v>
      </c>
      <c r="K7" s="68">
        <v>1348</v>
      </c>
      <c r="L7" s="70">
        <v>14253</v>
      </c>
      <c r="M7" s="71">
        <v>20986</v>
      </c>
      <c r="N7" s="56">
        <v>114</v>
      </c>
      <c r="O7" s="57">
        <v>136</v>
      </c>
      <c r="P7" s="58">
        <v>250</v>
      </c>
      <c r="Q7" s="442">
        <v>0</v>
      </c>
      <c r="R7" s="57">
        <v>127</v>
      </c>
      <c r="S7" s="57">
        <v>136</v>
      </c>
      <c r="T7" s="57">
        <v>90</v>
      </c>
      <c r="U7" s="57">
        <v>89</v>
      </c>
      <c r="V7" s="57">
        <v>74</v>
      </c>
      <c r="W7" s="58">
        <v>516</v>
      </c>
      <c r="X7" s="59">
        <v>766</v>
      </c>
      <c r="Y7" s="56">
        <v>236</v>
      </c>
      <c r="Z7" s="57">
        <v>268</v>
      </c>
      <c r="AA7" s="58">
        <v>504</v>
      </c>
      <c r="AB7" s="442">
        <v>0</v>
      </c>
      <c r="AC7" s="57">
        <v>266</v>
      </c>
      <c r="AD7" s="57">
        <v>301</v>
      </c>
      <c r="AE7" s="57">
        <v>153</v>
      </c>
      <c r="AF7" s="57">
        <v>154</v>
      </c>
      <c r="AG7" s="57">
        <v>126</v>
      </c>
      <c r="AH7" s="58">
        <v>1000</v>
      </c>
      <c r="AI7" s="59">
        <v>1504</v>
      </c>
      <c r="AJ7" s="56">
        <v>387</v>
      </c>
      <c r="AK7" s="57">
        <v>427</v>
      </c>
      <c r="AL7" s="58">
        <v>814</v>
      </c>
      <c r="AM7" s="442">
        <v>0</v>
      </c>
      <c r="AN7" s="57">
        <v>485</v>
      </c>
      <c r="AO7" s="57">
        <v>464</v>
      </c>
      <c r="AP7" s="57">
        <v>256</v>
      </c>
      <c r="AQ7" s="57">
        <v>237</v>
      </c>
      <c r="AR7" s="57">
        <v>190</v>
      </c>
      <c r="AS7" s="58">
        <v>1632</v>
      </c>
      <c r="AT7" s="59">
        <v>2446</v>
      </c>
      <c r="AU7" s="56">
        <v>785</v>
      </c>
      <c r="AV7" s="57">
        <v>746</v>
      </c>
      <c r="AW7" s="58">
        <v>1531</v>
      </c>
      <c r="AX7" s="442">
        <v>0</v>
      </c>
      <c r="AY7" s="57">
        <v>998</v>
      </c>
      <c r="AZ7" s="57">
        <v>822</v>
      </c>
      <c r="BA7" s="57">
        <v>471</v>
      </c>
      <c r="BB7" s="57">
        <v>398</v>
      </c>
      <c r="BC7" s="57">
        <v>266</v>
      </c>
      <c r="BD7" s="58">
        <v>2955</v>
      </c>
      <c r="BE7" s="59">
        <v>4486</v>
      </c>
      <c r="BF7" s="56">
        <v>1068</v>
      </c>
      <c r="BG7" s="57">
        <v>916</v>
      </c>
      <c r="BH7" s="58">
        <v>1984</v>
      </c>
      <c r="BI7" s="442">
        <v>0</v>
      </c>
      <c r="BJ7" s="57">
        <v>1306</v>
      </c>
      <c r="BK7" s="57">
        <v>1126</v>
      </c>
      <c r="BL7" s="57">
        <v>681</v>
      </c>
      <c r="BM7" s="57">
        <v>535</v>
      </c>
      <c r="BN7" s="57">
        <v>338</v>
      </c>
      <c r="BO7" s="58">
        <v>3986</v>
      </c>
      <c r="BP7" s="59">
        <v>5970</v>
      </c>
      <c r="BQ7" s="56">
        <v>808</v>
      </c>
      <c r="BR7" s="57">
        <v>842</v>
      </c>
      <c r="BS7" s="58">
        <v>1650</v>
      </c>
      <c r="BT7" s="442">
        <v>0</v>
      </c>
      <c r="BU7" s="57">
        <v>1164</v>
      </c>
      <c r="BV7" s="57">
        <v>1245</v>
      </c>
      <c r="BW7" s="57">
        <v>799</v>
      </c>
      <c r="BX7" s="57">
        <v>602</v>
      </c>
      <c r="BY7" s="57">
        <v>354</v>
      </c>
      <c r="BZ7" s="58">
        <v>4164</v>
      </c>
      <c r="CA7" s="59">
        <v>5814</v>
      </c>
      <c r="CB7" s="56">
        <v>0</v>
      </c>
      <c r="CC7" s="57">
        <v>0</v>
      </c>
      <c r="CD7" s="58">
        <v>0</v>
      </c>
      <c r="CE7" s="442">
        <v>0</v>
      </c>
      <c r="CF7" s="57">
        <v>0</v>
      </c>
      <c r="CG7" s="57">
        <v>0</v>
      </c>
      <c r="CH7" s="57">
        <v>0</v>
      </c>
      <c r="CI7" s="57">
        <v>0</v>
      </c>
      <c r="CJ7" s="57">
        <v>0</v>
      </c>
      <c r="CK7" s="58">
        <v>0</v>
      </c>
      <c r="CL7" s="59">
        <v>0</v>
      </c>
      <c r="CM7" s="56">
        <v>3398</v>
      </c>
      <c r="CN7" s="57">
        <v>3335</v>
      </c>
      <c r="CO7" s="58">
        <v>6733</v>
      </c>
      <c r="CP7" s="442">
        <v>0</v>
      </c>
      <c r="CQ7" s="57">
        <v>4346</v>
      </c>
      <c r="CR7" s="57">
        <v>4094</v>
      </c>
      <c r="CS7" s="57">
        <v>2450</v>
      </c>
      <c r="CT7" s="57">
        <v>2015</v>
      </c>
      <c r="CU7" s="57">
        <v>1348</v>
      </c>
      <c r="CV7" s="58">
        <v>14253</v>
      </c>
      <c r="CW7" s="59">
        <v>20986</v>
      </c>
      <c r="CX7" s="112">
        <v>1227</v>
      </c>
      <c r="CY7" s="68">
        <v>1413</v>
      </c>
      <c r="CZ7" s="69">
        <v>2640</v>
      </c>
      <c r="DA7" s="442">
        <v>0</v>
      </c>
      <c r="DB7" s="68">
        <v>1819</v>
      </c>
      <c r="DC7" s="68">
        <v>1624</v>
      </c>
      <c r="DD7" s="68">
        <v>1094</v>
      </c>
      <c r="DE7" s="68">
        <v>1107</v>
      </c>
      <c r="DF7" s="68">
        <v>701</v>
      </c>
      <c r="DG7" s="70">
        <v>6345</v>
      </c>
      <c r="DH7" s="71">
        <v>8985</v>
      </c>
      <c r="DI7" s="56">
        <v>31</v>
      </c>
      <c r="DJ7" s="57">
        <v>39</v>
      </c>
      <c r="DK7" s="58">
        <v>70</v>
      </c>
      <c r="DL7" s="442">
        <v>0</v>
      </c>
      <c r="DM7" s="57">
        <v>21</v>
      </c>
      <c r="DN7" s="57">
        <v>34</v>
      </c>
      <c r="DO7" s="57">
        <v>20</v>
      </c>
      <c r="DP7" s="57">
        <v>15</v>
      </c>
      <c r="DQ7" s="57">
        <v>13</v>
      </c>
      <c r="DR7" s="58">
        <v>103</v>
      </c>
      <c r="DS7" s="59">
        <v>173</v>
      </c>
      <c r="DT7" s="56">
        <v>93</v>
      </c>
      <c r="DU7" s="57">
        <v>97</v>
      </c>
      <c r="DV7" s="58">
        <v>190</v>
      </c>
      <c r="DW7" s="442">
        <v>0</v>
      </c>
      <c r="DX7" s="57">
        <v>70</v>
      </c>
      <c r="DY7" s="57">
        <v>69</v>
      </c>
      <c r="DZ7" s="57">
        <v>40</v>
      </c>
      <c r="EA7" s="57">
        <v>34</v>
      </c>
      <c r="EB7" s="57">
        <v>36</v>
      </c>
      <c r="EC7" s="58">
        <v>249</v>
      </c>
      <c r="ED7" s="59">
        <v>439</v>
      </c>
      <c r="EE7" s="56">
        <v>175</v>
      </c>
      <c r="EF7" s="57">
        <v>199</v>
      </c>
      <c r="EG7" s="58">
        <v>374</v>
      </c>
      <c r="EH7" s="442">
        <v>0</v>
      </c>
      <c r="EI7" s="57">
        <v>193</v>
      </c>
      <c r="EJ7" s="57">
        <v>159</v>
      </c>
      <c r="EK7" s="57">
        <v>68</v>
      </c>
      <c r="EL7" s="57">
        <v>72</v>
      </c>
      <c r="EM7" s="57">
        <v>64</v>
      </c>
      <c r="EN7" s="58">
        <v>556</v>
      </c>
      <c r="EO7" s="59">
        <v>930</v>
      </c>
      <c r="EP7" s="56">
        <v>361</v>
      </c>
      <c r="EQ7" s="57">
        <v>327</v>
      </c>
      <c r="ER7" s="58">
        <v>688</v>
      </c>
      <c r="ES7" s="442">
        <v>0</v>
      </c>
      <c r="ET7" s="57">
        <v>352</v>
      </c>
      <c r="EU7" s="57">
        <v>299</v>
      </c>
      <c r="EV7" s="57">
        <v>177</v>
      </c>
      <c r="EW7" s="57">
        <v>154</v>
      </c>
      <c r="EX7" s="57">
        <v>97</v>
      </c>
      <c r="EY7" s="58">
        <v>1079</v>
      </c>
      <c r="EZ7" s="59">
        <v>1767</v>
      </c>
      <c r="FA7" s="56">
        <v>333</v>
      </c>
      <c r="FB7" s="57">
        <v>433</v>
      </c>
      <c r="FC7" s="58">
        <v>766</v>
      </c>
      <c r="FD7" s="442">
        <v>0</v>
      </c>
      <c r="FE7" s="57">
        <v>565</v>
      </c>
      <c r="FF7" s="57">
        <v>450</v>
      </c>
      <c r="FG7" s="57">
        <v>282</v>
      </c>
      <c r="FH7" s="57">
        <v>261</v>
      </c>
      <c r="FI7" s="57">
        <v>167</v>
      </c>
      <c r="FJ7" s="58">
        <v>1725</v>
      </c>
      <c r="FK7" s="59">
        <v>2491</v>
      </c>
      <c r="FL7" s="56">
        <v>234</v>
      </c>
      <c r="FM7" s="57">
        <v>318</v>
      </c>
      <c r="FN7" s="58">
        <v>552</v>
      </c>
      <c r="FO7" s="442">
        <v>0</v>
      </c>
      <c r="FP7" s="57">
        <v>618</v>
      </c>
      <c r="FQ7" s="57">
        <v>613</v>
      </c>
      <c r="FR7" s="57">
        <v>507</v>
      </c>
      <c r="FS7" s="57">
        <v>571</v>
      </c>
      <c r="FT7" s="57">
        <v>324</v>
      </c>
      <c r="FU7" s="58">
        <v>2633</v>
      </c>
      <c r="FV7" s="59">
        <v>3185</v>
      </c>
      <c r="FW7" s="56">
        <v>0</v>
      </c>
      <c r="FX7" s="57">
        <v>0</v>
      </c>
      <c r="FY7" s="58">
        <v>0</v>
      </c>
      <c r="FZ7" s="442">
        <v>0</v>
      </c>
      <c r="GA7" s="57">
        <v>0</v>
      </c>
      <c r="GB7" s="57">
        <v>0</v>
      </c>
      <c r="GC7" s="57">
        <v>0</v>
      </c>
      <c r="GD7" s="57">
        <v>0</v>
      </c>
      <c r="GE7" s="57">
        <v>0</v>
      </c>
      <c r="GF7" s="58">
        <v>0</v>
      </c>
      <c r="GG7" s="59">
        <v>0</v>
      </c>
      <c r="GH7" s="56">
        <v>1227</v>
      </c>
      <c r="GI7" s="57">
        <v>1413</v>
      </c>
      <c r="GJ7" s="58">
        <v>2640</v>
      </c>
      <c r="GK7" s="442">
        <v>0</v>
      </c>
      <c r="GL7" s="57">
        <v>1819</v>
      </c>
      <c r="GM7" s="57">
        <v>1624</v>
      </c>
      <c r="GN7" s="57">
        <v>1094</v>
      </c>
      <c r="GO7" s="57">
        <v>1107</v>
      </c>
      <c r="GP7" s="57">
        <v>701</v>
      </c>
      <c r="GQ7" s="58">
        <v>6345</v>
      </c>
      <c r="GR7" s="59">
        <v>8985</v>
      </c>
      <c r="GS7" s="112">
        <v>4625</v>
      </c>
      <c r="GT7" s="68">
        <v>4748</v>
      </c>
      <c r="GU7" s="69">
        <v>9373</v>
      </c>
      <c r="GV7" s="442">
        <v>0</v>
      </c>
      <c r="GW7" s="68">
        <v>6165</v>
      </c>
      <c r="GX7" s="68">
        <v>5718</v>
      </c>
      <c r="GY7" s="68">
        <v>3544</v>
      </c>
      <c r="GZ7" s="68">
        <v>3122</v>
      </c>
      <c r="HA7" s="68">
        <v>2049</v>
      </c>
      <c r="HB7" s="70">
        <v>20598</v>
      </c>
      <c r="HC7" s="71">
        <v>29971</v>
      </c>
      <c r="HD7" s="56">
        <v>145</v>
      </c>
      <c r="HE7" s="57">
        <v>175</v>
      </c>
      <c r="HF7" s="58">
        <v>320</v>
      </c>
      <c r="HG7" s="442">
        <v>0</v>
      </c>
      <c r="HH7" s="57">
        <v>148</v>
      </c>
      <c r="HI7" s="57">
        <v>170</v>
      </c>
      <c r="HJ7" s="57">
        <v>110</v>
      </c>
      <c r="HK7" s="57">
        <v>104</v>
      </c>
      <c r="HL7" s="57">
        <v>87</v>
      </c>
      <c r="HM7" s="58">
        <v>619</v>
      </c>
      <c r="HN7" s="59">
        <v>939</v>
      </c>
      <c r="HO7" s="56">
        <v>329</v>
      </c>
      <c r="HP7" s="57">
        <v>365</v>
      </c>
      <c r="HQ7" s="58">
        <v>694</v>
      </c>
      <c r="HR7" s="442">
        <v>0</v>
      </c>
      <c r="HS7" s="57">
        <v>336</v>
      </c>
      <c r="HT7" s="57">
        <v>370</v>
      </c>
      <c r="HU7" s="57">
        <v>193</v>
      </c>
      <c r="HV7" s="57">
        <v>188</v>
      </c>
      <c r="HW7" s="57">
        <v>162</v>
      </c>
      <c r="HX7" s="58">
        <v>1249</v>
      </c>
      <c r="HY7" s="59">
        <v>1943</v>
      </c>
      <c r="HZ7" s="56">
        <v>562</v>
      </c>
      <c r="IA7" s="57">
        <v>626</v>
      </c>
      <c r="IB7" s="58">
        <v>1188</v>
      </c>
      <c r="IC7" s="442">
        <v>0</v>
      </c>
      <c r="ID7" s="57">
        <v>678</v>
      </c>
      <c r="IE7" s="57">
        <v>623</v>
      </c>
      <c r="IF7" s="57">
        <v>324</v>
      </c>
      <c r="IG7" s="57">
        <v>309</v>
      </c>
      <c r="IH7" s="57">
        <v>254</v>
      </c>
      <c r="II7" s="58">
        <v>2188</v>
      </c>
      <c r="IJ7" s="59">
        <v>3376</v>
      </c>
      <c r="IK7" s="56">
        <v>1146</v>
      </c>
      <c r="IL7" s="57">
        <v>1073</v>
      </c>
      <c r="IM7" s="58">
        <v>2219</v>
      </c>
      <c r="IN7" s="442">
        <v>0</v>
      </c>
      <c r="IO7" s="57">
        <v>1350</v>
      </c>
      <c r="IP7" s="57">
        <v>1121</v>
      </c>
      <c r="IQ7" s="57">
        <v>648</v>
      </c>
      <c r="IR7" s="57">
        <v>552</v>
      </c>
      <c r="IS7" s="57">
        <v>363</v>
      </c>
      <c r="IT7" s="58">
        <v>4034</v>
      </c>
      <c r="IU7" s="59">
        <v>6253</v>
      </c>
      <c r="IV7" s="56">
        <v>1401</v>
      </c>
      <c r="IW7" s="57">
        <v>1349</v>
      </c>
      <c r="IX7" s="58">
        <v>2750</v>
      </c>
      <c r="IY7" s="442">
        <v>0</v>
      </c>
      <c r="IZ7" s="57">
        <v>1871</v>
      </c>
      <c r="JA7" s="57">
        <v>1576</v>
      </c>
      <c r="JB7" s="57">
        <v>963</v>
      </c>
      <c r="JC7" s="57">
        <v>796</v>
      </c>
      <c r="JD7" s="57">
        <v>505</v>
      </c>
      <c r="JE7" s="58">
        <v>5711</v>
      </c>
      <c r="JF7" s="59">
        <v>8461</v>
      </c>
      <c r="JG7" s="56">
        <v>1042</v>
      </c>
      <c r="JH7" s="57">
        <v>1160</v>
      </c>
      <c r="JI7" s="58">
        <v>2202</v>
      </c>
      <c r="JJ7" s="442">
        <v>0</v>
      </c>
      <c r="JK7" s="57">
        <v>1782</v>
      </c>
      <c r="JL7" s="57">
        <v>1858</v>
      </c>
      <c r="JM7" s="57">
        <v>1306</v>
      </c>
      <c r="JN7" s="57">
        <v>1173</v>
      </c>
      <c r="JO7" s="57">
        <v>678</v>
      </c>
      <c r="JP7" s="58">
        <v>6797</v>
      </c>
      <c r="JQ7" s="59">
        <v>8999</v>
      </c>
      <c r="JR7" s="56">
        <v>0</v>
      </c>
      <c r="JS7" s="57">
        <v>0</v>
      </c>
      <c r="JT7" s="58">
        <v>0</v>
      </c>
      <c r="JU7" s="442">
        <v>0</v>
      </c>
      <c r="JV7" s="57">
        <v>0</v>
      </c>
      <c r="JW7" s="57">
        <v>0</v>
      </c>
      <c r="JX7" s="57">
        <v>0</v>
      </c>
      <c r="JY7" s="57">
        <v>0</v>
      </c>
      <c r="JZ7" s="57">
        <v>0</v>
      </c>
      <c r="KA7" s="58">
        <v>0</v>
      </c>
      <c r="KB7" s="59">
        <v>0</v>
      </c>
      <c r="KC7" s="56">
        <v>4625</v>
      </c>
      <c r="KD7" s="57">
        <v>4748</v>
      </c>
      <c r="KE7" s="58">
        <v>9373</v>
      </c>
      <c r="KF7" s="442">
        <v>0</v>
      </c>
      <c r="KG7" s="57">
        <v>6165</v>
      </c>
      <c r="KH7" s="57">
        <v>5718</v>
      </c>
      <c r="KI7" s="57">
        <v>3544</v>
      </c>
      <c r="KJ7" s="57">
        <v>3122</v>
      </c>
      <c r="KK7" s="57">
        <v>2049</v>
      </c>
      <c r="KL7" s="58">
        <v>20598</v>
      </c>
      <c r="KM7" s="59">
        <v>29971</v>
      </c>
    </row>
    <row r="8" spans="2:299" ht="21" customHeight="1" x14ac:dyDescent="0.2">
      <c r="B8" s="436" t="s">
        <v>5</v>
      </c>
      <c r="C8" s="287">
        <v>1489</v>
      </c>
      <c r="D8" s="72">
        <v>1695</v>
      </c>
      <c r="E8" s="73">
        <v>3184</v>
      </c>
      <c r="F8" s="443">
        <v>0</v>
      </c>
      <c r="G8" s="72">
        <v>1576</v>
      </c>
      <c r="H8" s="72">
        <v>1984</v>
      </c>
      <c r="I8" s="72">
        <v>1118</v>
      </c>
      <c r="J8" s="72">
        <v>907</v>
      </c>
      <c r="K8" s="72">
        <v>595</v>
      </c>
      <c r="L8" s="74">
        <v>6180</v>
      </c>
      <c r="M8" s="75">
        <v>9364</v>
      </c>
      <c r="N8" s="60">
        <v>46</v>
      </c>
      <c r="O8" s="61">
        <v>56</v>
      </c>
      <c r="P8" s="62">
        <v>102</v>
      </c>
      <c r="Q8" s="443">
        <v>0</v>
      </c>
      <c r="R8" s="61">
        <v>43</v>
      </c>
      <c r="S8" s="61">
        <v>66</v>
      </c>
      <c r="T8" s="61">
        <v>41</v>
      </c>
      <c r="U8" s="61">
        <v>42</v>
      </c>
      <c r="V8" s="61">
        <v>26</v>
      </c>
      <c r="W8" s="62">
        <v>218</v>
      </c>
      <c r="X8" s="63">
        <v>320</v>
      </c>
      <c r="Y8" s="60">
        <v>96</v>
      </c>
      <c r="Z8" s="61">
        <v>131</v>
      </c>
      <c r="AA8" s="62">
        <v>227</v>
      </c>
      <c r="AB8" s="443">
        <v>0</v>
      </c>
      <c r="AC8" s="61">
        <v>72</v>
      </c>
      <c r="AD8" s="61">
        <v>135</v>
      </c>
      <c r="AE8" s="61">
        <v>63</v>
      </c>
      <c r="AF8" s="61">
        <v>72</v>
      </c>
      <c r="AG8" s="61">
        <v>50</v>
      </c>
      <c r="AH8" s="62">
        <v>392</v>
      </c>
      <c r="AI8" s="63">
        <v>619</v>
      </c>
      <c r="AJ8" s="60">
        <v>151</v>
      </c>
      <c r="AK8" s="61">
        <v>219</v>
      </c>
      <c r="AL8" s="62">
        <v>370</v>
      </c>
      <c r="AM8" s="443">
        <v>0</v>
      </c>
      <c r="AN8" s="61">
        <v>164</v>
      </c>
      <c r="AO8" s="61">
        <v>218</v>
      </c>
      <c r="AP8" s="61">
        <v>112</v>
      </c>
      <c r="AQ8" s="61">
        <v>101</v>
      </c>
      <c r="AR8" s="61">
        <v>83</v>
      </c>
      <c r="AS8" s="62">
        <v>678</v>
      </c>
      <c r="AT8" s="63">
        <v>1048</v>
      </c>
      <c r="AU8" s="60">
        <v>341</v>
      </c>
      <c r="AV8" s="61">
        <v>383</v>
      </c>
      <c r="AW8" s="62">
        <v>724</v>
      </c>
      <c r="AX8" s="443">
        <v>0</v>
      </c>
      <c r="AY8" s="61">
        <v>330</v>
      </c>
      <c r="AZ8" s="61">
        <v>390</v>
      </c>
      <c r="BA8" s="61">
        <v>214</v>
      </c>
      <c r="BB8" s="61">
        <v>180</v>
      </c>
      <c r="BC8" s="61">
        <v>109</v>
      </c>
      <c r="BD8" s="62">
        <v>1223</v>
      </c>
      <c r="BE8" s="63">
        <v>1947</v>
      </c>
      <c r="BF8" s="60">
        <v>504</v>
      </c>
      <c r="BG8" s="61">
        <v>483</v>
      </c>
      <c r="BH8" s="62">
        <v>987</v>
      </c>
      <c r="BI8" s="443">
        <v>0</v>
      </c>
      <c r="BJ8" s="61">
        <v>519</v>
      </c>
      <c r="BK8" s="61">
        <v>553</v>
      </c>
      <c r="BL8" s="61">
        <v>310</v>
      </c>
      <c r="BM8" s="61">
        <v>241</v>
      </c>
      <c r="BN8" s="61">
        <v>154</v>
      </c>
      <c r="BO8" s="62">
        <v>1777</v>
      </c>
      <c r="BP8" s="63">
        <v>2764</v>
      </c>
      <c r="BQ8" s="60">
        <v>351</v>
      </c>
      <c r="BR8" s="61">
        <v>423</v>
      </c>
      <c r="BS8" s="62">
        <v>774</v>
      </c>
      <c r="BT8" s="443">
        <v>0</v>
      </c>
      <c r="BU8" s="61">
        <v>448</v>
      </c>
      <c r="BV8" s="61">
        <v>622</v>
      </c>
      <c r="BW8" s="61">
        <v>378</v>
      </c>
      <c r="BX8" s="61">
        <v>271</v>
      </c>
      <c r="BY8" s="61">
        <v>173</v>
      </c>
      <c r="BZ8" s="62">
        <v>1892</v>
      </c>
      <c r="CA8" s="63">
        <v>2666</v>
      </c>
      <c r="CB8" s="60">
        <v>0</v>
      </c>
      <c r="CC8" s="61">
        <v>0</v>
      </c>
      <c r="CD8" s="62">
        <v>0</v>
      </c>
      <c r="CE8" s="443">
        <v>0</v>
      </c>
      <c r="CF8" s="61">
        <v>0</v>
      </c>
      <c r="CG8" s="61">
        <v>0</v>
      </c>
      <c r="CH8" s="61">
        <v>0</v>
      </c>
      <c r="CI8" s="61">
        <v>0</v>
      </c>
      <c r="CJ8" s="61">
        <v>0</v>
      </c>
      <c r="CK8" s="62">
        <v>0</v>
      </c>
      <c r="CL8" s="63">
        <v>0</v>
      </c>
      <c r="CM8" s="60">
        <v>1489</v>
      </c>
      <c r="CN8" s="61">
        <v>1695</v>
      </c>
      <c r="CO8" s="62">
        <v>3184</v>
      </c>
      <c r="CP8" s="443">
        <v>0</v>
      </c>
      <c r="CQ8" s="61">
        <v>1576</v>
      </c>
      <c r="CR8" s="61">
        <v>1984</v>
      </c>
      <c r="CS8" s="61">
        <v>1118</v>
      </c>
      <c r="CT8" s="61">
        <v>907</v>
      </c>
      <c r="CU8" s="61">
        <v>595</v>
      </c>
      <c r="CV8" s="62">
        <v>6180</v>
      </c>
      <c r="CW8" s="63">
        <v>9364</v>
      </c>
      <c r="CX8" s="113">
        <v>473</v>
      </c>
      <c r="CY8" s="72">
        <v>642</v>
      </c>
      <c r="CZ8" s="73">
        <v>1115</v>
      </c>
      <c r="DA8" s="443">
        <v>0</v>
      </c>
      <c r="DB8" s="72">
        <v>667</v>
      </c>
      <c r="DC8" s="72">
        <v>773</v>
      </c>
      <c r="DD8" s="72">
        <v>469</v>
      </c>
      <c r="DE8" s="72">
        <v>489</v>
      </c>
      <c r="DF8" s="72">
        <v>313</v>
      </c>
      <c r="DG8" s="74">
        <v>2711</v>
      </c>
      <c r="DH8" s="75">
        <v>3826</v>
      </c>
      <c r="DI8" s="60">
        <v>12</v>
      </c>
      <c r="DJ8" s="61">
        <v>18</v>
      </c>
      <c r="DK8" s="62">
        <v>30</v>
      </c>
      <c r="DL8" s="443">
        <v>0</v>
      </c>
      <c r="DM8" s="61">
        <v>7</v>
      </c>
      <c r="DN8" s="61">
        <v>14</v>
      </c>
      <c r="DO8" s="61">
        <v>8</v>
      </c>
      <c r="DP8" s="61">
        <v>8</v>
      </c>
      <c r="DQ8" s="61">
        <v>8</v>
      </c>
      <c r="DR8" s="62">
        <v>45</v>
      </c>
      <c r="DS8" s="63">
        <v>75</v>
      </c>
      <c r="DT8" s="60">
        <v>43</v>
      </c>
      <c r="DU8" s="61">
        <v>41</v>
      </c>
      <c r="DV8" s="62">
        <v>84</v>
      </c>
      <c r="DW8" s="443">
        <v>0</v>
      </c>
      <c r="DX8" s="61">
        <v>11</v>
      </c>
      <c r="DY8" s="61">
        <v>35</v>
      </c>
      <c r="DZ8" s="61">
        <v>17</v>
      </c>
      <c r="EA8" s="61">
        <v>16</v>
      </c>
      <c r="EB8" s="61">
        <v>18</v>
      </c>
      <c r="EC8" s="62">
        <v>97</v>
      </c>
      <c r="ED8" s="63">
        <v>181</v>
      </c>
      <c r="EE8" s="60">
        <v>56</v>
      </c>
      <c r="EF8" s="61">
        <v>94</v>
      </c>
      <c r="EG8" s="62">
        <v>150</v>
      </c>
      <c r="EH8" s="443">
        <v>0</v>
      </c>
      <c r="EI8" s="61">
        <v>65</v>
      </c>
      <c r="EJ8" s="61">
        <v>80</v>
      </c>
      <c r="EK8" s="61">
        <v>26</v>
      </c>
      <c r="EL8" s="61">
        <v>35</v>
      </c>
      <c r="EM8" s="61">
        <v>29</v>
      </c>
      <c r="EN8" s="62">
        <v>235</v>
      </c>
      <c r="EO8" s="63">
        <v>385</v>
      </c>
      <c r="EP8" s="60">
        <v>138</v>
      </c>
      <c r="EQ8" s="61">
        <v>156</v>
      </c>
      <c r="ER8" s="62">
        <v>294</v>
      </c>
      <c r="ES8" s="443">
        <v>0</v>
      </c>
      <c r="ET8" s="61">
        <v>140</v>
      </c>
      <c r="EU8" s="61">
        <v>137</v>
      </c>
      <c r="EV8" s="61">
        <v>75</v>
      </c>
      <c r="EW8" s="61">
        <v>69</v>
      </c>
      <c r="EX8" s="61">
        <v>33</v>
      </c>
      <c r="EY8" s="62">
        <v>454</v>
      </c>
      <c r="EZ8" s="63">
        <v>748</v>
      </c>
      <c r="FA8" s="60">
        <v>128</v>
      </c>
      <c r="FB8" s="61">
        <v>201</v>
      </c>
      <c r="FC8" s="62">
        <v>329</v>
      </c>
      <c r="FD8" s="443">
        <v>0</v>
      </c>
      <c r="FE8" s="61">
        <v>224</v>
      </c>
      <c r="FF8" s="61">
        <v>217</v>
      </c>
      <c r="FG8" s="61">
        <v>116</v>
      </c>
      <c r="FH8" s="61">
        <v>126</v>
      </c>
      <c r="FI8" s="61">
        <v>74</v>
      </c>
      <c r="FJ8" s="62">
        <v>757</v>
      </c>
      <c r="FK8" s="63">
        <v>1086</v>
      </c>
      <c r="FL8" s="60">
        <v>96</v>
      </c>
      <c r="FM8" s="61">
        <v>132</v>
      </c>
      <c r="FN8" s="62">
        <v>228</v>
      </c>
      <c r="FO8" s="443">
        <v>0</v>
      </c>
      <c r="FP8" s="61">
        <v>220</v>
      </c>
      <c r="FQ8" s="61">
        <v>290</v>
      </c>
      <c r="FR8" s="61">
        <v>227</v>
      </c>
      <c r="FS8" s="61">
        <v>235</v>
      </c>
      <c r="FT8" s="61">
        <v>151</v>
      </c>
      <c r="FU8" s="62">
        <v>1123</v>
      </c>
      <c r="FV8" s="63">
        <v>1351</v>
      </c>
      <c r="FW8" s="60">
        <v>0</v>
      </c>
      <c r="FX8" s="61">
        <v>0</v>
      </c>
      <c r="FY8" s="62">
        <v>0</v>
      </c>
      <c r="FZ8" s="443">
        <v>0</v>
      </c>
      <c r="GA8" s="61">
        <v>0</v>
      </c>
      <c r="GB8" s="61">
        <v>0</v>
      </c>
      <c r="GC8" s="61">
        <v>0</v>
      </c>
      <c r="GD8" s="61">
        <v>0</v>
      </c>
      <c r="GE8" s="61">
        <v>0</v>
      </c>
      <c r="GF8" s="62">
        <v>0</v>
      </c>
      <c r="GG8" s="63">
        <v>0</v>
      </c>
      <c r="GH8" s="60">
        <v>473</v>
      </c>
      <c r="GI8" s="61">
        <v>642</v>
      </c>
      <c r="GJ8" s="62">
        <v>1115</v>
      </c>
      <c r="GK8" s="443">
        <v>0</v>
      </c>
      <c r="GL8" s="61">
        <v>667</v>
      </c>
      <c r="GM8" s="61">
        <v>773</v>
      </c>
      <c r="GN8" s="61">
        <v>469</v>
      </c>
      <c r="GO8" s="61">
        <v>489</v>
      </c>
      <c r="GP8" s="61">
        <v>313</v>
      </c>
      <c r="GQ8" s="62">
        <v>2711</v>
      </c>
      <c r="GR8" s="63">
        <v>3826</v>
      </c>
      <c r="GS8" s="113">
        <v>1962</v>
      </c>
      <c r="GT8" s="72">
        <v>2337</v>
      </c>
      <c r="GU8" s="73">
        <v>4299</v>
      </c>
      <c r="GV8" s="443">
        <v>0</v>
      </c>
      <c r="GW8" s="72">
        <v>2243</v>
      </c>
      <c r="GX8" s="72">
        <v>2757</v>
      </c>
      <c r="GY8" s="72">
        <v>1587</v>
      </c>
      <c r="GZ8" s="72">
        <v>1396</v>
      </c>
      <c r="HA8" s="72">
        <v>908</v>
      </c>
      <c r="HB8" s="74">
        <v>8891</v>
      </c>
      <c r="HC8" s="75">
        <v>13190</v>
      </c>
      <c r="HD8" s="60">
        <v>58</v>
      </c>
      <c r="HE8" s="61">
        <v>74</v>
      </c>
      <c r="HF8" s="62">
        <v>132</v>
      </c>
      <c r="HG8" s="443">
        <v>0</v>
      </c>
      <c r="HH8" s="61">
        <v>50</v>
      </c>
      <c r="HI8" s="61">
        <v>80</v>
      </c>
      <c r="HJ8" s="61">
        <v>49</v>
      </c>
      <c r="HK8" s="61">
        <v>50</v>
      </c>
      <c r="HL8" s="61">
        <v>34</v>
      </c>
      <c r="HM8" s="62">
        <v>263</v>
      </c>
      <c r="HN8" s="63">
        <v>395</v>
      </c>
      <c r="HO8" s="60">
        <v>139</v>
      </c>
      <c r="HP8" s="61">
        <v>172</v>
      </c>
      <c r="HQ8" s="62">
        <v>311</v>
      </c>
      <c r="HR8" s="443">
        <v>0</v>
      </c>
      <c r="HS8" s="61">
        <v>83</v>
      </c>
      <c r="HT8" s="61">
        <v>170</v>
      </c>
      <c r="HU8" s="61">
        <v>80</v>
      </c>
      <c r="HV8" s="61">
        <v>88</v>
      </c>
      <c r="HW8" s="61">
        <v>68</v>
      </c>
      <c r="HX8" s="62">
        <v>489</v>
      </c>
      <c r="HY8" s="63">
        <v>800</v>
      </c>
      <c r="HZ8" s="60">
        <v>207</v>
      </c>
      <c r="IA8" s="61">
        <v>313</v>
      </c>
      <c r="IB8" s="62">
        <v>520</v>
      </c>
      <c r="IC8" s="443">
        <v>0</v>
      </c>
      <c r="ID8" s="61">
        <v>229</v>
      </c>
      <c r="IE8" s="61">
        <v>298</v>
      </c>
      <c r="IF8" s="61">
        <v>138</v>
      </c>
      <c r="IG8" s="61">
        <v>136</v>
      </c>
      <c r="IH8" s="61">
        <v>112</v>
      </c>
      <c r="II8" s="62">
        <v>913</v>
      </c>
      <c r="IJ8" s="63">
        <v>1433</v>
      </c>
      <c r="IK8" s="60">
        <v>479</v>
      </c>
      <c r="IL8" s="61">
        <v>539</v>
      </c>
      <c r="IM8" s="62">
        <v>1018</v>
      </c>
      <c r="IN8" s="443">
        <v>0</v>
      </c>
      <c r="IO8" s="61">
        <v>470</v>
      </c>
      <c r="IP8" s="61">
        <v>527</v>
      </c>
      <c r="IQ8" s="61">
        <v>289</v>
      </c>
      <c r="IR8" s="61">
        <v>249</v>
      </c>
      <c r="IS8" s="61">
        <v>142</v>
      </c>
      <c r="IT8" s="62">
        <v>1677</v>
      </c>
      <c r="IU8" s="63">
        <v>2695</v>
      </c>
      <c r="IV8" s="60">
        <v>632</v>
      </c>
      <c r="IW8" s="61">
        <v>684</v>
      </c>
      <c r="IX8" s="62">
        <v>1316</v>
      </c>
      <c r="IY8" s="443">
        <v>0</v>
      </c>
      <c r="IZ8" s="61">
        <v>743</v>
      </c>
      <c r="JA8" s="61">
        <v>770</v>
      </c>
      <c r="JB8" s="61">
        <v>426</v>
      </c>
      <c r="JC8" s="61">
        <v>367</v>
      </c>
      <c r="JD8" s="61">
        <v>228</v>
      </c>
      <c r="JE8" s="62">
        <v>2534</v>
      </c>
      <c r="JF8" s="63">
        <v>3850</v>
      </c>
      <c r="JG8" s="60">
        <v>447</v>
      </c>
      <c r="JH8" s="61">
        <v>555</v>
      </c>
      <c r="JI8" s="62">
        <v>1002</v>
      </c>
      <c r="JJ8" s="443">
        <v>0</v>
      </c>
      <c r="JK8" s="61">
        <v>668</v>
      </c>
      <c r="JL8" s="61">
        <v>912</v>
      </c>
      <c r="JM8" s="61">
        <v>605</v>
      </c>
      <c r="JN8" s="61">
        <v>506</v>
      </c>
      <c r="JO8" s="61">
        <v>324</v>
      </c>
      <c r="JP8" s="62">
        <v>3015</v>
      </c>
      <c r="JQ8" s="63">
        <v>4017</v>
      </c>
      <c r="JR8" s="60">
        <v>0</v>
      </c>
      <c r="JS8" s="61">
        <v>0</v>
      </c>
      <c r="JT8" s="62">
        <v>0</v>
      </c>
      <c r="JU8" s="443">
        <v>0</v>
      </c>
      <c r="JV8" s="61">
        <v>0</v>
      </c>
      <c r="JW8" s="61">
        <v>0</v>
      </c>
      <c r="JX8" s="61">
        <v>0</v>
      </c>
      <c r="JY8" s="61">
        <v>0</v>
      </c>
      <c r="JZ8" s="61">
        <v>0</v>
      </c>
      <c r="KA8" s="62">
        <v>0</v>
      </c>
      <c r="KB8" s="63">
        <v>0</v>
      </c>
      <c r="KC8" s="60">
        <v>1962</v>
      </c>
      <c r="KD8" s="61">
        <v>2337</v>
      </c>
      <c r="KE8" s="62">
        <v>4299</v>
      </c>
      <c r="KF8" s="443">
        <v>0</v>
      </c>
      <c r="KG8" s="61">
        <v>2243</v>
      </c>
      <c r="KH8" s="61">
        <v>2757</v>
      </c>
      <c r="KI8" s="61">
        <v>1587</v>
      </c>
      <c r="KJ8" s="61">
        <v>1396</v>
      </c>
      <c r="KK8" s="61">
        <v>908</v>
      </c>
      <c r="KL8" s="62">
        <v>8891</v>
      </c>
      <c r="KM8" s="63">
        <v>13190</v>
      </c>
    </row>
    <row r="9" spans="2:299" ht="21" customHeight="1" x14ac:dyDescent="0.2">
      <c r="B9" s="437" t="s">
        <v>6</v>
      </c>
      <c r="C9" s="287">
        <v>441</v>
      </c>
      <c r="D9" s="72">
        <v>411</v>
      </c>
      <c r="E9" s="73">
        <v>852</v>
      </c>
      <c r="F9" s="443">
        <v>0</v>
      </c>
      <c r="G9" s="72">
        <v>774</v>
      </c>
      <c r="H9" s="72">
        <v>586</v>
      </c>
      <c r="I9" s="72">
        <v>348</v>
      </c>
      <c r="J9" s="72">
        <v>306</v>
      </c>
      <c r="K9" s="72">
        <v>220</v>
      </c>
      <c r="L9" s="74">
        <v>2234</v>
      </c>
      <c r="M9" s="75">
        <v>3086</v>
      </c>
      <c r="N9" s="60">
        <v>25</v>
      </c>
      <c r="O9" s="61">
        <v>19</v>
      </c>
      <c r="P9" s="62">
        <v>44</v>
      </c>
      <c r="Q9" s="443">
        <v>0</v>
      </c>
      <c r="R9" s="61">
        <v>28</v>
      </c>
      <c r="S9" s="61">
        <v>27</v>
      </c>
      <c r="T9" s="61">
        <v>9</v>
      </c>
      <c r="U9" s="61">
        <v>12</v>
      </c>
      <c r="V9" s="61">
        <v>14</v>
      </c>
      <c r="W9" s="62">
        <v>90</v>
      </c>
      <c r="X9" s="63">
        <v>134</v>
      </c>
      <c r="Y9" s="60">
        <v>35</v>
      </c>
      <c r="Z9" s="61">
        <v>33</v>
      </c>
      <c r="AA9" s="62">
        <v>68</v>
      </c>
      <c r="AB9" s="443">
        <v>0</v>
      </c>
      <c r="AC9" s="61">
        <v>47</v>
      </c>
      <c r="AD9" s="61">
        <v>50</v>
      </c>
      <c r="AE9" s="61">
        <v>17</v>
      </c>
      <c r="AF9" s="61">
        <v>23</v>
      </c>
      <c r="AG9" s="61">
        <v>21</v>
      </c>
      <c r="AH9" s="62">
        <v>158</v>
      </c>
      <c r="AI9" s="63">
        <v>226</v>
      </c>
      <c r="AJ9" s="60">
        <v>54</v>
      </c>
      <c r="AK9" s="61">
        <v>46</v>
      </c>
      <c r="AL9" s="62">
        <v>100</v>
      </c>
      <c r="AM9" s="443">
        <v>0</v>
      </c>
      <c r="AN9" s="61">
        <v>92</v>
      </c>
      <c r="AO9" s="61">
        <v>65</v>
      </c>
      <c r="AP9" s="61">
        <v>43</v>
      </c>
      <c r="AQ9" s="61">
        <v>40</v>
      </c>
      <c r="AR9" s="61">
        <v>32</v>
      </c>
      <c r="AS9" s="62">
        <v>272</v>
      </c>
      <c r="AT9" s="63">
        <v>372</v>
      </c>
      <c r="AU9" s="60">
        <v>105</v>
      </c>
      <c r="AV9" s="61">
        <v>75</v>
      </c>
      <c r="AW9" s="62">
        <v>180</v>
      </c>
      <c r="AX9" s="443">
        <v>0</v>
      </c>
      <c r="AY9" s="61">
        <v>190</v>
      </c>
      <c r="AZ9" s="61">
        <v>114</v>
      </c>
      <c r="BA9" s="61">
        <v>64</v>
      </c>
      <c r="BB9" s="61">
        <v>56</v>
      </c>
      <c r="BC9" s="61">
        <v>40</v>
      </c>
      <c r="BD9" s="62">
        <v>464</v>
      </c>
      <c r="BE9" s="63">
        <v>644</v>
      </c>
      <c r="BF9" s="60">
        <v>116</v>
      </c>
      <c r="BG9" s="61">
        <v>112</v>
      </c>
      <c r="BH9" s="62">
        <v>228</v>
      </c>
      <c r="BI9" s="443">
        <v>0</v>
      </c>
      <c r="BJ9" s="61">
        <v>215</v>
      </c>
      <c r="BK9" s="61">
        <v>148</v>
      </c>
      <c r="BL9" s="61">
        <v>83</v>
      </c>
      <c r="BM9" s="61">
        <v>89</v>
      </c>
      <c r="BN9" s="61">
        <v>51</v>
      </c>
      <c r="BO9" s="62">
        <v>586</v>
      </c>
      <c r="BP9" s="63">
        <v>814</v>
      </c>
      <c r="BQ9" s="60">
        <v>106</v>
      </c>
      <c r="BR9" s="61">
        <v>126</v>
      </c>
      <c r="BS9" s="62">
        <v>232</v>
      </c>
      <c r="BT9" s="443">
        <v>0</v>
      </c>
      <c r="BU9" s="61">
        <v>202</v>
      </c>
      <c r="BV9" s="61">
        <v>182</v>
      </c>
      <c r="BW9" s="61">
        <v>132</v>
      </c>
      <c r="BX9" s="61">
        <v>86</v>
      </c>
      <c r="BY9" s="61">
        <v>62</v>
      </c>
      <c r="BZ9" s="62">
        <v>664</v>
      </c>
      <c r="CA9" s="63">
        <v>896</v>
      </c>
      <c r="CB9" s="60">
        <v>0</v>
      </c>
      <c r="CC9" s="61">
        <v>0</v>
      </c>
      <c r="CD9" s="62">
        <v>0</v>
      </c>
      <c r="CE9" s="443">
        <v>0</v>
      </c>
      <c r="CF9" s="61">
        <v>0</v>
      </c>
      <c r="CG9" s="61">
        <v>0</v>
      </c>
      <c r="CH9" s="61">
        <v>0</v>
      </c>
      <c r="CI9" s="61">
        <v>0</v>
      </c>
      <c r="CJ9" s="61">
        <v>0</v>
      </c>
      <c r="CK9" s="62">
        <v>0</v>
      </c>
      <c r="CL9" s="63">
        <v>0</v>
      </c>
      <c r="CM9" s="60">
        <v>441</v>
      </c>
      <c r="CN9" s="61">
        <v>411</v>
      </c>
      <c r="CO9" s="62">
        <v>852</v>
      </c>
      <c r="CP9" s="443">
        <v>0</v>
      </c>
      <c r="CQ9" s="61">
        <v>774</v>
      </c>
      <c r="CR9" s="61">
        <v>586</v>
      </c>
      <c r="CS9" s="61">
        <v>348</v>
      </c>
      <c r="CT9" s="61">
        <v>306</v>
      </c>
      <c r="CU9" s="61">
        <v>220</v>
      </c>
      <c r="CV9" s="62">
        <v>2234</v>
      </c>
      <c r="CW9" s="63">
        <v>3086</v>
      </c>
      <c r="CX9" s="113">
        <v>219</v>
      </c>
      <c r="CY9" s="72">
        <v>244</v>
      </c>
      <c r="CZ9" s="73">
        <v>463</v>
      </c>
      <c r="DA9" s="443">
        <v>0</v>
      </c>
      <c r="DB9" s="72">
        <v>386</v>
      </c>
      <c r="DC9" s="72">
        <v>272</v>
      </c>
      <c r="DD9" s="72">
        <v>195</v>
      </c>
      <c r="DE9" s="72">
        <v>181</v>
      </c>
      <c r="DF9" s="72">
        <v>121</v>
      </c>
      <c r="DG9" s="74">
        <v>1155</v>
      </c>
      <c r="DH9" s="75">
        <v>1618</v>
      </c>
      <c r="DI9" s="60">
        <v>2</v>
      </c>
      <c r="DJ9" s="61">
        <v>7</v>
      </c>
      <c r="DK9" s="62">
        <v>9</v>
      </c>
      <c r="DL9" s="443">
        <v>0</v>
      </c>
      <c r="DM9" s="61">
        <v>2</v>
      </c>
      <c r="DN9" s="61">
        <v>7</v>
      </c>
      <c r="DO9" s="61">
        <v>4</v>
      </c>
      <c r="DP9" s="61">
        <v>1</v>
      </c>
      <c r="DQ9" s="61">
        <v>1</v>
      </c>
      <c r="DR9" s="62">
        <v>15</v>
      </c>
      <c r="DS9" s="63">
        <v>24</v>
      </c>
      <c r="DT9" s="60">
        <v>11</v>
      </c>
      <c r="DU9" s="61">
        <v>23</v>
      </c>
      <c r="DV9" s="62">
        <v>34</v>
      </c>
      <c r="DW9" s="443">
        <v>0</v>
      </c>
      <c r="DX9" s="61">
        <v>19</v>
      </c>
      <c r="DY9" s="61">
        <v>10</v>
      </c>
      <c r="DZ9" s="61">
        <v>11</v>
      </c>
      <c r="EA9" s="61">
        <v>5</v>
      </c>
      <c r="EB9" s="61">
        <v>2</v>
      </c>
      <c r="EC9" s="62">
        <v>47</v>
      </c>
      <c r="ED9" s="63">
        <v>81</v>
      </c>
      <c r="EE9" s="60">
        <v>34</v>
      </c>
      <c r="EF9" s="61">
        <v>29</v>
      </c>
      <c r="EG9" s="62">
        <v>63</v>
      </c>
      <c r="EH9" s="443">
        <v>0</v>
      </c>
      <c r="EI9" s="61">
        <v>44</v>
      </c>
      <c r="EJ9" s="61">
        <v>19</v>
      </c>
      <c r="EK9" s="61">
        <v>13</v>
      </c>
      <c r="EL9" s="61">
        <v>7</v>
      </c>
      <c r="EM9" s="61">
        <v>15</v>
      </c>
      <c r="EN9" s="62">
        <v>98</v>
      </c>
      <c r="EO9" s="63">
        <v>161</v>
      </c>
      <c r="EP9" s="60">
        <v>74</v>
      </c>
      <c r="EQ9" s="61">
        <v>46</v>
      </c>
      <c r="ER9" s="62">
        <v>120</v>
      </c>
      <c r="ES9" s="443">
        <v>0</v>
      </c>
      <c r="ET9" s="61">
        <v>75</v>
      </c>
      <c r="EU9" s="61">
        <v>52</v>
      </c>
      <c r="EV9" s="61">
        <v>28</v>
      </c>
      <c r="EW9" s="61">
        <v>27</v>
      </c>
      <c r="EX9" s="61">
        <v>24</v>
      </c>
      <c r="EY9" s="62">
        <v>206</v>
      </c>
      <c r="EZ9" s="63">
        <v>326</v>
      </c>
      <c r="FA9" s="60">
        <v>55</v>
      </c>
      <c r="FB9" s="61">
        <v>80</v>
      </c>
      <c r="FC9" s="62">
        <v>135</v>
      </c>
      <c r="FD9" s="443">
        <v>0</v>
      </c>
      <c r="FE9" s="61">
        <v>108</v>
      </c>
      <c r="FF9" s="61">
        <v>73</v>
      </c>
      <c r="FG9" s="61">
        <v>65</v>
      </c>
      <c r="FH9" s="61">
        <v>41</v>
      </c>
      <c r="FI9" s="61">
        <v>28</v>
      </c>
      <c r="FJ9" s="62">
        <v>315</v>
      </c>
      <c r="FK9" s="63">
        <v>450</v>
      </c>
      <c r="FL9" s="60">
        <v>43</v>
      </c>
      <c r="FM9" s="61">
        <v>59</v>
      </c>
      <c r="FN9" s="62">
        <v>102</v>
      </c>
      <c r="FO9" s="443">
        <v>0</v>
      </c>
      <c r="FP9" s="61">
        <v>138</v>
      </c>
      <c r="FQ9" s="61">
        <v>111</v>
      </c>
      <c r="FR9" s="61">
        <v>74</v>
      </c>
      <c r="FS9" s="61">
        <v>100</v>
      </c>
      <c r="FT9" s="61">
        <v>51</v>
      </c>
      <c r="FU9" s="62">
        <v>474</v>
      </c>
      <c r="FV9" s="63">
        <v>576</v>
      </c>
      <c r="FW9" s="60">
        <v>0</v>
      </c>
      <c r="FX9" s="61">
        <v>0</v>
      </c>
      <c r="FY9" s="62">
        <v>0</v>
      </c>
      <c r="FZ9" s="443">
        <v>0</v>
      </c>
      <c r="GA9" s="61">
        <v>0</v>
      </c>
      <c r="GB9" s="61">
        <v>0</v>
      </c>
      <c r="GC9" s="61">
        <v>0</v>
      </c>
      <c r="GD9" s="61">
        <v>0</v>
      </c>
      <c r="GE9" s="61">
        <v>0</v>
      </c>
      <c r="GF9" s="62">
        <v>0</v>
      </c>
      <c r="GG9" s="63">
        <v>0</v>
      </c>
      <c r="GH9" s="60">
        <v>219</v>
      </c>
      <c r="GI9" s="61">
        <v>244</v>
      </c>
      <c r="GJ9" s="62">
        <v>463</v>
      </c>
      <c r="GK9" s="443">
        <v>0</v>
      </c>
      <c r="GL9" s="61">
        <v>386</v>
      </c>
      <c r="GM9" s="61">
        <v>272</v>
      </c>
      <c r="GN9" s="61">
        <v>195</v>
      </c>
      <c r="GO9" s="61">
        <v>181</v>
      </c>
      <c r="GP9" s="61">
        <v>121</v>
      </c>
      <c r="GQ9" s="62">
        <v>1155</v>
      </c>
      <c r="GR9" s="63">
        <v>1618</v>
      </c>
      <c r="GS9" s="113">
        <v>660</v>
      </c>
      <c r="GT9" s="72">
        <v>655</v>
      </c>
      <c r="GU9" s="73">
        <v>1315</v>
      </c>
      <c r="GV9" s="443">
        <v>0</v>
      </c>
      <c r="GW9" s="72">
        <v>1160</v>
      </c>
      <c r="GX9" s="72">
        <v>858</v>
      </c>
      <c r="GY9" s="72">
        <v>543</v>
      </c>
      <c r="GZ9" s="72">
        <v>487</v>
      </c>
      <c r="HA9" s="72">
        <v>341</v>
      </c>
      <c r="HB9" s="74">
        <v>3389</v>
      </c>
      <c r="HC9" s="75">
        <v>4704</v>
      </c>
      <c r="HD9" s="60">
        <v>27</v>
      </c>
      <c r="HE9" s="61">
        <v>26</v>
      </c>
      <c r="HF9" s="62">
        <v>53</v>
      </c>
      <c r="HG9" s="443">
        <v>0</v>
      </c>
      <c r="HH9" s="61">
        <v>30</v>
      </c>
      <c r="HI9" s="61">
        <v>34</v>
      </c>
      <c r="HJ9" s="61">
        <v>13</v>
      </c>
      <c r="HK9" s="61">
        <v>13</v>
      </c>
      <c r="HL9" s="61">
        <v>15</v>
      </c>
      <c r="HM9" s="62">
        <v>105</v>
      </c>
      <c r="HN9" s="63">
        <v>158</v>
      </c>
      <c r="HO9" s="60">
        <v>46</v>
      </c>
      <c r="HP9" s="61">
        <v>56</v>
      </c>
      <c r="HQ9" s="62">
        <v>102</v>
      </c>
      <c r="HR9" s="443">
        <v>0</v>
      </c>
      <c r="HS9" s="61">
        <v>66</v>
      </c>
      <c r="HT9" s="61">
        <v>60</v>
      </c>
      <c r="HU9" s="61">
        <v>28</v>
      </c>
      <c r="HV9" s="61">
        <v>28</v>
      </c>
      <c r="HW9" s="61">
        <v>23</v>
      </c>
      <c r="HX9" s="62">
        <v>205</v>
      </c>
      <c r="HY9" s="63">
        <v>307</v>
      </c>
      <c r="HZ9" s="60">
        <v>88</v>
      </c>
      <c r="IA9" s="61">
        <v>75</v>
      </c>
      <c r="IB9" s="62">
        <v>163</v>
      </c>
      <c r="IC9" s="443">
        <v>0</v>
      </c>
      <c r="ID9" s="61">
        <v>136</v>
      </c>
      <c r="IE9" s="61">
        <v>84</v>
      </c>
      <c r="IF9" s="61">
        <v>56</v>
      </c>
      <c r="IG9" s="61">
        <v>47</v>
      </c>
      <c r="IH9" s="61">
        <v>47</v>
      </c>
      <c r="II9" s="62">
        <v>370</v>
      </c>
      <c r="IJ9" s="63">
        <v>533</v>
      </c>
      <c r="IK9" s="60">
        <v>179</v>
      </c>
      <c r="IL9" s="61">
        <v>121</v>
      </c>
      <c r="IM9" s="62">
        <v>300</v>
      </c>
      <c r="IN9" s="443">
        <v>0</v>
      </c>
      <c r="IO9" s="61">
        <v>265</v>
      </c>
      <c r="IP9" s="61">
        <v>166</v>
      </c>
      <c r="IQ9" s="61">
        <v>92</v>
      </c>
      <c r="IR9" s="61">
        <v>83</v>
      </c>
      <c r="IS9" s="61">
        <v>64</v>
      </c>
      <c r="IT9" s="62">
        <v>670</v>
      </c>
      <c r="IU9" s="63">
        <v>970</v>
      </c>
      <c r="IV9" s="60">
        <v>171</v>
      </c>
      <c r="IW9" s="61">
        <v>192</v>
      </c>
      <c r="IX9" s="62">
        <v>363</v>
      </c>
      <c r="IY9" s="443">
        <v>0</v>
      </c>
      <c r="IZ9" s="61">
        <v>323</v>
      </c>
      <c r="JA9" s="61">
        <v>221</v>
      </c>
      <c r="JB9" s="61">
        <v>148</v>
      </c>
      <c r="JC9" s="61">
        <v>130</v>
      </c>
      <c r="JD9" s="61">
        <v>79</v>
      </c>
      <c r="JE9" s="62">
        <v>901</v>
      </c>
      <c r="JF9" s="63">
        <v>1264</v>
      </c>
      <c r="JG9" s="60">
        <v>149</v>
      </c>
      <c r="JH9" s="61">
        <v>185</v>
      </c>
      <c r="JI9" s="62">
        <v>334</v>
      </c>
      <c r="JJ9" s="443">
        <v>0</v>
      </c>
      <c r="JK9" s="61">
        <v>340</v>
      </c>
      <c r="JL9" s="61">
        <v>293</v>
      </c>
      <c r="JM9" s="61">
        <v>206</v>
      </c>
      <c r="JN9" s="61">
        <v>186</v>
      </c>
      <c r="JO9" s="61">
        <v>113</v>
      </c>
      <c r="JP9" s="62">
        <v>1138</v>
      </c>
      <c r="JQ9" s="63">
        <v>1472</v>
      </c>
      <c r="JR9" s="60">
        <v>0</v>
      </c>
      <c r="JS9" s="61">
        <v>0</v>
      </c>
      <c r="JT9" s="62">
        <v>0</v>
      </c>
      <c r="JU9" s="443">
        <v>0</v>
      </c>
      <c r="JV9" s="61">
        <v>0</v>
      </c>
      <c r="JW9" s="61">
        <v>0</v>
      </c>
      <c r="JX9" s="61">
        <v>0</v>
      </c>
      <c r="JY9" s="61">
        <v>0</v>
      </c>
      <c r="JZ9" s="61">
        <v>0</v>
      </c>
      <c r="KA9" s="62">
        <v>0</v>
      </c>
      <c r="KB9" s="63">
        <v>0</v>
      </c>
      <c r="KC9" s="60">
        <v>660</v>
      </c>
      <c r="KD9" s="61">
        <v>655</v>
      </c>
      <c r="KE9" s="62">
        <v>1315</v>
      </c>
      <c r="KF9" s="443">
        <v>0</v>
      </c>
      <c r="KG9" s="61">
        <v>1160</v>
      </c>
      <c r="KH9" s="61">
        <v>858</v>
      </c>
      <c r="KI9" s="61">
        <v>543</v>
      </c>
      <c r="KJ9" s="61">
        <v>487</v>
      </c>
      <c r="KK9" s="61">
        <v>341</v>
      </c>
      <c r="KL9" s="62">
        <v>3389</v>
      </c>
      <c r="KM9" s="63">
        <v>4704</v>
      </c>
    </row>
    <row r="10" spans="2:299" ht="21" customHeight="1" x14ac:dyDescent="0.2">
      <c r="B10" s="437" t="s">
        <v>14</v>
      </c>
      <c r="C10" s="287">
        <v>186</v>
      </c>
      <c r="D10" s="72">
        <v>199</v>
      </c>
      <c r="E10" s="73">
        <v>385</v>
      </c>
      <c r="F10" s="443">
        <v>0</v>
      </c>
      <c r="G10" s="72">
        <v>233</v>
      </c>
      <c r="H10" s="72">
        <v>267</v>
      </c>
      <c r="I10" s="72">
        <v>164</v>
      </c>
      <c r="J10" s="72">
        <v>132</v>
      </c>
      <c r="K10" s="72">
        <v>89</v>
      </c>
      <c r="L10" s="74">
        <v>885</v>
      </c>
      <c r="M10" s="75">
        <v>1270</v>
      </c>
      <c r="N10" s="60">
        <v>1</v>
      </c>
      <c r="O10" s="61">
        <v>7</v>
      </c>
      <c r="P10" s="62">
        <v>8</v>
      </c>
      <c r="Q10" s="443">
        <v>0</v>
      </c>
      <c r="R10" s="61">
        <v>4</v>
      </c>
      <c r="S10" s="61">
        <v>6</v>
      </c>
      <c r="T10" s="61">
        <v>8</v>
      </c>
      <c r="U10" s="61">
        <v>7</v>
      </c>
      <c r="V10" s="61">
        <v>6</v>
      </c>
      <c r="W10" s="62">
        <v>31</v>
      </c>
      <c r="X10" s="63">
        <v>39</v>
      </c>
      <c r="Y10" s="60">
        <v>18</v>
      </c>
      <c r="Z10" s="61">
        <v>22</v>
      </c>
      <c r="AA10" s="62">
        <v>40</v>
      </c>
      <c r="AB10" s="443">
        <v>0</v>
      </c>
      <c r="AC10" s="61">
        <v>24</v>
      </c>
      <c r="AD10" s="61">
        <v>19</v>
      </c>
      <c r="AE10" s="61">
        <v>14</v>
      </c>
      <c r="AF10" s="61">
        <v>10</v>
      </c>
      <c r="AG10" s="61">
        <v>10</v>
      </c>
      <c r="AH10" s="62">
        <v>77</v>
      </c>
      <c r="AI10" s="63">
        <v>117</v>
      </c>
      <c r="AJ10" s="60">
        <v>24</v>
      </c>
      <c r="AK10" s="61">
        <v>36</v>
      </c>
      <c r="AL10" s="62">
        <v>60</v>
      </c>
      <c r="AM10" s="443">
        <v>0</v>
      </c>
      <c r="AN10" s="61">
        <v>22</v>
      </c>
      <c r="AO10" s="61">
        <v>38</v>
      </c>
      <c r="AP10" s="61">
        <v>15</v>
      </c>
      <c r="AQ10" s="61">
        <v>13</v>
      </c>
      <c r="AR10" s="61">
        <v>14</v>
      </c>
      <c r="AS10" s="62">
        <v>102</v>
      </c>
      <c r="AT10" s="63">
        <v>162</v>
      </c>
      <c r="AU10" s="60">
        <v>46</v>
      </c>
      <c r="AV10" s="61">
        <v>43</v>
      </c>
      <c r="AW10" s="62">
        <v>89</v>
      </c>
      <c r="AX10" s="443">
        <v>0</v>
      </c>
      <c r="AY10" s="61">
        <v>60</v>
      </c>
      <c r="AZ10" s="61">
        <v>55</v>
      </c>
      <c r="BA10" s="61">
        <v>25</v>
      </c>
      <c r="BB10" s="61">
        <v>26</v>
      </c>
      <c r="BC10" s="61">
        <v>19</v>
      </c>
      <c r="BD10" s="62">
        <v>185</v>
      </c>
      <c r="BE10" s="63">
        <v>274</v>
      </c>
      <c r="BF10" s="60">
        <v>58</v>
      </c>
      <c r="BG10" s="61">
        <v>51</v>
      </c>
      <c r="BH10" s="62">
        <v>109</v>
      </c>
      <c r="BI10" s="443">
        <v>0</v>
      </c>
      <c r="BJ10" s="61">
        <v>64</v>
      </c>
      <c r="BK10" s="61">
        <v>80</v>
      </c>
      <c r="BL10" s="61">
        <v>59</v>
      </c>
      <c r="BM10" s="61">
        <v>35</v>
      </c>
      <c r="BN10" s="61">
        <v>24</v>
      </c>
      <c r="BO10" s="62">
        <v>262</v>
      </c>
      <c r="BP10" s="63">
        <v>371</v>
      </c>
      <c r="BQ10" s="60">
        <v>39</v>
      </c>
      <c r="BR10" s="61">
        <v>40</v>
      </c>
      <c r="BS10" s="62">
        <v>79</v>
      </c>
      <c r="BT10" s="443">
        <v>0</v>
      </c>
      <c r="BU10" s="61">
        <v>59</v>
      </c>
      <c r="BV10" s="61">
        <v>69</v>
      </c>
      <c r="BW10" s="61">
        <v>43</v>
      </c>
      <c r="BX10" s="61">
        <v>41</v>
      </c>
      <c r="BY10" s="61">
        <v>16</v>
      </c>
      <c r="BZ10" s="62">
        <v>228</v>
      </c>
      <c r="CA10" s="63">
        <v>307</v>
      </c>
      <c r="CB10" s="60">
        <v>0</v>
      </c>
      <c r="CC10" s="61">
        <v>0</v>
      </c>
      <c r="CD10" s="62">
        <v>0</v>
      </c>
      <c r="CE10" s="443">
        <v>0</v>
      </c>
      <c r="CF10" s="61">
        <v>0</v>
      </c>
      <c r="CG10" s="61">
        <v>0</v>
      </c>
      <c r="CH10" s="61">
        <v>0</v>
      </c>
      <c r="CI10" s="61">
        <v>0</v>
      </c>
      <c r="CJ10" s="61">
        <v>0</v>
      </c>
      <c r="CK10" s="62">
        <v>0</v>
      </c>
      <c r="CL10" s="63">
        <v>0</v>
      </c>
      <c r="CM10" s="60">
        <v>186</v>
      </c>
      <c r="CN10" s="61">
        <v>199</v>
      </c>
      <c r="CO10" s="62">
        <v>385</v>
      </c>
      <c r="CP10" s="443">
        <v>0</v>
      </c>
      <c r="CQ10" s="61">
        <v>233</v>
      </c>
      <c r="CR10" s="61">
        <v>267</v>
      </c>
      <c r="CS10" s="61">
        <v>164</v>
      </c>
      <c r="CT10" s="61">
        <v>132</v>
      </c>
      <c r="CU10" s="61">
        <v>89</v>
      </c>
      <c r="CV10" s="62">
        <v>885</v>
      </c>
      <c r="CW10" s="63">
        <v>1270</v>
      </c>
      <c r="CX10" s="113">
        <v>63</v>
      </c>
      <c r="CY10" s="72">
        <v>77</v>
      </c>
      <c r="CZ10" s="73">
        <v>140</v>
      </c>
      <c r="DA10" s="443">
        <v>0</v>
      </c>
      <c r="DB10" s="72">
        <v>101</v>
      </c>
      <c r="DC10" s="72">
        <v>123</v>
      </c>
      <c r="DD10" s="72">
        <v>77</v>
      </c>
      <c r="DE10" s="72">
        <v>82</v>
      </c>
      <c r="DF10" s="72">
        <v>39</v>
      </c>
      <c r="DG10" s="74">
        <v>422</v>
      </c>
      <c r="DH10" s="75">
        <v>562</v>
      </c>
      <c r="DI10" s="60">
        <v>1</v>
      </c>
      <c r="DJ10" s="61">
        <v>2</v>
      </c>
      <c r="DK10" s="62">
        <v>3</v>
      </c>
      <c r="DL10" s="443">
        <v>0</v>
      </c>
      <c r="DM10" s="61">
        <v>2</v>
      </c>
      <c r="DN10" s="61">
        <v>6</v>
      </c>
      <c r="DO10" s="61">
        <v>1</v>
      </c>
      <c r="DP10" s="61">
        <v>2</v>
      </c>
      <c r="DQ10" s="61">
        <v>1</v>
      </c>
      <c r="DR10" s="62">
        <v>12</v>
      </c>
      <c r="DS10" s="63">
        <v>15</v>
      </c>
      <c r="DT10" s="60">
        <v>7</v>
      </c>
      <c r="DU10" s="61">
        <v>1</v>
      </c>
      <c r="DV10" s="62">
        <v>8</v>
      </c>
      <c r="DW10" s="443">
        <v>0</v>
      </c>
      <c r="DX10" s="61">
        <v>5</v>
      </c>
      <c r="DY10" s="61">
        <v>6</v>
      </c>
      <c r="DZ10" s="61">
        <v>5</v>
      </c>
      <c r="EA10" s="61">
        <v>0</v>
      </c>
      <c r="EB10" s="61">
        <v>0</v>
      </c>
      <c r="EC10" s="62">
        <v>16</v>
      </c>
      <c r="ED10" s="63">
        <v>24</v>
      </c>
      <c r="EE10" s="60">
        <v>13</v>
      </c>
      <c r="EF10" s="61">
        <v>12</v>
      </c>
      <c r="EG10" s="62">
        <v>25</v>
      </c>
      <c r="EH10" s="443">
        <v>0</v>
      </c>
      <c r="EI10" s="61">
        <v>11</v>
      </c>
      <c r="EJ10" s="61">
        <v>13</v>
      </c>
      <c r="EK10" s="61">
        <v>3</v>
      </c>
      <c r="EL10" s="61">
        <v>6</v>
      </c>
      <c r="EM10" s="61">
        <v>7</v>
      </c>
      <c r="EN10" s="62">
        <v>40</v>
      </c>
      <c r="EO10" s="63">
        <v>65</v>
      </c>
      <c r="EP10" s="60">
        <v>19</v>
      </c>
      <c r="EQ10" s="61">
        <v>17</v>
      </c>
      <c r="ER10" s="62">
        <v>36</v>
      </c>
      <c r="ES10" s="443">
        <v>0</v>
      </c>
      <c r="ET10" s="61">
        <v>17</v>
      </c>
      <c r="EU10" s="61">
        <v>25</v>
      </c>
      <c r="EV10" s="61">
        <v>18</v>
      </c>
      <c r="EW10" s="61">
        <v>12</v>
      </c>
      <c r="EX10" s="61">
        <v>5</v>
      </c>
      <c r="EY10" s="62">
        <v>77</v>
      </c>
      <c r="EZ10" s="63">
        <v>113</v>
      </c>
      <c r="FA10" s="60">
        <v>12</v>
      </c>
      <c r="FB10" s="61">
        <v>25</v>
      </c>
      <c r="FC10" s="62">
        <v>37</v>
      </c>
      <c r="FD10" s="443">
        <v>0</v>
      </c>
      <c r="FE10" s="61">
        <v>34</v>
      </c>
      <c r="FF10" s="61">
        <v>29</v>
      </c>
      <c r="FG10" s="61">
        <v>16</v>
      </c>
      <c r="FH10" s="61">
        <v>23</v>
      </c>
      <c r="FI10" s="61">
        <v>11</v>
      </c>
      <c r="FJ10" s="62">
        <v>113</v>
      </c>
      <c r="FK10" s="63">
        <v>150</v>
      </c>
      <c r="FL10" s="60">
        <v>11</v>
      </c>
      <c r="FM10" s="61">
        <v>20</v>
      </c>
      <c r="FN10" s="62">
        <v>31</v>
      </c>
      <c r="FO10" s="443">
        <v>0</v>
      </c>
      <c r="FP10" s="61">
        <v>32</v>
      </c>
      <c r="FQ10" s="61">
        <v>44</v>
      </c>
      <c r="FR10" s="61">
        <v>34</v>
      </c>
      <c r="FS10" s="61">
        <v>39</v>
      </c>
      <c r="FT10" s="61">
        <v>15</v>
      </c>
      <c r="FU10" s="62">
        <v>164</v>
      </c>
      <c r="FV10" s="63">
        <v>195</v>
      </c>
      <c r="FW10" s="60">
        <v>0</v>
      </c>
      <c r="FX10" s="61">
        <v>0</v>
      </c>
      <c r="FY10" s="62">
        <v>0</v>
      </c>
      <c r="FZ10" s="443">
        <v>0</v>
      </c>
      <c r="GA10" s="61">
        <v>0</v>
      </c>
      <c r="GB10" s="61">
        <v>0</v>
      </c>
      <c r="GC10" s="61">
        <v>0</v>
      </c>
      <c r="GD10" s="61">
        <v>0</v>
      </c>
      <c r="GE10" s="61">
        <v>0</v>
      </c>
      <c r="GF10" s="62">
        <v>0</v>
      </c>
      <c r="GG10" s="63">
        <v>0</v>
      </c>
      <c r="GH10" s="60">
        <v>63</v>
      </c>
      <c r="GI10" s="61">
        <v>77</v>
      </c>
      <c r="GJ10" s="62">
        <v>140</v>
      </c>
      <c r="GK10" s="443">
        <v>0</v>
      </c>
      <c r="GL10" s="61">
        <v>101</v>
      </c>
      <c r="GM10" s="61">
        <v>123</v>
      </c>
      <c r="GN10" s="61">
        <v>77</v>
      </c>
      <c r="GO10" s="61">
        <v>82</v>
      </c>
      <c r="GP10" s="61">
        <v>39</v>
      </c>
      <c r="GQ10" s="62">
        <v>422</v>
      </c>
      <c r="GR10" s="63">
        <v>562</v>
      </c>
      <c r="GS10" s="113">
        <v>249</v>
      </c>
      <c r="GT10" s="72">
        <v>276</v>
      </c>
      <c r="GU10" s="73">
        <v>525</v>
      </c>
      <c r="GV10" s="443">
        <v>0</v>
      </c>
      <c r="GW10" s="72">
        <v>334</v>
      </c>
      <c r="GX10" s="72">
        <v>390</v>
      </c>
      <c r="GY10" s="72">
        <v>241</v>
      </c>
      <c r="GZ10" s="72">
        <v>214</v>
      </c>
      <c r="HA10" s="72">
        <v>128</v>
      </c>
      <c r="HB10" s="74">
        <v>1307</v>
      </c>
      <c r="HC10" s="75">
        <v>1832</v>
      </c>
      <c r="HD10" s="60">
        <v>2</v>
      </c>
      <c r="HE10" s="61">
        <v>9</v>
      </c>
      <c r="HF10" s="62">
        <v>11</v>
      </c>
      <c r="HG10" s="443">
        <v>0</v>
      </c>
      <c r="HH10" s="61">
        <v>6</v>
      </c>
      <c r="HI10" s="61">
        <v>12</v>
      </c>
      <c r="HJ10" s="61">
        <v>9</v>
      </c>
      <c r="HK10" s="61">
        <v>9</v>
      </c>
      <c r="HL10" s="61">
        <v>7</v>
      </c>
      <c r="HM10" s="62">
        <v>43</v>
      </c>
      <c r="HN10" s="63">
        <v>54</v>
      </c>
      <c r="HO10" s="60">
        <v>25</v>
      </c>
      <c r="HP10" s="61">
        <v>23</v>
      </c>
      <c r="HQ10" s="62">
        <v>48</v>
      </c>
      <c r="HR10" s="443">
        <v>0</v>
      </c>
      <c r="HS10" s="61">
        <v>29</v>
      </c>
      <c r="HT10" s="61">
        <v>25</v>
      </c>
      <c r="HU10" s="61">
        <v>19</v>
      </c>
      <c r="HV10" s="61">
        <v>10</v>
      </c>
      <c r="HW10" s="61">
        <v>10</v>
      </c>
      <c r="HX10" s="62">
        <v>93</v>
      </c>
      <c r="HY10" s="63">
        <v>141</v>
      </c>
      <c r="HZ10" s="60">
        <v>37</v>
      </c>
      <c r="IA10" s="61">
        <v>48</v>
      </c>
      <c r="IB10" s="62">
        <v>85</v>
      </c>
      <c r="IC10" s="443">
        <v>0</v>
      </c>
      <c r="ID10" s="61">
        <v>33</v>
      </c>
      <c r="IE10" s="61">
        <v>51</v>
      </c>
      <c r="IF10" s="61">
        <v>18</v>
      </c>
      <c r="IG10" s="61">
        <v>19</v>
      </c>
      <c r="IH10" s="61">
        <v>21</v>
      </c>
      <c r="II10" s="62">
        <v>142</v>
      </c>
      <c r="IJ10" s="63">
        <v>227</v>
      </c>
      <c r="IK10" s="60">
        <v>65</v>
      </c>
      <c r="IL10" s="61">
        <v>60</v>
      </c>
      <c r="IM10" s="62">
        <v>125</v>
      </c>
      <c r="IN10" s="443">
        <v>0</v>
      </c>
      <c r="IO10" s="61">
        <v>77</v>
      </c>
      <c r="IP10" s="61">
        <v>80</v>
      </c>
      <c r="IQ10" s="61">
        <v>43</v>
      </c>
      <c r="IR10" s="61">
        <v>38</v>
      </c>
      <c r="IS10" s="61">
        <v>24</v>
      </c>
      <c r="IT10" s="62">
        <v>262</v>
      </c>
      <c r="IU10" s="63">
        <v>387</v>
      </c>
      <c r="IV10" s="60">
        <v>70</v>
      </c>
      <c r="IW10" s="61">
        <v>76</v>
      </c>
      <c r="IX10" s="62">
        <v>146</v>
      </c>
      <c r="IY10" s="443">
        <v>0</v>
      </c>
      <c r="IZ10" s="61">
        <v>98</v>
      </c>
      <c r="JA10" s="61">
        <v>109</v>
      </c>
      <c r="JB10" s="61">
        <v>75</v>
      </c>
      <c r="JC10" s="61">
        <v>58</v>
      </c>
      <c r="JD10" s="61">
        <v>35</v>
      </c>
      <c r="JE10" s="62">
        <v>375</v>
      </c>
      <c r="JF10" s="63">
        <v>521</v>
      </c>
      <c r="JG10" s="60">
        <v>50</v>
      </c>
      <c r="JH10" s="61">
        <v>60</v>
      </c>
      <c r="JI10" s="62">
        <v>110</v>
      </c>
      <c r="JJ10" s="443">
        <v>0</v>
      </c>
      <c r="JK10" s="61">
        <v>91</v>
      </c>
      <c r="JL10" s="61">
        <v>113</v>
      </c>
      <c r="JM10" s="61">
        <v>77</v>
      </c>
      <c r="JN10" s="61">
        <v>80</v>
      </c>
      <c r="JO10" s="61">
        <v>31</v>
      </c>
      <c r="JP10" s="62">
        <v>392</v>
      </c>
      <c r="JQ10" s="63">
        <v>502</v>
      </c>
      <c r="JR10" s="60">
        <v>0</v>
      </c>
      <c r="JS10" s="61">
        <v>0</v>
      </c>
      <c r="JT10" s="62">
        <v>0</v>
      </c>
      <c r="JU10" s="443">
        <v>0</v>
      </c>
      <c r="JV10" s="61">
        <v>0</v>
      </c>
      <c r="JW10" s="61">
        <v>0</v>
      </c>
      <c r="JX10" s="61">
        <v>0</v>
      </c>
      <c r="JY10" s="61">
        <v>0</v>
      </c>
      <c r="JZ10" s="61">
        <v>0</v>
      </c>
      <c r="KA10" s="62">
        <v>0</v>
      </c>
      <c r="KB10" s="63">
        <v>0</v>
      </c>
      <c r="KC10" s="60">
        <v>249</v>
      </c>
      <c r="KD10" s="61">
        <v>276</v>
      </c>
      <c r="KE10" s="62">
        <v>525</v>
      </c>
      <c r="KF10" s="443">
        <v>0</v>
      </c>
      <c r="KG10" s="61">
        <v>334</v>
      </c>
      <c r="KH10" s="61">
        <v>390</v>
      </c>
      <c r="KI10" s="61">
        <v>241</v>
      </c>
      <c r="KJ10" s="61">
        <v>214</v>
      </c>
      <c r="KK10" s="61">
        <v>128</v>
      </c>
      <c r="KL10" s="62">
        <v>1307</v>
      </c>
      <c r="KM10" s="63">
        <v>1832</v>
      </c>
    </row>
    <row r="11" spans="2:299" ht="21" customHeight="1" x14ac:dyDescent="0.2">
      <c r="B11" s="437" t="s">
        <v>7</v>
      </c>
      <c r="C11" s="287">
        <v>151</v>
      </c>
      <c r="D11" s="72">
        <v>82</v>
      </c>
      <c r="E11" s="73">
        <v>233</v>
      </c>
      <c r="F11" s="443">
        <v>0</v>
      </c>
      <c r="G11" s="72">
        <v>227</v>
      </c>
      <c r="H11" s="72">
        <v>124</v>
      </c>
      <c r="I11" s="72">
        <v>60</v>
      </c>
      <c r="J11" s="72">
        <v>76</v>
      </c>
      <c r="K11" s="72">
        <v>41</v>
      </c>
      <c r="L11" s="74">
        <v>528</v>
      </c>
      <c r="M11" s="75">
        <v>761</v>
      </c>
      <c r="N11" s="60">
        <v>5</v>
      </c>
      <c r="O11" s="61">
        <v>4</v>
      </c>
      <c r="P11" s="62">
        <v>9</v>
      </c>
      <c r="Q11" s="443">
        <v>0</v>
      </c>
      <c r="R11" s="61">
        <v>1</v>
      </c>
      <c r="S11" s="61">
        <v>5</v>
      </c>
      <c r="T11" s="61">
        <v>2</v>
      </c>
      <c r="U11" s="61">
        <v>6</v>
      </c>
      <c r="V11" s="61">
        <v>3</v>
      </c>
      <c r="W11" s="62">
        <v>17</v>
      </c>
      <c r="X11" s="63">
        <v>26</v>
      </c>
      <c r="Y11" s="60">
        <v>6</v>
      </c>
      <c r="Z11" s="61">
        <v>9</v>
      </c>
      <c r="AA11" s="62">
        <v>15</v>
      </c>
      <c r="AB11" s="443">
        <v>0</v>
      </c>
      <c r="AC11" s="61">
        <v>14</v>
      </c>
      <c r="AD11" s="61">
        <v>7</v>
      </c>
      <c r="AE11" s="61">
        <v>5</v>
      </c>
      <c r="AF11" s="61">
        <v>5</v>
      </c>
      <c r="AG11" s="61">
        <v>8</v>
      </c>
      <c r="AH11" s="62">
        <v>39</v>
      </c>
      <c r="AI11" s="63">
        <v>54</v>
      </c>
      <c r="AJ11" s="60">
        <v>21</v>
      </c>
      <c r="AK11" s="61">
        <v>11</v>
      </c>
      <c r="AL11" s="62">
        <v>32</v>
      </c>
      <c r="AM11" s="443">
        <v>0</v>
      </c>
      <c r="AN11" s="61">
        <v>20</v>
      </c>
      <c r="AO11" s="61">
        <v>11</v>
      </c>
      <c r="AP11" s="61">
        <v>6</v>
      </c>
      <c r="AQ11" s="61">
        <v>14</v>
      </c>
      <c r="AR11" s="61">
        <v>4</v>
      </c>
      <c r="AS11" s="62">
        <v>55</v>
      </c>
      <c r="AT11" s="63">
        <v>87</v>
      </c>
      <c r="AU11" s="60">
        <v>33</v>
      </c>
      <c r="AV11" s="61">
        <v>19</v>
      </c>
      <c r="AW11" s="62">
        <v>52</v>
      </c>
      <c r="AX11" s="443">
        <v>0</v>
      </c>
      <c r="AY11" s="61">
        <v>59</v>
      </c>
      <c r="AZ11" s="61">
        <v>27</v>
      </c>
      <c r="BA11" s="61">
        <v>14</v>
      </c>
      <c r="BB11" s="61">
        <v>8</v>
      </c>
      <c r="BC11" s="61">
        <v>6</v>
      </c>
      <c r="BD11" s="62">
        <v>114</v>
      </c>
      <c r="BE11" s="63">
        <v>166</v>
      </c>
      <c r="BF11" s="60">
        <v>52</v>
      </c>
      <c r="BG11" s="61">
        <v>18</v>
      </c>
      <c r="BH11" s="62">
        <v>70</v>
      </c>
      <c r="BI11" s="443">
        <v>0</v>
      </c>
      <c r="BJ11" s="61">
        <v>68</v>
      </c>
      <c r="BK11" s="61">
        <v>39</v>
      </c>
      <c r="BL11" s="61">
        <v>13</v>
      </c>
      <c r="BM11" s="61">
        <v>22</v>
      </c>
      <c r="BN11" s="61">
        <v>13</v>
      </c>
      <c r="BO11" s="62">
        <v>155</v>
      </c>
      <c r="BP11" s="63">
        <v>225</v>
      </c>
      <c r="BQ11" s="60">
        <v>34</v>
      </c>
      <c r="BR11" s="61">
        <v>21</v>
      </c>
      <c r="BS11" s="62">
        <v>55</v>
      </c>
      <c r="BT11" s="443">
        <v>0</v>
      </c>
      <c r="BU11" s="61">
        <v>65</v>
      </c>
      <c r="BV11" s="61">
        <v>35</v>
      </c>
      <c r="BW11" s="61">
        <v>20</v>
      </c>
      <c r="BX11" s="61">
        <v>21</v>
      </c>
      <c r="BY11" s="61">
        <v>7</v>
      </c>
      <c r="BZ11" s="62">
        <v>148</v>
      </c>
      <c r="CA11" s="63">
        <v>203</v>
      </c>
      <c r="CB11" s="60">
        <v>0</v>
      </c>
      <c r="CC11" s="61">
        <v>0</v>
      </c>
      <c r="CD11" s="62">
        <v>0</v>
      </c>
      <c r="CE11" s="443">
        <v>0</v>
      </c>
      <c r="CF11" s="61">
        <v>0</v>
      </c>
      <c r="CG11" s="61">
        <v>0</v>
      </c>
      <c r="CH11" s="61">
        <v>0</v>
      </c>
      <c r="CI11" s="61">
        <v>0</v>
      </c>
      <c r="CJ11" s="61">
        <v>0</v>
      </c>
      <c r="CK11" s="62">
        <v>0</v>
      </c>
      <c r="CL11" s="63">
        <v>0</v>
      </c>
      <c r="CM11" s="60">
        <v>151</v>
      </c>
      <c r="CN11" s="61">
        <v>82</v>
      </c>
      <c r="CO11" s="62">
        <v>233</v>
      </c>
      <c r="CP11" s="443">
        <v>0</v>
      </c>
      <c r="CQ11" s="61">
        <v>227</v>
      </c>
      <c r="CR11" s="61">
        <v>124</v>
      </c>
      <c r="CS11" s="61">
        <v>60</v>
      </c>
      <c r="CT11" s="61">
        <v>76</v>
      </c>
      <c r="CU11" s="61">
        <v>41</v>
      </c>
      <c r="CV11" s="62">
        <v>528</v>
      </c>
      <c r="CW11" s="63">
        <v>761</v>
      </c>
      <c r="CX11" s="113">
        <v>41</v>
      </c>
      <c r="CY11" s="72">
        <v>47</v>
      </c>
      <c r="CZ11" s="73">
        <v>88</v>
      </c>
      <c r="DA11" s="443">
        <v>0</v>
      </c>
      <c r="DB11" s="72">
        <v>64</v>
      </c>
      <c r="DC11" s="72">
        <v>33</v>
      </c>
      <c r="DD11" s="72">
        <v>28</v>
      </c>
      <c r="DE11" s="72">
        <v>32</v>
      </c>
      <c r="DF11" s="72">
        <v>19</v>
      </c>
      <c r="DG11" s="74">
        <v>176</v>
      </c>
      <c r="DH11" s="75">
        <v>264</v>
      </c>
      <c r="DI11" s="60">
        <v>1</v>
      </c>
      <c r="DJ11" s="61">
        <v>0</v>
      </c>
      <c r="DK11" s="62">
        <v>1</v>
      </c>
      <c r="DL11" s="443">
        <v>0</v>
      </c>
      <c r="DM11" s="61">
        <v>2</v>
      </c>
      <c r="DN11" s="61">
        <v>1</v>
      </c>
      <c r="DO11" s="61">
        <v>2</v>
      </c>
      <c r="DP11" s="61">
        <v>0</v>
      </c>
      <c r="DQ11" s="61">
        <v>0</v>
      </c>
      <c r="DR11" s="62">
        <v>5</v>
      </c>
      <c r="DS11" s="63">
        <v>6</v>
      </c>
      <c r="DT11" s="60">
        <v>0</v>
      </c>
      <c r="DU11" s="61">
        <v>1</v>
      </c>
      <c r="DV11" s="62">
        <v>1</v>
      </c>
      <c r="DW11" s="443">
        <v>0</v>
      </c>
      <c r="DX11" s="61">
        <v>3</v>
      </c>
      <c r="DY11" s="61">
        <v>2</v>
      </c>
      <c r="DZ11" s="61">
        <v>3</v>
      </c>
      <c r="EA11" s="61">
        <v>1</v>
      </c>
      <c r="EB11" s="61">
        <v>2</v>
      </c>
      <c r="EC11" s="62">
        <v>11</v>
      </c>
      <c r="ED11" s="63">
        <v>12</v>
      </c>
      <c r="EE11" s="60">
        <v>6</v>
      </c>
      <c r="EF11" s="61">
        <v>8</v>
      </c>
      <c r="EG11" s="62">
        <v>14</v>
      </c>
      <c r="EH11" s="443">
        <v>0</v>
      </c>
      <c r="EI11" s="61">
        <v>14</v>
      </c>
      <c r="EJ11" s="61">
        <v>1</v>
      </c>
      <c r="EK11" s="61">
        <v>1</v>
      </c>
      <c r="EL11" s="61">
        <v>5</v>
      </c>
      <c r="EM11" s="61">
        <v>2</v>
      </c>
      <c r="EN11" s="62">
        <v>23</v>
      </c>
      <c r="EO11" s="63">
        <v>37</v>
      </c>
      <c r="EP11" s="60">
        <v>14</v>
      </c>
      <c r="EQ11" s="61">
        <v>10</v>
      </c>
      <c r="ER11" s="62">
        <v>24</v>
      </c>
      <c r="ES11" s="443">
        <v>0</v>
      </c>
      <c r="ET11" s="61">
        <v>11</v>
      </c>
      <c r="EU11" s="61">
        <v>9</v>
      </c>
      <c r="EV11" s="61">
        <v>4</v>
      </c>
      <c r="EW11" s="61">
        <v>4</v>
      </c>
      <c r="EX11" s="61">
        <v>3</v>
      </c>
      <c r="EY11" s="62">
        <v>31</v>
      </c>
      <c r="EZ11" s="63">
        <v>55</v>
      </c>
      <c r="FA11" s="60">
        <v>9</v>
      </c>
      <c r="FB11" s="61">
        <v>18</v>
      </c>
      <c r="FC11" s="62">
        <v>27</v>
      </c>
      <c r="FD11" s="443">
        <v>0</v>
      </c>
      <c r="FE11" s="61">
        <v>18</v>
      </c>
      <c r="FF11" s="61">
        <v>5</v>
      </c>
      <c r="FG11" s="61">
        <v>7</v>
      </c>
      <c r="FH11" s="61">
        <v>10</v>
      </c>
      <c r="FI11" s="61">
        <v>6</v>
      </c>
      <c r="FJ11" s="62">
        <v>46</v>
      </c>
      <c r="FK11" s="63">
        <v>73</v>
      </c>
      <c r="FL11" s="60">
        <v>11</v>
      </c>
      <c r="FM11" s="61">
        <v>10</v>
      </c>
      <c r="FN11" s="62">
        <v>21</v>
      </c>
      <c r="FO11" s="443">
        <v>0</v>
      </c>
      <c r="FP11" s="61">
        <v>16</v>
      </c>
      <c r="FQ11" s="61">
        <v>15</v>
      </c>
      <c r="FR11" s="61">
        <v>11</v>
      </c>
      <c r="FS11" s="61">
        <v>12</v>
      </c>
      <c r="FT11" s="61">
        <v>6</v>
      </c>
      <c r="FU11" s="62">
        <v>60</v>
      </c>
      <c r="FV11" s="63">
        <v>81</v>
      </c>
      <c r="FW11" s="60">
        <v>0</v>
      </c>
      <c r="FX11" s="61">
        <v>0</v>
      </c>
      <c r="FY11" s="62">
        <v>0</v>
      </c>
      <c r="FZ11" s="443">
        <v>0</v>
      </c>
      <c r="GA11" s="61">
        <v>0</v>
      </c>
      <c r="GB11" s="61">
        <v>0</v>
      </c>
      <c r="GC11" s="61">
        <v>0</v>
      </c>
      <c r="GD11" s="61">
        <v>0</v>
      </c>
      <c r="GE11" s="61">
        <v>0</v>
      </c>
      <c r="GF11" s="62">
        <v>0</v>
      </c>
      <c r="GG11" s="63">
        <v>0</v>
      </c>
      <c r="GH11" s="60">
        <v>41</v>
      </c>
      <c r="GI11" s="61">
        <v>47</v>
      </c>
      <c r="GJ11" s="62">
        <v>88</v>
      </c>
      <c r="GK11" s="443">
        <v>0</v>
      </c>
      <c r="GL11" s="61">
        <v>64</v>
      </c>
      <c r="GM11" s="61">
        <v>33</v>
      </c>
      <c r="GN11" s="61">
        <v>28</v>
      </c>
      <c r="GO11" s="61">
        <v>32</v>
      </c>
      <c r="GP11" s="61">
        <v>19</v>
      </c>
      <c r="GQ11" s="62">
        <v>176</v>
      </c>
      <c r="GR11" s="63">
        <v>264</v>
      </c>
      <c r="GS11" s="113">
        <v>192</v>
      </c>
      <c r="GT11" s="72">
        <v>129</v>
      </c>
      <c r="GU11" s="73">
        <v>321</v>
      </c>
      <c r="GV11" s="443">
        <v>0</v>
      </c>
      <c r="GW11" s="72">
        <v>291</v>
      </c>
      <c r="GX11" s="72">
        <v>157</v>
      </c>
      <c r="GY11" s="72">
        <v>88</v>
      </c>
      <c r="GZ11" s="72">
        <v>108</v>
      </c>
      <c r="HA11" s="72">
        <v>60</v>
      </c>
      <c r="HB11" s="74">
        <v>704</v>
      </c>
      <c r="HC11" s="75">
        <v>1025</v>
      </c>
      <c r="HD11" s="60">
        <v>6</v>
      </c>
      <c r="HE11" s="61">
        <v>4</v>
      </c>
      <c r="HF11" s="62">
        <v>10</v>
      </c>
      <c r="HG11" s="443">
        <v>0</v>
      </c>
      <c r="HH11" s="61">
        <v>3</v>
      </c>
      <c r="HI11" s="61">
        <v>6</v>
      </c>
      <c r="HJ11" s="61">
        <v>4</v>
      </c>
      <c r="HK11" s="61">
        <v>6</v>
      </c>
      <c r="HL11" s="61">
        <v>3</v>
      </c>
      <c r="HM11" s="62">
        <v>22</v>
      </c>
      <c r="HN11" s="63">
        <v>32</v>
      </c>
      <c r="HO11" s="60">
        <v>6</v>
      </c>
      <c r="HP11" s="61">
        <v>10</v>
      </c>
      <c r="HQ11" s="62">
        <v>16</v>
      </c>
      <c r="HR11" s="443">
        <v>0</v>
      </c>
      <c r="HS11" s="61">
        <v>17</v>
      </c>
      <c r="HT11" s="61">
        <v>9</v>
      </c>
      <c r="HU11" s="61">
        <v>8</v>
      </c>
      <c r="HV11" s="61">
        <v>6</v>
      </c>
      <c r="HW11" s="61">
        <v>10</v>
      </c>
      <c r="HX11" s="62">
        <v>50</v>
      </c>
      <c r="HY11" s="63">
        <v>66</v>
      </c>
      <c r="HZ11" s="60">
        <v>27</v>
      </c>
      <c r="IA11" s="61">
        <v>19</v>
      </c>
      <c r="IB11" s="62">
        <v>46</v>
      </c>
      <c r="IC11" s="443">
        <v>0</v>
      </c>
      <c r="ID11" s="61">
        <v>34</v>
      </c>
      <c r="IE11" s="61">
        <v>12</v>
      </c>
      <c r="IF11" s="61">
        <v>7</v>
      </c>
      <c r="IG11" s="61">
        <v>19</v>
      </c>
      <c r="IH11" s="61">
        <v>6</v>
      </c>
      <c r="II11" s="62">
        <v>78</v>
      </c>
      <c r="IJ11" s="63">
        <v>124</v>
      </c>
      <c r="IK11" s="60">
        <v>47</v>
      </c>
      <c r="IL11" s="61">
        <v>29</v>
      </c>
      <c r="IM11" s="62">
        <v>76</v>
      </c>
      <c r="IN11" s="443">
        <v>0</v>
      </c>
      <c r="IO11" s="61">
        <v>70</v>
      </c>
      <c r="IP11" s="61">
        <v>36</v>
      </c>
      <c r="IQ11" s="61">
        <v>18</v>
      </c>
      <c r="IR11" s="61">
        <v>12</v>
      </c>
      <c r="IS11" s="61">
        <v>9</v>
      </c>
      <c r="IT11" s="62">
        <v>145</v>
      </c>
      <c r="IU11" s="63">
        <v>221</v>
      </c>
      <c r="IV11" s="60">
        <v>61</v>
      </c>
      <c r="IW11" s="61">
        <v>36</v>
      </c>
      <c r="IX11" s="62">
        <v>97</v>
      </c>
      <c r="IY11" s="443">
        <v>0</v>
      </c>
      <c r="IZ11" s="61">
        <v>86</v>
      </c>
      <c r="JA11" s="61">
        <v>44</v>
      </c>
      <c r="JB11" s="61">
        <v>20</v>
      </c>
      <c r="JC11" s="61">
        <v>32</v>
      </c>
      <c r="JD11" s="61">
        <v>19</v>
      </c>
      <c r="JE11" s="62">
        <v>201</v>
      </c>
      <c r="JF11" s="63">
        <v>298</v>
      </c>
      <c r="JG11" s="60">
        <v>45</v>
      </c>
      <c r="JH11" s="61">
        <v>31</v>
      </c>
      <c r="JI11" s="62">
        <v>76</v>
      </c>
      <c r="JJ11" s="443">
        <v>0</v>
      </c>
      <c r="JK11" s="61">
        <v>81</v>
      </c>
      <c r="JL11" s="61">
        <v>50</v>
      </c>
      <c r="JM11" s="61">
        <v>31</v>
      </c>
      <c r="JN11" s="61">
        <v>33</v>
      </c>
      <c r="JO11" s="61">
        <v>13</v>
      </c>
      <c r="JP11" s="62">
        <v>208</v>
      </c>
      <c r="JQ11" s="63">
        <v>284</v>
      </c>
      <c r="JR11" s="60">
        <v>0</v>
      </c>
      <c r="JS11" s="61">
        <v>0</v>
      </c>
      <c r="JT11" s="62">
        <v>0</v>
      </c>
      <c r="JU11" s="443">
        <v>0</v>
      </c>
      <c r="JV11" s="61">
        <v>0</v>
      </c>
      <c r="JW11" s="61">
        <v>0</v>
      </c>
      <c r="JX11" s="61">
        <v>0</v>
      </c>
      <c r="JY11" s="61">
        <v>0</v>
      </c>
      <c r="JZ11" s="61">
        <v>0</v>
      </c>
      <c r="KA11" s="62">
        <v>0</v>
      </c>
      <c r="KB11" s="63">
        <v>0</v>
      </c>
      <c r="KC11" s="60">
        <v>192</v>
      </c>
      <c r="KD11" s="61">
        <v>129</v>
      </c>
      <c r="KE11" s="62">
        <v>321</v>
      </c>
      <c r="KF11" s="443">
        <v>0</v>
      </c>
      <c r="KG11" s="61">
        <v>291</v>
      </c>
      <c r="KH11" s="61">
        <v>157</v>
      </c>
      <c r="KI11" s="61">
        <v>88</v>
      </c>
      <c r="KJ11" s="61">
        <v>108</v>
      </c>
      <c r="KK11" s="61">
        <v>60</v>
      </c>
      <c r="KL11" s="62">
        <v>704</v>
      </c>
      <c r="KM11" s="63">
        <v>1025</v>
      </c>
    </row>
    <row r="12" spans="2:299" ht="21" customHeight="1" x14ac:dyDescent="0.2">
      <c r="B12" s="437" t="s">
        <v>8</v>
      </c>
      <c r="C12" s="287">
        <v>62</v>
      </c>
      <c r="D12" s="72">
        <v>37</v>
      </c>
      <c r="E12" s="73">
        <v>99</v>
      </c>
      <c r="F12" s="443">
        <v>0</v>
      </c>
      <c r="G12" s="72">
        <v>111</v>
      </c>
      <c r="H12" s="72">
        <v>87</v>
      </c>
      <c r="I12" s="72">
        <v>49</v>
      </c>
      <c r="J12" s="72">
        <v>55</v>
      </c>
      <c r="K12" s="72">
        <v>23</v>
      </c>
      <c r="L12" s="74">
        <v>325</v>
      </c>
      <c r="M12" s="75">
        <v>424</v>
      </c>
      <c r="N12" s="60">
        <v>1</v>
      </c>
      <c r="O12" s="61">
        <v>4</v>
      </c>
      <c r="P12" s="62">
        <v>5</v>
      </c>
      <c r="Q12" s="443">
        <v>0</v>
      </c>
      <c r="R12" s="61">
        <v>5</v>
      </c>
      <c r="S12" s="61">
        <v>3</v>
      </c>
      <c r="T12" s="61">
        <v>2</v>
      </c>
      <c r="U12" s="61">
        <v>1</v>
      </c>
      <c r="V12" s="61">
        <v>2</v>
      </c>
      <c r="W12" s="62">
        <v>13</v>
      </c>
      <c r="X12" s="63">
        <v>18</v>
      </c>
      <c r="Y12" s="60">
        <v>3</v>
      </c>
      <c r="Z12" s="61">
        <v>6</v>
      </c>
      <c r="AA12" s="62">
        <v>9</v>
      </c>
      <c r="AB12" s="443">
        <v>0</v>
      </c>
      <c r="AC12" s="61">
        <v>7</v>
      </c>
      <c r="AD12" s="61">
        <v>6</v>
      </c>
      <c r="AE12" s="61">
        <v>2</v>
      </c>
      <c r="AF12" s="61">
        <v>7</v>
      </c>
      <c r="AG12" s="61">
        <v>2</v>
      </c>
      <c r="AH12" s="62">
        <v>24</v>
      </c>
      <c r="AI12" s="63">
        <v>33</v>
      </c>
      <c r="AJ12" s="60">
        <v>11</v>
      </c>
      <c r="AK12" s="61">
        <v>5</v>
      </c>
      <c r="AL12" s="62">
        <v>16</v>
      </c>
      <c r="AM12" s="443">
        <v>0</v>
      </c>
      <c r="AN12" s="61">
        <v>15</v>
      </c>
      <c r="AO12" s="61">
        <v>12</v>
      </c>
      <c r="AP12" s="61">
        <v>5</v>
      </c>
      <c r="AQ12" s="61">
        <v>5</v>
      </c>
      <c r="AR12" s="61">
        <v>3</v>
      </c>
      <c r="AS12" s="62">
        <v>40</v>
      </c>
      <c r="AT12" s="63">
        <v>56</v>
      </c>
      <c r="AU12" s="60">
        <v>16</v>
      </c>
      <c r="AV12" s="61">
        <v>6</v>
      </c>
      <c r="AW12" s="62">
        <v>22</v>
      </c>
      <c r="AX12" s="443">
        <v>0</v>
      </c>
      <c r="AY12" s="61">
        <v>21</v>
      </c>
      <c r="AZ12" s="61">
        <v>15</v>
      </c>
      <c r="BA12" s="61">
        <v>6</v>
      </c>
      <c r="BB12" s="61">
        <v>14</v>
      </c>
      <c r="BC12" s="61">
        <v>8</v>
      </c>
      <c r="BD12" s="62">
        <v>64</v>
      </c>
      <c r="BE12" s="63">
        <v>86</v>
      </c>
      <c r="BF12" s="60">
        <v>15</v>
      </c>
      <c r="BG12" s="61">
        <v>10</v>
      </c>
      <c r="BH12" s="62">
        <v>25</v>
      </c>
      <c r="BI12" s="443">
        <v>0</v>
      </c>
      <c r="BJ12" s="61">
        <v>33</v>
      </c>
      <c r="BK12" s="61">
        <v>30</v>
      </c>
      <c r="BL12" s="61">
        <v>19</v>
      </c>
      <c r="BM12" s="61">
        <v>10</v>
      </c>
      <c r="BN12" s="61">
        <v>4</v>
      </c>
      <c r="BO12" s="62">
        <v>96</v>
      </c>
      <c r="BP12" s="63">
        <v>121</v>
      </c>
      <c r="BQ12" s="60">
        <v>16</v>
      </c>
      <c r="BR12" s="61">
        <v>6</v>
      </c>
      <c r="BS12" s="62">
        <v>22</v>
      </c>
      <c r="BT12" s="443">
        <v>0</v>
      </c>
      <c r="BU12" s="61">
        <v>30</v>
      </c>
      <c r="BV12" s="61">
        <v>21</v>
      </c>
      <c r="BW12" s="61">
        <v>15</v>
      </c>
      <c r="BX12" s="61">
        <v>18</v>
      </c>
      <c r="BY12" s="61">
        <v>4</v>
      </c>
      <c r="BZ12" s="62">
        <v>88</v>
      </c>
      <c r="CA12" s="63">
        <v>110</v>
      </c>
      <c r="CB12" s="60">
        <v>0</v>
      </c>
      <c r="CC12" s="61">
        <v>0</v>
      </c>
      <c r="CD12" s="62">
        <v>0</v>
      </c>
      <c r="CE12" s="443">
        <v>0</v>
      </c>
      <c r="CF12" s="61">
        <v>0</v>
      </c>
      <c r="CG12" s="61">
        <v>0</v>
      </c>
      <c r="CH12" s="61">
        <v>0</v>
      </c>
      <c r="CI12" s="61">
        <v>0</v>
      </c>
      <c r="CJ12" s="61">
        <v>0</v>
      </c>
      <c r="CK12" s="62">
        <v>0</v>
      </c>
      <c r="CL12" s="63">
        <v>0</v>
      </c>
      <c r="CM12" s="60">
        <v>62</v>
      </c>
      <c r="CN12" s="61">
        <v>37</v>
      </c>
      <c r="CO12" s="62">
        <v>99</v>
      </c>
      <c r="CP12" s="443">
        <v>0</v>
      </c>
      <c r="CQ12" s="61">
        <v>111</v>
      </c>
      <c r="CR12" s="61">
        <v>87</v>
      </c>
      <c r="CS12" s="61">
        <v>49</v>
      </c>
      <c r="CT12" s="61">
        <v>55</v>
      </c>
      <c r="CU12" s="61">
        <v>23</v>
      </c>
      <c r="CV12" s="62">
        <v>325</v>
      </c>
      <c r="CW12" s="63">
        <v>424</v>
      </c>
      <c r="CX12" s="113">
        <v>26</v>
      </c>
      <c r="CY12" s="72">
        <v>28</v>
      </c>
      <c r="CZ12" s="73">
        <v>54</v>
      </c>
      <c r="DA12" s="443">
        <v>0</v>
      </c>
      <c r="DB12" s="72">
        <v>53</v>
      </c>
      <c r="DC12" s="72">
        <v>35</v>
      </c>
      <c r="DD12" s="72">
        <v>25</v>
      </c>
      <c r="DE12" s="72">
        <v>21</v>
      </c>
      <c r="DF12" s="72">
        <v>14</v>
      </c>
      <c r="DG12" s="74">
        <v>148</v>
      </c>
      <c r="DH12" s="75">
        <v>202</v>
      </c>
      <c r="DI12" s="60">
        <v>2</v>
      </c>
      <c r="DJ12" s="61">
        <v>0</v>
      </c>
      <c r="DK12" s="62">
        <v>2</v>
      </c>
      <c r="DL12" s="443">
        <v>0</v>
      </c>
      <c r="DM12" s="61">
        <v>0</v>
      </c>
      <c r="DN12" s="61">
        <v>0</v>
      </c>
      <c r="DO12" s="61">
        <v>0</v>
      </c>
      <c r="DP12" s="61">
        <v>1</v>
      </c>
      <c r="DQ12" s="61">
        <v>0</v>
      </c>
      <c r="DR12" s="62">
        <v>1</v>
      </c>
      <c r="DS12" s="63">
        <v>3</v>
      </c>
      <c r="DT12" s="60">
        <v>2</v>
      </c>
      <c r="DU12" s="61">
        <v>2</v>
      </c>
      <c r="DV12" s="62">
        <v>4</v>
      </c>
      <c r="DW12" s="443">
        <v>0</v>
      </c>
      <c r="DX12" s="61">
        <v>2</v>
      </c>
      <c r="DY12" s="61">
        <v>3</v>
      </c>
      <c r="DZ12" s="61">
        <v>1</v>
      </c>
      <c r="EA12" s="61">
        <v>2</v>
      </c>
      <c r="EB12" s="61">
        <v>1</v>
      </c>
      <c r="EC12" s="62">
        <v>9</v>
      </c>
      <c r="ED12" s="63">
        <v>13</v>
      </c>
      <c r="EE12" s="60">
        <v>5</v>
      </c>
      <c r="EF12" s="61">
        <v>4</v>
      </c>
      <c r="EG12" s="62">
        <v>9</v>
      </c>
      <c r="EH12" s="443">
        <v>0</v>
      </c>
      <c r="EI12" s="61">
        <v>6</v>
      </c>
      <c r="EJ12" s="61">
        <v>5</v>
      </c>
      <c r="EK12" s="61">
        <v>2</v>
      </c>
      <c r="EL12" s="61">
        <v>2</v>
      </c>
      <c r="EM12" s="61">
        <v>0</v>
      </c>
      <c r="EN12" s="62">
        <v>15</v>
      </c>
      <c r="EO12" s="63">
        <v>24</v>
      </c>
      <c r="EP12" s="60">
        <v>4</v>
      </c>
      <c r="EQ12" s="61">
        <v>8</v>
      </c>
      <c r="ER12" s="62">
        <v>12</v>
      </c>
      <c r="ES12" s="443">
        <v>0</v>
      </c>
      <c r="ET12" s="61">
        <v>10</v>
      </c>
      <c r="EU12" s="61">
        <v>4</v>
      </c>
      <c r="EV12" s="61">
        <v>4</v>
      </c>
      <c r="EW12" s="61">
        <v>2</v>
      </c>
      <c r="EX12" s="61">
        <v>3</v>
      </c>
      <c r="EY12" s="62">
        <v>23</v>
      </c>
      <c r="EZ12" s="63">
        <v>35</v>
      </c>
      <c r="FA12" s="60">
        <v>7</v>
      </c>
      <c r="FB12" s="61">
        <v>3</v>
      </c>
      <c r="FC12" s="62">
        <v>10</v>
      </c>
      <c r="FD12" s="443">
        <v>0</v>
      </c>
      <c r="FE12" s="61">
        <v>16</v>
      </c>
      <c r="FF12" s="61">
        <v>11</v>
      </c>
      <c r="FG12" s="61">
        <v>5</v>
      </c>
      <c r="FH12" s="61">
        <v>3</v>
      </c>
      <c r="FI12" s="61">
        <v>5</v>
      </c>
      <c r="FJ12" s="62">
        <v>40</v>
      </c>
      <c r="FK12" s="63">
        <v>50</v>
      </c>
      <c r="FL12" s="60">
        <v>6</v>
      </c>
      <c r="FM12" s="61">
        <v>11</v>
      </c>
      <c r="FN12" s="62">
        <v>17</v>
      </c>
      <c r="FO12" s="443">
        <v>0</v>
      </c>
      <c r="FP12" s="61">
        <v>19</v>
      </c>
      <c r="FQ12" s="61">
        <v>12</v>
      </c>
      <c r="FR12" s="61">
        <v>13</v>
      </c>
      <c r="FS12" s="61">
        <v>11</v>
      </c>
      <c r="FT12" s="61">
        <v>5</v>
      </c>
      <c r="FU12" s="62">
        <v>60</v>
      </c>
      <c r="FV12" s="63">
        <v>77</v>
      </c>
      <c r="FW12" s="60">
        <v>0</v>
      </c>
      <c r="FX12" s="61">
        <v>0</v>
      </c>
      <c r="FY12" s="62">
        <v>0</v>
      </c>
      <c r="FZ12" s="443">
        <v>0</v>
      </c>
      <c r="GA12" s="61">
        <v>0</v>
      </c>
      <c r="GB12" s="61">
        <v>0</v>
      </c>
      <c r="GC12" s="61">
        <v>0</v>
      </c>
      <c r="GD12" s="61">
        <v>0</v>
      </c>
      <c r="GE12" s="61">
        <v>0</v>
      </c>
      <c r="GF12" s="62">
        <v>0</v>
      </c>
      <c r="GG12" s="63">
        <v>0</v>
      </c>
      <c r="GH12" s="60">
        <v>26</v>
      </c>
      <c r="GI12" s="61">
        <v>28</v>
      </c>
      <c r="GJ12" s="62">
        <v>54</v>
      </c>
      <c r="GK12" s="443">
        <v>0</v>
      </c>
      <c r="GL12" s="61">
        <v>53</v>
      </c>
      <c r="GM12" s="61">
        <v>35</v>
      </c>
      <c r="GN12" s="61">
        <v>25</v>
      </c>
      <c r="GO12" s="61">
        <v>21</v>
      </c>
      <c r="GP12" s="61">
        <v>14</v>
      </c>
      <c r="GQ12" s="62">
        <v>148</v>
      </c>
      <c r="GR12" s="63">
        <v>202</v>
      </c>
      <c r="GS12" s="113">
        <v>88</v>
      </c>
      <c r="GT12" s="72">
        <v>65</v>
      </c>
      <c r="GU12" s="73">
        <v>153</v>
      </c>
      <c r="GV12" s="443">
        <v>0</v>
      </c>
      <c r="GW12" s="72">
        <v>164</v>
      </c>
      <c r="GX12" s="72">
        <v>122</v>
      </c>
      <c r="GY12" s="72">
        <v>74</v>
      </c>
      <c r="GZ12" s="72">
        <v>76</v>
      </c>
      <c r="HA12" s="72">
        <v>37</v>
      </c>
      <c r="HB12" s="74">
        <v>473</v>
      </c>
      <c r="HC12" s="75">
        <v>626</v>
      </c>
      <c r="HD12" s="60">
        <v>3</v>
      </c>
      <c r="HE12" s="61">
        <v>4</v>
      </c>
      <c r="HF12" s="62">
        <v>7</v>
      </c>
      <c r="HG12" s="443">
        <v>0</v>
      </c>
      <c r="HH12" s="61">
        <v>5</v>
      </c>
      <c r="HI12" s="61">
        <v>3</v>
      </c>
      <c r="HJ12" s="61">
        <v>2</v>
      </c>
      <c r="HK12" s="61">
        <v>2</v>
      </c>
      <c r="HL12" s="61">
        <v>2</v>
      </c>
      <c r="HM12" s="62">
        <v>14</v>
      </c>
      <c r="HN12" s="63">
        <v>21</v>
      </c>
      <c r="HO12" s="60">
        <v>5</v>
      </c>
      <c r="HP12" s="61">
        <v>8</v>
      </c>
      <c r="HQ12" s="62">
        <v>13</v>
      </c>
      <c r="HR12" s="443">
        <v>0</v>
      </c>
      <c r="HS12" s="61">
        <v>9</v>
      </c>
      <c r="HT12" s="61">
        <v>9</v>
      </c>
      <c r="HU12" s="61">
        <v>3</v>
      </c>
      <c r="HV12" s="61">
        <v>9</v>
      </c>
      <c r="HW12" s="61">
        <v>3</v>
      </c>
      <c r="HX12" s="62">
        <v>33</v>
      </c>
      <c r="HY12" s="63">
        <v>46</v>
      </c>
      <c r="HZ12" s="60">
        <v>16</v>
      </c>
      <c r="IA12" s="61">
        <v>9</v>
      </c>
      <c r="IB12" s="62">
        <v>25</v>
      </c>
      <c r="IC12" s="443">
        <v>0</v>
      </c>
      <c r="ID12" s="61">
        <v>21</v>
      </c>
      <c r="IE12" s="61">
        <v>17</v>
      </c>
      <c r="IF12" s="61">
        <v>7</v>
      </c>
      <c r="IG12" s="61">
        <v>7</v>
      </c>
      <c r="IH12" s="61">
        <v>3</v>
      </c>
      <c r="II12" s="62">
        <v>55</v>
      </c>
      <c r="IJ12" s="63">
        <v>80</v>
      </c>
      <c r="IK12" s="60">
        <v>20</v>
      </c>
      <c r="IL12" s="61">
        <v>14</v>
      </c>
      <c r="IM12" s="62">
        <v>34</v>
      </c>
      <c r="IN12" s="443">
        <v>0</v>
      </c>
      <c r="IO12" s="61">
        <v>31</v>
      </c>
      <c r="IP12" s="61">
        <v>19</v>
      </c>
      <c r="IQ12" s="61">
        <v>10</v>
      </c>
      <c r="IR12" s="61">
        <v>16</v>
      </c>
      <c r="IS12" s="61">
        <v>11</v>
      </c>
      <c r="IT12" s="62">
        <v>87</v>
      </c>
      <c r="IU12" s="63">
        <v>121</v>
      </c>
      <c r="IV12" s="60">
        <v>22</v>
      </c>
      <c r="IW12" s="61">
        <v>13</v>
      </c>
      <c r="IX12" s="62">
        <v>35</v>
      </c>
      <c r="IY12" s="443">
        <v>0</v>
      </c>
      <c r="IZ12" s="61">
        <v>49</v>
      </c>
      <c r="JA12" s="61">
        <v>41</v>
      </c>
      <c r="JB12" s="61">
        <v>24</v>
      </c>
      <c r="JC12" s="61">
        <v>13</v>
      </c>
      <c r="JD12" s="61">
        <v>9</v>
      </c>
      <c r="JE12" s="62">
        <v>136</v>
      </c>
      <c r="JF12" s="63">
        <v>171</v>
      </c>
      <c r="JG12" s="60">
        <v>22</v>
      </c>
      <c r="JH12" s="61">
        <v>17</v>
      </c>
      <c r="JI12" s="62">
        <v>39</v>
      </c>
      <c r="JJ12" s="443">
        <v>0</v>
      </c>
      <c r="JK12" s="61">
        <v>49</v>
      </c>
      <c r="JL12" s="61">
        <v>33</v>
      </c>
      <c r="JM12" s="61">
        <v>28</v>
      </c>
      <c r="JN12" s="61">
        <v>29</v>
      </c>
      <c r="JO12" s="61">
        <v>9</v>
      </c>
      <c r="JP12" s="62">
        <v>148</v>
      </c>
      <c r="JQ12" s="63">
        <v>187</v>
      </c>
      <c r="JR12" s="60">
        <v>0</v>
      </c>
      <c r="JS12" s="61">
        <v>0</v>
      </c>
      <c r="JT12" s="62">
        <v>0</v>
      </c>
      <c r="JU12" s="443">
        <v>0</v>
      </c>
      <c r="JV12" s="61">
        <v>0</v>
      </c>
      <c r="JW12" s="61">
        <v>0</v>
      </c>
      <c r="JX12" s="61">
        <v>0</v>
      </c>
      <c r="JY12" s="61">
        <v>0</v>
      </c>
      <c r="JZ12" s="61">
        <v>0</v>
      </c>
      <c r="KA12" s="62">
        <v>0</v>
      </c>
      <c r="KB12" s="63">
        <v>0</v>
      </c>
      <c r="KC12" s="60">
        <v>88</v>
      </c>
      <c r="KD12" s="61">
        <v>65</v>
      </c>
      <c r="KE12" s="62">
        <v>153</v>
      </c>
      <c r="KF12" s="443">
        <v>0</v>
      </c>
      <c r="KG12" s="61">
        <v>164</v>
      </c>
      <c r="KH12" s="61">
        <v>122</v>
      </c>
      <c r="KI12" s="61">
        <v>74</v>
      </c>
      <c r="KJ12" s="61">
        <v>76</v>
      </c>
      <c r="KK12" s="61">
        <v>37</v>
      </c>
      <c r="KL12" s="62">
        <v>473</v>
      </c>
      <c r="KM12" s="63">
        <v>626</v>
      </c>
    </row>
    <row r="13" spans="2:299" ht="21" customHeight="1" x14ac:dyDescent="0.2">
      <c r="B13" s="437" t="s">
        <v>9</v>
      </c>
      <c r="C13" s="287">
        <v>199</v>
      </c>
      <c r="D13" s="72">
        <v>115</v>
      </c>
      <c r="E13" s="73">
        <v>314</v>
      </c>
      <c r="F13" s="443">
        <v>0</v>
      </c>
      <c r="G13" s="72">
        <v>230</v>
      </c>
      <c r="H13" s="72">
        <v>143</v>
      </c>
      <c r="I13" s="72">
        <v>108</v>
      </c>
      <c r="J13" s="72">
        <v>80</v>
      </c>
      <c r="K13" s="72">
        <v>57</v>
      </c>
      <c r="L13" s="74">
        <v>618</v>
      </c>
      <c r="M13" s="75">
        <v>932</v>
      </c>
      <c r="N13" s="60">
        <v>5</v>
      </c>
      <c r="O13" s="61">
        <v>4</v>
      </c>
      <c r="P13" s="62">
        <v>9</v>
      </c>
      <c r="Q13" s="443">
        <v>0</v>
      </c>
      <c r="R13" s="61">
        <v>3</v>
      </c>
      <c r="S13" s="61">
        <v>4</v>
      </c>
      <c r="T13" s="61">
        <v>4</v>
      </c>
      <c r="U13" s="61">
        <v>1</v>
      </c>
      <c r="V13" s="61">
        <v>7</v>
      </c>
      <c r="W13" s="62">
        <v>19</v>
      </c>
      <c r="X13" s="63">
        <v>28</v>
      </c>
      <c r="Y13" s="60">
        <v>3</v>
      </c>
      <c r="Z13" s="61">
        <v>8</v>
      </c>
      <c r="AA13" s="62">
        <v>11</v>
      </c>
      <c r="AB13" s="443">
        <v>0</v>
      </c>
      <c r="AC13" s="61">
        <v>8</v>
      </c>
      <c r="AD13" s="61">
        <v>5</v>
      </c>
      <c r="AE13" s="61">
        <v>2</v>
      </c>
      <c r="AF13" s="61">
        <v>3</v>
      </c>
      <c r="AG13" s="61">
        <v>2</v>
      </c>
      <c r="AH13" s="62">
        <v>20</v>
      </c>
      <c r="AI13" s="63">
        <v>31</v>
      </c>
      <c r="AJ13" s="60">
        <v>29</v>
      </c>
      <c r="AK13" s="61">
        <v>11</v>
      </c>
      <c r="AL13" s="62">
        <v>40</v>
      </c>
      <c r="AM13" s="443">
        <v>0</v>
      </c>
      <c r="AN13" s="61">
        <v>18</v>
      </c>
      <c r="AO13" s="61">
        <v>10</v>
      </c>
      <c r="AP13" s="61">
        <v>14</v>
      </c>
      <c r="AQ13" s="61">
        <v>4</v>
      </c>
      <c r="AR13" s="61">
        <v>8</v>
      </c>
      <c r="AS13" s="62">
        <v>54</v>
      </c>
      <c r="AT13" s="63">
        <v>94</v>
      </c>
      <c r="AU13" s="60">
        <v>40</v>
      </c>
      <c r="AV13" s="61">
        <v>22</v>
      </c>
      <c r="AW13" s="62">
        <v>62</v>
      </c>
      <c r="AX13" s="443">
        <v>0</v>
      </c>
      <c r="AY13" s="61">
        <v>51</v>
      </c>
      <c r="AZ13" s="61">
        <v>22</v>
      </c>
      <c r="BA13" s="61">
        <v>18</v>
      </c>
      <c r="BB13" s="61">
        <v>10</v>
      </c>
      <c r="BC13" s="61">
        <v>6</v>
      </c>
      <c r="BD13" s="62">
        <v>107</v>
      </c>
      <c r="BE13" s="63">
        <v>169</v>
      </c>
      <c r="BF13" s="60">
        <v>70</v>
      </c>
      <c r="BG13" s="61">
        <v>44</v>
      </c>
      <c r="BH13" s="62">
        <v>114</v>
      </c>
      <c r="BI13" s="443">
        <v>0</v>
      </c>
      <c r="BJ13" s="61">
        <v>78</v>
      </c>
      <c r="BK13" s="61">
        <v>36</v>
      </c>
      <c r="BL13" s="61">
        <v>28</v>
      </c>
      <c r="BM13" s="61">
        <v>25</v>
      </c>
      <c r="BN13" s="61">
        <v>18</v>
      </c>
      <c r="BO13" s="62">
        <v>185</v>
      </c>
      <c r="BP13" s="63">
        <v>299</v>
      </c>
      <c r="BQ13" s="60">
        <v>52</v>
      </c>
      <c r="BR13" s="61">
        <v>26</v>
      </c>
      <c r="BS13" s="62">
        <v>78</v>
      </c>
      <c r="BT13" s="443">
        <v>0</v>
      </c>
      <c r="BU13" s="61">
        <v>72</v>
      </c>
      <c r="BV13" s="61">
        <v>66</v>
      </c>
      <c r="BW13" s="61">
        <v>42</v>
      </c>
      <c r="BX13" s="61">
        <v>37</v>
      </c>
      <c r="BY13" s="61">
        <v>16</v>
      </c>
      <c r="BZ13" s="62">
        <v>233</v>
      </c>
      <c r="CA13" s="63">
        <v>311</v>
      </c>
      <c r="CB13" s="60">
        <v>0</v>
      </c>
      <c r="CC13" s="61">
        <v>0</v>
      </c>
      <c r="CD13" s="62">
        <v>0</v>
      </c>
      <c r="CE13" s="443">
        <v>0</v>
      </c>
      <c r="CF13" s="61">
        <v>0</v>
      </c>
      <c r="CG13" s="61">
        <v>0</v>
      </c>
      <c r="CH13" s="61">
        <v>0</v>
      </c>
      <c r="CI13" s="61">
        <v>0</v>
      </c>
      <c r="CJ13" s="61">
        <v>0</v>
      </c>
      <c r="CK13" s="62">
        <v>0</v>
      </c>
      <c r="CL13" s="63">
        <v>0</v>
      </c>
      <c r="CM13" s="60">
        <v>199</v>
      </c>
      <c r="CN13" s="61">
        <v>115</v>
      </c>
      <c r="CO13" s="62">
        <v>314</v>
      </c>
      <c r="CP13" s="443">
        <v>0</v>
      </c>
      <c r="CQ13" s="61">
        <v>230</v>
      </c>
      <c r="CR13" s="61">
        <v>143</v>
      </c>
      <c r="CS13" s="61">
        <v>108</v>
      </c>
      <c r="CT13" s="61">
        <v>80</v>
      </c>
      <c r="CU13" s="61">
        <v>57</v>
      </c>
      <c r="CV13" s="62">
        <v>618</v>
      </c>
      <c r="CW13" s="63">
        <v>932</v>
      </c>
      <c r="CX13" s="113">
        <v>84</v>
      </c>
      <c r="CY13" s="72">
        <v>48</v>
      </c>
      <c r="CZ13" s="73">
        <v>132</v>
      </c>
      <c r="DA13" s="443">
        <v>0</v>
      </c>
      <c r="DB13" s="72">
        <v>77</v>
      </c>
      <c r="DC13" s="72">
        <v>52</v>
      </c>
      <c r="DD13" s="72">
        <v>40</v>
      </c>
      <c r="DE13" s="72">
        <v>45</v>
      </c>
      <c r="DF13" s="72">
        <v>22</v>
      </c>
      <c r="DG13" s="74">
        <v>236</v>
      </c>
      <c r="DH13" s="75">
        <v>368</v>
      </c>
      <c r="DI13" s="60">
        <v>1</v>
      </c>
      <c r="DJ13" s="61">
        <v>1</v>
      </c>
      <c r="DK13" s="62">
        <v>2</v>
      </c>
      <c r="DL13" s="443">
        <v>0</v>
      </c>
      <c r="DM13" s="61">
        <v>0</v>
      </c>
      <c r="DN13" s="61">
        <v>0</v>
      </c>
      <c r="DO13" s="61">
        <v>1</v>
      </c>
      <c r="DP13" s="61">
        <v>1</v>
      </c>
      <c r="DQ13" s="61">
        <v>0</v>
      </c>
      <c r="DR13" s="62">
        <v>2</v>
      </c>
      <c r="DS13" s="63">
        <v>4</v>
      </c>
      <c r="DT13" s="60">
        <v>5</v>
      </c>
      <c r="DU13" s="61">
        <v>8</v>
      </c>
      <c r="DV13" s="62">
        <v>13</v>
      </c>
      <c r="DW13" s="443">
        <v>0</v>
      </c>
      <c r="DX13" s="61">
        <v>3</v>
      </c>
      <c r="DY13" s="61">
        <v>1</v>
      </c>
      <c r="DZ13" s="61">
        <v>0</v>
      </c>
      <c r="EA13" s="61">
        <v>1</v>
      </c>
      <c r="EB13" s="61">
        <v>1</v>
      </c>
      <c r="EC13" s="62">
        <v>6</v>
      </c>
      <c r="ED13" s="63">
        <v>19</v>
      </c>
      <c r="EE13" s="60">
        <v>8</v>
      </c>
      <c r="EF13" s="61">
        <v>5</v>
      </c>
      <c r="EG13" s="62">
        <v>13</v>
      </c>
      <c r="EH13" s="443">
        <v>0</v>
      </c>
      <c r="EI13" s="61">
        <v>9</v>
      </c>
      <c r="EJ13" s="61">
        <v>6</v>
      </c>
      <c r="EK13" s="61">
        <v>2</v>
      </c>
      <c r="EL13" s="61">
        <v>3</v>
      </c>
      <c r="EM13" s="61">
        <v>1</v>
      </c>
      <c r="EN13" s="62">
        <v>21</v>
      </c>
      <c r="EO13" s="63">
        <v>34</v>
      </c>
      <c r="EP13" s="60">
        <v>24</v>
      </c>
      <c r="EQ13" s="61">
        <v>13</v>
      </c>
      <c r="ER13" s="62">
        <v>37</v>
      </c>
      <c r="ES13" s="443">
        <v>0</v>
      </c>
      <c r="ET13" s="61">
        <v>17</v>
      </c>
      <c r="EU13" s="61">
        <v>7</v>
      </c>
      <c r="EV13" s="61">
        <v>7</v>
      </c>
      <c r="EW13" s="61">
        <v>6</v>
      </c>
      <c r="EX13" s="61">
        <v>1</v>
      </c>
      <c r="EY13" s="62">
        <v>38</v>
      </c>
      <c r="EZ13" s="63">
        <v>75</v>
      </c>
      <c r="FA13" s="60">
        <v>33</v>
      </c>
      <c r="FB13" s="61">
        <v>10</v>
      </c>
      <c r="FC13" s="62">
        <v>43</v>
      </c>
      <c r="FD13" s="443">
        <v>0</v>
      </c>
      <c r="FE13" s="61">
        <v>20</v>
      </c>
      <c r="FF13" s="61">
        <v>15</v>
      </c>
      <c r="FG13" s="61">
        <v>10</v>
      </c>
      <c r="FH13" s="61">
        <v>7</v>
      </c>
      <c r="FI13" s="61">
        <v>5</v>
      </c>
      <c r="FJ13" s="62">
        <v>57</v>
      </c>
      <c r="FK13" s="63">
        <v>100</v>
      </c>
      <c r="FL13" s="60">
        <v>13</v>
      </c>
      <c r="FM13" s="61">
        <v>11</v>
      </c>
      <c r="FN13" s="62">
        <v>24</v>
      </c>
      <c r="FO13" s="443">
        <v>0</v>
      </c>
      <c r="FP13" s="61">
        <v>28</v>
      </c>
      <c r="FQ13" s="61">
        <v>23</v>
      </c>
      <c r="FR13" s="61">
        <v>20</v>
      </c>
      <c r="FS13" s="61">
        <v>27</v>
      </c>
      <c r="FT13" s="61">
        <v>14</v>
      </c>
      <c r="FU13" s="62">
        <v>112</v>
      </c>
      <c r="FV13" s="63">
        <v>136</v>
      </c>
      <c r="FW13" s="60">
        <v>0</v>
      </c>
      <c r="FX13" s="61">
        <v>0</v>
      </c>
      <c r="FY13" s="62">
        <v>0</v>
      </c>
      <c r="FZ13" s="443">
        <v>0</v>
      </c>
      <c r="GA13" s="61">
        <v>0</v>
      </c>
      <c r="GB13" s="61">
        <v>0</v>
      </c>
      <c r="GC13" s="61">
        <v>0</v>
      </c>
      <c r="GD13" s="61">
        <v>0</v>
      </c>
      <c r="GE13" s="61">
        <v>0</v>
      </c>
      <c r="GF13" s="62">
        <v>0</v>
      </c>
      <c r="GG13" s="63">
        <v>0</v>
      </c>
      <c r="GH13" s="60">
        <v>84</v>
      </c>
      <c r="GI13" s="61">
        <v>48</v>
      </c>
      <c r="GJ13" s="62">
        <v>132</v>
      </c>
      <c r="GK13" s="443">
        <v>0</v>
      </c>
      <c r="GL13" s="61">
        <v>77</v>
      </c>
      <c r="GM13" s="61">
        <v>52</v>
      </c>
      <c r="GN13" s="61">
        <v>40</v>
      </c>
      <c r="GO13" s="61">
        <v>45</v>
      </c>
      <c r="GP13" s="61">
        <v>22</v>
      </c>
      <c r="GQ13" s="62">
        <v>236</v>
      </c>
      <c r="GR13" s="63">
        <v>368</v>
      </c>
      <c r="GS13" s="113">
        <v>283</v>
      </c>
      <c r="GT13" s="72">
        <v>163</v>
      </c>
      <c r="GU13" s="73">
        <v>446</v>
      </c>
      <c r="GV13" s="443">
        <v>0</v>
      </c>
      <c r="GW13" s="72">
        <v>307</v>
      </c>
      <c r="GX13" s="72">
        <v>195</v>
      </c>
      <c r="GY13" s="72">
        <v>148</v>
      </c>
      <c r="GZ13" s="72">
        <v>125</v>
      </c>
      <c r="HA13" s="72">
        <v>79</v>
      </c>
      <c r="HB13" s="74">
        <v>854</v>
      </c>
      <c r="HC13" s="75">
        <v>1300</v>
      </c>
      <c r="HD13" s="60">
        <v>6</v>
      </c>
      <c r="HE13" s="61">
        <v>5</v>
      </c>
      <c r="HF13" s="62">
        <v>11</v>
      </c>
      <c r="HG13" s="443">
        <v>0</v>
      </c>
      <c r="HH13" s="61">
        <v>3</v>
      </c>
      <c r="HI13" s="61">
        <v>4</v>
      </c>
      <c r="HJ13" s="61">
        <v>5</v>
      </c>
      <c r="HK13" s="61">
        <v>2</v>
      </c>
      <c r="HL13" s="61">
        <v>7</v>
      </c>
      <c r="HM13" s="62">
        <v>21</v>
      </c>
      <c r="HN13" s="63">
        <v>32</v>
      </c>
      <c r="HO13" s="60">
        <v>8</v>
      </c>
      <c r="HP13" s="61">
        <v>16</v>
      </c>
      <c r="HQ13" s="62">
        <v>24</v>
      </c>
      <c r="HR13" s="443">
        <v>0</v>
      </c>
      <c r="HS13" s="61">
        <v>11</v>
      </c>
      <c r="HT13" s="61">
        <v>6</v>
      </c>
      <c r="HU13" s="61">
        <v>2</v>
      </c>
      <c r="HV13" s="61">
        <v>4</v>
      </c>
      <c r="HW13" s="61">
        <v>3</v>
      </c>
      <c r="HX13" s="62">
        <v>26</v>
      </c>
      <c r="HY13" s="63">
        <v>50</v>
      </c>
      <c r="HZ13" s="60">
        <v>37</v>
      </c>
      <c r="IA13" s="61">
        <v>16</v>
      </c>
      <c r="IB13" s="62">
        <v>53</v>
      </c>
      <c r="IC13" s="443">
        <v>0</v>
      </c>
      <c r="ID13" s="61">
        <v>27</v>
      </c>
      <c r="IE13" s="61">
        <v>16</v>
      </c>
      <c r="IF13" s="61">
        <v>16</v>
      </c>
      <c r="IG13" s="61">
        <v>7</v>
      </c>
      <c r="IH13" s="61">
        <v>9</v>
      </c>
      <c r="II13" s="62">
        <v>75</v>
      </c>
      <c r="IJ13" s="63">
        <v>128</v>
      </c>
      <c r="IK13" s="60">
        <v>64</v>
      </c>
      <c r="IL13" s="61">
        <v>35</v>
      </c>
      <c r="IM13" s="62">
        <v>99</v>
      </c>
      <c r="IN13" s="443">
        <v>0</v>
      </c>
      <c r="IO13" s="61">
        <v>68</v>
      </c>
      <c r="IP13" s="61">
        <v>29</v>
      </c>
      <c r="IQ13" s="61">
        <v>25</v>
      </c>
      <c r="IR13" s="61">
        <v>16</v>
      </c>
      <c r="IS13" s="61">
        <v>7</v>
      </c>
      <c r="IT13" s="62">
        <v>145</v>
      </c>
      <c r="IU13" s="63">
        <v>244</v>
      </c>
      <c r="IV13" s="60">
        <v>103</v>
      </c>
      <c r="IW13" s="61">
        <v>54</v>
      </c>
      <c r="IX13" s="62">
        <v>157</v>
      </c>
      <c r="IY13" s="443">
        <v>0</v>
      </c>
      <c r="IZ13" s="61">
        <v>98</v>
      </c>
      <c r="JA13" s="61">
        <v>51</v>
      </c>
      <c r="JB13" s="61">
        <v>38</v>
      </c>
      <c r="JC13" s="61">
        <v>32</v>
      </c>
      <c r="JD13" s="61">
        <v>23</v>
      </c>
      <c r="JE13" s="62">
        <v>242</v>
      </c>
      <c r="JF13" s="63">
        <v>399</v>
      </c>
      <c r="JG13" s="60">
        <v>65</v>
      </c>
      <c r="JH13" s="61">
        <v>37</v>
      </c>
      <c r="JI13" s="62">
        <v>102</v>
      </c>
      <c r="JJ13" s="443">
        <v>0</v>
      </c>
      <c r="JK13" s="61">
        <v>100</v>
      </c>
      <c r="JL13" s="61">
        <v>89</v>
      </c>
      <c r="JM13" s="61">
        <v>62</v>
      </c>
      <c r="JN13" s="61">
        <v>64</v>
      </c>
      <c r="JO13" s="61">
        <v>30</v>
      </c>
      <c r="JP13" s="62">
        <v>345</v>
      </c>
      <c r="JQ13" s="63">
        <v>447</v>
      </c>
      <c r="JR13" s="60">
        <v>0</v>
      </c>
      <c r="JS13" s="61">
        <v>0</v>
      </c>
      <c r="JT13" s="62">
        <v>0</v>
      </c>
      <c r="JU13" s="443">
        <v>0</v>
      </c>
      <c r="JV13" s="61">
        <v>0</v>
      </c>
      <c r="JW13" s="61">
        <v>0</v>
      </c>
      <c r="JX13" s="61">
        <v>0</v>
      </c>
      <c r="JY13" s="61">
        <v>0</v>
      </c>
      <c r="JZ13" s="61">
        <v>0</v>
      </c>
      <c r="KA13" s="62">
        <v>0</v>
      </c>
      <c r="KB13" s="63">
        <v>0</v>
      </c>
      <c r="KC13" s="60">
        <v>283</v>
      </c>
      <c r="KD13" s="61">
        <v>163</v>
      </c>
      <c r="KE13" s="62">
        <v>446</v>
      </c>
      <c r="KF13" s="443">
        <v>0</v>
      </c>
      <c r="KG13" s="61">
        <v>307</v>
      </c>
      <c r="KH13" s="61">
        <v>195</v>
      </c>
      <c r="KI13" s="61">
        <v>148</v>
      </c>
      <c r="KJ13" s="61">
        <v>125</v>
      </c>
      <c r="KK13" s="61">
        <v>79</v>
      </c>
      <c r="KL13" s="62">
        <v>854</v>
      </c>
      <c r="KM13" s="63">
        <v>1300</v>
      </c>
    </row>
    <row r="14" spans="2:299" ht="21" customHeight="1" x14ac:dyDescent="0.2">
      <c r="B14" s="437" t="s">
        <v>10</v>
      </c>
      <c r="C14" s="287">
        <v>272</v>
      </c>
      <c r="D14" s="72">
        <v>196</v>
      </c>
      <c r="E14" s="73">
        <v>468</v>
      </c>
      <c r="F14" s="443">
        <v>0</v>
      </c>
      <c r="G14" s="72">
        <v>283</v>
      </c>
      <c r="H14" s="72">
        <v>164</v>
      </c>
      <c r="I14" s="72">
        <v>114</v>
      </c>
      <c r="J14" s="72">
        <v>90</v>
      </c>
      <c r="K14" s="72">
        <v>73</v>
      </c>
      <c r="L14" s="74">
        <v>724</v>
      </c>
      <c r="M14" s="75">
        <v>1192</v>
      </c>
      <c r="N14" s="60">
        <v>8</v>
      </c>
      <c r="O14" s="61">
        <v>10</v>
      </c>
      <c r="P14" s="62">
        <v>18</v>
      </c>
      <c r="Q14" s="443">
        <v>0</v>
      </c>
      <c r="R14" s="61">
        <v>8</v>
      </c>
      <c r="S14" s="61">
        <v>7</v>
      </c>
      <c r="T14" s="61">
        <v>5</v>
      </c>
      <c r="U14" s="61">
        <v>6</v>
      </c>
      <c r="V14" s="61">
        <v>1</v>
      </c>
      <c r="W14" s="62">
        <v>27</v>
      </c>
      <c r="X14" s="63">
        <v>45</v>
      </c>
      <c r="Y14" s="60">
        <v>22</v>
      </c>
      <c r="Z14" s="61">
        <v>10</v>
      </c>
      <c r="AA14" s="62">
        <v>32</v>
      </c>
      <c r="AB14" s="443">
        <v>0</v>
      </c>
      <c r="AC14" s="61">
        <v>23</v>
      </c>
      <c r="AD14" s="61">
        <v>18</v>
      </c>
      <c r="AE14" s="61">
        <v>12</v>
      </c>
      <c r="AF14" s="61">
        <v>9</v>
      </c>
      <c r="AG14" s="61">
        <v>11</v>
      </c>
      <c r="AH14" s="62">
        <v>73</v>
      </c>
      <c r="AI14" s="63">
        <v>105</v>
      </c>
      <c r="AJ14" s="60">
        <v>27</v>
      </c>
      <c r="AK14" s="61">
        <v>37</v>
      </c>
      <c r="AL14" s="62">
        <v>64</v>
      </c>
      <c r="AM14" s="443">
        <v>0</v>
      </c>
      <c r="AN14" s="61">
        <v>37</v>
      </c>
      <c r="AO14" s="61">
        <v>18</v>
      </c>
      <c r="AP14" s="61">
        <v>9</v>
      </c>
      <c r="AQ14" s="61">
        <v>11</v>
      </c>
      <c r="AR14" s="61">
        <v>11</v>
      </c>
      <c r="AS14" s="62">
        <v>86</v>
      </c>
      <c r="AT14" s="63">
        <v>150</v>
      </c>
      <c r="AU14" s="60">
        <v>62</v>
      </c>
      <c r="AV14" s="61">
        <v>42</v>
      </c>
      <c r="AW14" s="62">
        <v>104</v>
      </c>
      <c r="AX14" s="443">
        <v>0</v>
      </c>
      <c r="AY14" s="61">
        <v>65</v>
      </c>
      <c r="AZ14" s="61">
        <v>25</v>
      </c>
      <c r="BA14" s="61">
        <v>17</v>
      </c>
      <c r="BB14" s="61">
        <v>16</v>
      </c>
      <c r="BC14" s="61">
        <v>18</v>
      </c>
      <c r="BD14" s="62">
        <v>141</v>
      </c>
      <c r="BE14" s="63">
        <v>245</v>
      </c>
      <c r="BF14" s="60">
        <v>77</v>
      </c>
      <c r="BG14" s="61">
        <v>46</v>
      </c>
      <c r="BH14" s="62">
        <v>123</v>
      </c>
      <c r="BI14" s="443">
        <v>0</v>
      </c>
      <c r="BJ14" s="61">
        <v>74</v>
      </c>
      <c r="BK14" s="61">
        <v>50</v>
      </c>
      <c r="BL14" s="61">
        <v>35</v>
      </c>
      <c r="BM14" s="61">
        <v>16</v>
      </c>
      <c r="BN14" s="61">
        <v>17</v>
      </c>
      <c r="BO14" s="62">
        <v>192</v>
      </c>
      <c r="BP14" s="63">
        <v>315</v>
      </c>
      <c r="BQ14" s="60">
        <v>76</v>
      </c>
      <c r="BR14" s="61">
        <v>51</v>
      </c>
      <c r="BS14" s="62">
        <v>127</v>
      </c>
      <c r="BT14" s="443">
        <v>0</v>
      </c>
      <c r="BU14" s="61">
        <v>76</v>
      </c>
      <c r="BV14" s="61">
        <v>46</v>
      </c>
      <c r="BW14" s="61">
        <v>36</v>
      </c>
      <c r="BX14" s="61">
        <v>32</v>
      </c>
      <c r="BY14" s="61">
        <v>15</v>
      </c>
      <c r="BZ14" s="62">
        <v>205</v>
      </c>
      <c r="CA14" s="63">
        <v>332</v>
      </c>
      <c r="CB14" s="60">
        <v>0</v>
      </c>
      <c r="CC14" s="61">
        <v>0</v>
      </c>
      <c r="CD14" s="62">
        <v>0</v>
      </c>
      <c r="CE14" s="443">
        <v>0</v>
      </c>
      <c r="CF14" s="61">
        <v>0</v>
      </c>
      <c r="CG14" s="61">
        <v>0</v>
      </c>
      <c r="CH14" s="61">
        <v>0</v>
      </c>
      <c r="CI14" s="61">
        <v>0</v>
      </c>
      <c r="CJ14" s="61">
        <v>0</v>
      </c>
      <c r="CK14" s="62">
        <v>0</v>
      </c>
      <c r="CL14" s="63">
        <v>0</v>
      </c>
      <c r="CM14" s="60">
        <v>272</v>
      </c>
      <c r="CN14" s="61">
        <v>196</v>
      </c>
      <c r="CO14" s="62">
        <v>468</v>
      </c>
      <c r="CP14" s="443">
        <v>0</v>
      </c>
      <c r="CQ14" s="61">
        <v>283</v>
      </c>
      <c r="CR14" s="61">
        <v>164</v>
      </c>
      <c r="CS14" s="61">
        <v>114</v>
      </c>
      <c r="CT14" s="61">
        <v>90</v>
      </c>
      <c r="CU14" s="61">
        <v>73</v>
      </c>
      <c r="CV14" s="62">
        <v>724</v>
      </c>
      <c r="CW14" s="63">
        <v>1192</v>
      </c>
      <c r="CX14" s="113">
        <v>110</v>
      </c>
      <c r="CY14" s="72">
        <v>75</v>
      </c>
      <c r="CZ14" s="73">
        <v>185</v>
      </c>
      <c r="DA14" s="443">
        <v>0</v>
      </c>
      <c r="DB14" s="72">
        <v>119</v>
      </c>
      <c r="DC14" s="72">
        <v>63</v>
      </c>
      <c r="DD14" s="72">
        <v>47</v>
      </c>
      <c r="DE14" s="72">
        <v>47</v>
      </c>
      <c r="DF14" s="72">
        <v>37</v>
      </c>
      <c r="DG14" s="74">
        <v>313</v>
      </c>
      <c r="DH14" s="75">
        <v>498</v>
      </c>
      <c r="DI14" s="60">
        <v>4</v>
      </c>
      <c r="DJ14" s="61">
        <v>4</v>
      </c>
      <c r="DK14" s="62">
        <v>8</v>
      </c>
      <c r="DL14" s="443">
        <v>0</v>
      </c>
      <c r="DM14" s="61">
        <v>1</v>
      </c>
      <c r="DN14" s="61">
        <v>1</v>
      </c>
      <c r="DO14" s="61">
        <v>1</v>
      </c>
      <c r="DP14" s="61">
        <v>1</v>
      </c>
      <c r="DQ14" s="61">
        <v>0</v>
      </c>
      <c r="DR14" s="62">
        <v>4</v>
      </c>
      <c r="DS14" s="63">
        <v>12</v>
      </c>
      <c r="DT14" s="60">
        <v>8</v>
      </c>
      <c r="DU14" s="61">
        <v>4</v>
      </c>
      <c r="DV14" s="62">
        <v>12</v>
      </c>
      <c r="DW14" s="443">
        <v>0</v>
      </c>
      <c r="DX14" s="61">
        <v>9</v>
      </c>
      <c r="DY14" s="61">
        <v>1</v>
      </c>
      <c r="DZ14" s="61">
        <v>0</v>
      </c>
      <c r="EA14" s="61">
        <v>1</v>
      </c>
      <c r="EB14" s="61">
        <v>3</v>
      </c>
      <c r="EC14" s="62">
        <v>14</v>
      </c>
      <c r="ED14" s="63">
        <v>26</v>
      </c>
      <c r="EE14" s="60">
        <v>20</v>
      </c>
      <c r="EF14" s="61">
        <v>11</v>
      </c>
      <c r="EG14" s="62">
        <v>31</v>
      </c>
      <c r="EH14" s="443">
        <v>0</v>
      </c>
      <c r="EI14" s="61">
        <v>9</v>
      </c>
      <c r="EJ14" s="61">
        <v>5</v>
      </c>
      <c r="EK14" s="61">
        <v>4</v>
      </c>
      <c r="EL14" s="61">
        <v>2</v>
      </c>
      <c r="EM14" s="61">
        <v>0</v>
      </c>
      <c r="EN14" s="62">
        <v>20</v>
      </c>
      <c r="EO14" s="63">
        <v>51</v>
      </c>
      <c r="EP14" s="60">
        <v>22</v>
      </c>
      <c r="EQ14" s="61">
        <v>17</v>
      </c>
      <c r="ER14" s="62">
        <v>39</v>
      </c>
      <c r="ES14" s="443">
        <v>0</v>
      </c>
      <c r="ET14" s="61">
        <v>25</v>
      </c>
      <c r="EU14" s="61">
        <v>14</v>
      </c>
      <c r="EV14" s="61">
        <v>5</v>
      </c>
      <c r="EW14" s="61">
        <v>3</v>
      </c>
      <c r="EX14" s="61">
        <v>5</v>
      </c>
      <c r="EY14" s="62">
        <v>52</v>
      </c>
      <c r="EZ14" s="63">
        <v>91</v>
      </c>
      <c r="FA14" s="60">
        <v>31</v>
      </c>
      <c r="FB14" s="61">
        <v>23</v>
      </c>
      <c r="FC14" s="62">
        <v>54</v>
      </c>
      <c r="FD14" s="443">
        <v>0</v>
      </c>
      <c r="FE14" s="61">
        <v>32</v>
      </c>
      <c r="FF14" s="61">
        <v>18</v>
      </c>
      <c r="FG14" s="61">
        <v>13</v>
      </c>
      <c r="FH14" s="61">
        <v>9</v>
      </c>
      <c r="FI14" s="61">
        <v>10</v>
      </c>
      <c r="FJ14" s="62">
        <v>82</v>
      </c>
      <c r="FK14" s="63">
        <v>136</v>
      </c>
      <c r="FL14" s="60">
        <v>25</v>
      </c>
      <c r="FM14" s="61">
        <v>16</v>
      </c>
      <c r="FN14" s="62">
        <v>41</v>
      </c>
      <c r="FO14" s="443">
        <v>0</v>
      </c>
      <c r="FP14" s="61">
        <v>43</v>
      </c>
      <c r="FQ14" s="61">
        <v>24</v>
      </c>
      <c r="FR14" s="61">
        <v>24</v>
      </c>
      <c r="FS14" s="61">
        <v>31</v>
      </c>
      <c r="FT14" s="61">
        <v>19</v>
      </c>
      <c r="FU14" s="62">
        <v>141</v>
      </c>
      <c r="FV14" s="63">
        <v>182</v>
      </c>
      <c r="FW14" s="60">
        <v>0</v>
      </c>
      <c r="FX14" s="61">
        <v>0</v>
      </c>
      <c r="FY14" s="62">
        <v>0</v>
      </c>
      <c r="FZ14" s="443">
        <v>0</v>
      </c>
      <c r="GA14" s="61">
        <v>0</v>
      </c>
      <c r="GB14" s="61">
        <v>0</v>
      </c>
      <c r="GC14" s="61">
        <v>0</v>
      </c>
      <c r="GD14" s="61">
        <v>0</v>
      </c>
      <c r="GE14" s="61">
        <v>0</v>
      </c>
      <c r="GF14" s="62">
        <v>0</v>
      </c>
      <c r="GG14" s="63">
        <v>0</v>
      </c>
      <c r="GH14" s="60">
        <v>110</v>
      </c>
      <c r="GI14" s="61">
        <v>75</v>
      </c>
      <c r="GJ14" s="62">
        <v>185</v>
      </c>
      <c r="GK14" s="443">
        <v>0</v>
      </c>
      <c r="GL14" s="61">
        <v>119</v>
      </c>
      <c r="GM14" s="61">
        <v>63</v>
      </c>
      <c r="GN14" s="61">
        <v>47</v>
      </c>
      <c r="GO14" s="61">
        <v>47</v>
      </c>
      <c r="GP14" s="61">
        <v>37</v>
      </c>
      <c r="GQ14" s="62">
        <v>313</v>
      </c>
      <c r="GR14" s="63">
        <v>498</v>
      </c>
      <c r="GS14" s="113">
        <v>382</v>
      </c>
      <c r="GT14" s="72">
        <v>271</v>
      </c>
      <c r="GU14" s="73">
        <v>653</v>
      </c>
      <c r="GV14" s="443">
        <v>0</v>
      </c>
      <c r="GW14" s="72">
        <v>402</v>
      </c>
      <c r="GX14" s="72">
        <v>227</v>
      </c>
      <c r="GY14" s="72">
        <v>161</v>
      </c>
      <c r="GZ14" s="72">
        <v>137</v>
      </c>
      <c r="HA14" s="72">
        <v>110</v>
      </c>
      <c r="HB14" s="74">
        <v>1037</v>
      </c>
      <c r="HC14" s="75">
        <v>1690</v>
      </c>
      <c r="HD14" s="60">
        <v>12</v>
      </c>
      <c r="HE14" s="61">
        <v>14</v>
      </c>
      <c r="HF14" s="62">
        <v>26</v>
      </c>
      <c r="HG14" s="443">
        <v>0</v>
      </c>
      <c r="HH14" s="61">
        <v>9</v>
      </c>
      <c r="HI14" s="61">
        <v>8</v>
      </c>
      <c r="HJ14" s="61">
        <v>6</v>
      </c>
      <c r="HK14" s="61">
        <v>7</v>
      </c>
      <c r="HL14" s="61">
        <v>1</v>
      </c>
      <c r="HM14" s="62">
        <v>31</v>
      </c>
      <c r="HN14" s="63">
        <v>57</v>
      </c>
      <c r="HO14" s="60">
        <v>30</v>
      </c>
      <c r="HP14" s="61">
        <v>14</v>
      </c>
      <c r="HQ14" s="62">
        <v>44</v>
      </c>
      <c r="HR14" s="443">
        <v>0</v>
      </c>
      <c r="HS14" s="61">
        <v>32</v>
      </c>
      <c r="HT14" s="61">
        <v>19</v>
      </c>
      <c r="HU14" s="61">
        <v>12</v>
      </c>
      <c r="HV14" s="61">
        <v>10</v>
      </c>
      <c r="HW14" s="61">
        <v>14</v>
      </c>
      <c r="HX14" s="62">
        <v>87</v>
      </c>
      <c r="HY14" s="63">
        <v>131</v>
      </c>
      <c r="HZ14" s="60">
        <v>47</v>
      </c>
      <c r="IA14" s="61">
        <v>48</v>
      </c>
      <c r="IB14" s="62">
        <v>95</v>
      </c>
      <c r="IC14" s="443">
        <v>0</v>
      </c>
      <c r="ID14" s="61">
        <v>46</v>
      </c>
      <c r="IE14" s="61">
        <v>23</v>
      </c>
      <c r="IF14" s="61">
        <v>13</v>
      </c>
      <c r="IG14" s="61">
        <v>13</v>
      </c>
      <c r="IH14" s="61">
        <v>11</v>
      </c>
      <c r="II14" s="62">
        <v>106</v>
      </c>
      <c r="IJ14" s="63">
        <v>201</v>
      </c>
      <c r="IK14" s="60">
        <v>84</v>
      </c>
      <c r="IL14" s="61">
        <v>59</v>
      </c>
      <c r="IM14" s="62">
        <v>143</v>
      </c>
      <c r="IN14" s="443">
        <v>0</v>
      </c>
      <c r="IO14" s="61">
        <v>90</v>
      </c>
      <c r="IP14" s="61">
        <v>39</v>
      </c>
      <c r="IQ14" s="61">
        <v>22</v>
      </c>
      <c r="IR14" s="61">
        <v>19</v>
      </c>
      <c r="IS14" s="61">
        <v>23</v>
      </c>
      <c r="IT14" s="62">
        <v>193</v>
      </c>
      <c r="IU14" s="63">
        <v>336</v>
      </c>
      <c r="IV14" s="60">
        <v>108</v>
      </c>
      <c r="IW14" s="61">
        <v>69</v>
      </c>
      <c r="IX14" s="62">
        <v>177</v>
      </c>
      <c r="IY14" s="443">
        <v>0</v>
      </c>
      <c r="IZ14" s="61">
        <v>106</v>
      </c>
      <c r="JA14" s="61">
        <v>68</v>
      </c>
      <c r="JB14" s="61">
        <v>48</v>
      </c>
      <c r="JC14" s="61">
        <v>25</v>
      </c>
      <c r="JD14" s="61">
        <v>27</v>
      </c>
      <c r="JE14" s="62">
        <v>274</v>
      </c>
      <c r="JF14" s="63">
        <v>451</v>
      </c>
      <c r="JG14" s="60">
        <v>101</v>
      </c>
      <c r="JH14" s="61">
        <v>67</v>
      </c>
      <c r="JI14" s="62">
        <v>168</v>
      </c>
      <c r="JJ14" s="443">
        <v>0</v>
      </c>
      <c r="JK14" s="61">
        <v>119</v>
      </c>
      <c r="JL14" s="61">
        <v>70</v>
      </c>
      <c r="JM14" s="61">
        <v>60</v>
      </c>
      <c r="JN14" s="61">
        <v>63</v>
      </c>
      <c r="JO14" s="61">
        <v>34</v>
      </c>
      <c r="JP14" s="62">
        <v>346</v>
      </c>
      <c r="JQ14" s="63">
        <v>514</v>
      </c>
      <c r="JR14" s="60">
        <v>0</v>
      </c>
      <c r="JS14" s="61">
        <v>0</v>
      </c>
      <c r="JT14" s="62">
        <v>0</v>
      </c>
      <c r="JU14" s="443">
        <v>0</v>
      </c>
      <c r="JV14" s="61">
        <v>0</v>
      </c>
      <c r="JW14" s="61">
        <v>0</v>
      </c>
      <c r="JX14" s="61">
        <v>0</v>
      </c>
      <c r="JY14" s="61">
        <v>0</v>
      </c>
      <c r="JZ14" s="61">
        <v>0</v>
      </c>
      <c r="KA14" s="62">
        <v>0</v>
      </c>
      <c r="KB14" s="63">
        <v>0</v>
      </c>
      <c r="KC14" s="60">
        <v>382</v>
      </c>
      <c r="KD14" s="61">
        <v>271</v>
      </c>
      <c r="KE14" s="62">
        <v>653</v>
      </c>
      <c r="KF14" s="443">
        <v>0</v>
      </c>
      <c r="KG14" s="61">
        <v>402</v>
      </c>
      <c r="KH14" s="61">
        <v>227</v>
      </c>
      <c r="KI14" s="61">
        <v>161</v>
      </c>
      <c r="KJ14" s="61">
        <v>137</v>
      </c>
      <c r="KK14" s="61">
        <v>110</v>
      </c>
      <c r="KL14" s="62">
        <v>1037</v>
      </c>
      <c r="KM14" s="63">
        <v>1690</v>
      </c>
    </row>
    <row r="15" spans="2:299" ht="21" customHeight="1" x14ac:dyDescent="0.2">
      <c r="B15" s="437" t="s">
        <v>11</v>
      </c>
      <c r="C15" s="287">
        <v>53</v>
      </c>
      <c r="D15" s="72">
        <v>39</v>
      </c>
      <c r="E15" s="73">
        <v>92</v>
      </c>
      <c r="F15" s="443">
        <v>0</v>
      </c>
      <c r="G15" s="72">
        <v>101</v>
      </c>
      <c r="H15" s="72">
        <v>50</v>
      </c>
      <c r="I15" s="72">
        <v>41</v>
      </c>
      <c r="J15" s="72">
        <v>29</v>
      </c>
      <c r="K15" s="72">
        <v>17</v>
      </c>
      <c r="L15" s="74">
        <v>238</v>
      </c>
      <c r="M15" s="75">
        <v>330</v>
      </c>
      <c r="N15" s="60">
        <v>1</v>
      </c>
      <c r="O15" s="61">
        <v>1</v>
      </c>
      <c r="P15" s="62">
        <v>2</v>
      </c>
      <c r="Q15" s="443">
        <v>0</v>
      </c>
      <c r="R15" s="61">
        <v>5</v>
      </c>
      <c r="S15" s="61">
        <v>0</v>
      </c>
      <c r="T15" s="61">
        <v>0</v>
      </c>
      <c r="U15" s="61">
        <v>2</v>
      </c>
      <c r="V15" s="61">
        <v>1</v>
      </c>
      <c r="W15" s="62">
        <v>8</v>
      </c>
      <c r="X15" s="63">
        <v>10</v>
      </c>
      <c r="Y15" s="60">
        <v>5</v>
      </c>
      <c r="Z15" s="61">
        <v>1</v>
      </c>
      <c r="AA15" s="62">
        <v>6</v>
      </c>
      <c r="AB15" s="443">
        <v>0</v>
      </c>
      <c r="AC15" s="61">
        <v>8</v>
      </c>
      <c r="AD15" s="61">
        <v>1</v>
      </c>
      <c r="AE15" s="61">
        <v>5</v>
      </c>
      <c r="AF15" s="61">
        <v>1</v>
      </c>
      <c r="AG15" s="61">
        <v>1</v>
      </c>
      <c r="AH15" s="62">
        <v>16</v>
      </c>
      <c r="AI15" s="63">
        <v>22</v>
      </c>
      <c r="AJ15" s="60">
        <v>6</v>
      </c>
      <c r="AK15" s="61">
        <v>8</v>
      </c>
      <c r="AL15" s="62">
        <v>14</v>
      </c>
      <c r="AM15" s="443">
        <v>0</v>
      </c>
      <c r="AN15" s="61">
        <v>19</v>
      </c>
      <c r="AO15" s="61">
        <v>7</v>
      </c>
      <c r="AP15" s="61">
        <v>5</v>
      </c>
      <c r="AQ15" s="61">
        <v>3</v>
      </c>
      <c r="AR15" s="61">
        <v>1</v>
      </c>
      <c r="AS15" s="62">
        <v>35</v>
      </c>
      <c r="AT15" s="63">
        <v>49</v>
      </c>
      <c r="AU15" s="60">
        <v>13</v>
      </c>
      <c r="AV15" s="61">
        <v>9</v>
      </c>
      <c r="AW15" s="62">
        <v>22</v>
      </c>
      <c r="AX15" s="443">
        <v>0</v>
      </c>
      <c r="AY15" s="61">
        <v>24</v>
      </c>
      <c r="AZ15" s="61">
        <v>10</v>
      </c>
      <c r="BA15" s="61">
        <v>9</v>
      </c>
      <c r="BB15" s="61">
        <v>11</v>
      </c>
      <c r="BC15" s="61">
        <v>5</v>
      </c>
      <c r="BD15" s="62">
        <v>59</v>
      </c>
      <c r="BE15" s="63">
        <v>81</v>
      </c>
      <c r="BF15" s="60">
        <v>17</v>
      </c>
      <c r="BG15" s="61">
        <v>12</v>
      </c>
      <c r="BH15" s="62">
        <v>29</v>
      </c>
      <c r="BI15" s="443">
        <v>0</v>
      </c>
      <c r="BJ15" s="61">
        <v>25</v>
      </c>
      <c r="BK15" s="61">
        <v>20</v>
      </c>
      <c r="BL15" s="61">
        <v>8</v>
      </c>
      <c r="BM15" s="61">
        <v>7</v>
      </c>
      <c r="BN15" s="61">
        <v>4</v>
      </c>
      <c r="BO15" s="62">
        <v>64</v>
      </c>
      <c r="BP15" s="63">
        <v>93</v>
      </c>
      <c r="BQ15" s="60">
        <v>11</v>
      </c>
      <c r="BR15" s="61">
        <v>8</v>
      </c>
      <c r="BS15" s="62">
        <v>19</v>
      </c>
      <c r="BT15" s="443">
        <v>0</v>
      </c>
      <c r="BU15" s="61">
        <v>20</v>
      </c>
      <c r="BV15" s="61">
        <v>12</v>
      </c>
      <c r="BW15" s="61">
        <v>14</v>
      </c>
      <c r="BX15" s="61">
        <v>5</v>
      </c>
      <c r="BY15" s="61">
        <v>5</v>
      </c>
      <c r="BZ15" s="62">
        <v>56</v>
      </c>
      <c r="CA15" s="63">
        <v>75</v>
      </c>
      <c r="CB15" s="60">
        <v>0</v>
      </c>
      <c r="CC15" s="61">
        <v>0</v>
      </c>
      <c r="CD15" s="62">
        <v>0</v>
      </c>
      <c r="CE15" s="443">
        <v>0</v>
      </c>
      <c r="CF15" s="61">
        <v>0</v>
      </c>
      <c r="CG15" s="61">
        <v>0</v>
      </c>
      <c r="CH15" s="61">
        <v>0</v>
      </c>
      <c r="CI15" s="61">
        <v>0</v>
      </c>
      <c r="CJ15" s="61">
        <v>0</v>
      </c>
      <c r="CK15" s="62">
        <v>0</v>
      </c>
      <c r="CL15" s="63">
        <v>0</v>
      </c>
      <c r="CM15" s="60">
        <v>53</v>
      </c>
      <c r="CN15" s="61">
        <v>39</v>
      </c>
      <c r="CO15" s="62">
        <v>92</v>
      </c>
      <c r="CP15" s="443">
        <v>0</v>
      </c>
      <c r="CQ15" s="61">
        <v>101</v>
      </c>
      <c r="CR15" s="61">
        <v>50</v>
      </c>
      <c r="CS15" s="61">
        <v>41</v>
      </c>
      <c r="CT15" s="61">
        <v>29</v>
      </c>
      <c r="CU15" s="61">
        <v>17</v>
      </c>
      <c r="CV15" s="62">
        <v>238</v>
      </c>
      <c r="CW15" s="63">
        <v>330</v>
      </c>
      <c r="CX15" s="113">
        <v>22</v>
      </c>
      <c r="CY15" s="72">
        <v>19</v>
      </c>
      <c r="CZ15" s="73">
        <v>41</v>
      </c>
      <c r="DA15" s="443">
        <v>0</v>
      </c>
      <c r="DB15" s="72">
        <v>45</v>
      </c>
      <c r="DC15" s="72">
        <v>22</v>
      </c>
      <c r="DD15" s="72">
        <v>20</v>
      </c>
      <c r="DE15" s="72">
        <v>35</v>
      </c>
      <c r="DF15" s="72">
        <v>11</v>
      </c>
      <c r="DG15" s="74">
        <v>133</v>
      </c>
      <c r="DH15" s="75">
        <v>174</v>
      </c>
      <c r="DI15" s="60">
        <v>0</v>
      </c>
      <c r="DJ15" s="61">
        <v>1</v>
      </c>
      <c r="DK15" s="62">
        <v>1</v>
      </c>
      <c r="DL15" s="443">
        <v>0</v>
      </c>
      <c r="DM15" s="61">
        <v>2</v>
      </c>
      <c r="DN15" s="61">
        <v>1</v>
      </c>
      <c r="DO15" s="61">
        <v>0</v>
      </c>
      <c r="DP15" s="61">
        <v>0</v>
      </c>
      <c r="DQ15" s="61">
        <v>0</v>
      </c>
      <c r="DR15" s="62">
        <v>3</v>
      </c>
      <c r="DS15" s="63">
        <v>4</v>
      </c>
      <c r="DT15" s="60">
        <v>1</v>
      </c>
      <c r="DU15" s="61">
        <v>1</v>
      </c>
      <c r="DV15" s="62">
        <v>2</v>
      </c>
      <c r="DW15" s="443">
        <v>0</v>
      </c>
      <c r="DX15" s="61">
        <v>3</v>
      </c>
      <c r="DY15" s="61">
        <v>1</v>
      </c>
      <c r="DZ15" s="61">
        <v>0</v>
      </c>
      <c r="EA15" s="61">
        <v>2</v>
      </c>
      <c r="EB15" s="61">
        <v>2</v>
      </c>
      <c r="EC15" s="62">
        <v>8</v>
      </c>
      <c r="ED15" s="63">
        <v>10</v>
      </c>
      <c r="EE15" s="60">
        <v>3</v>
      </c>
      <c r="EF15" s="61">
        <v>4</v>
      </c>
      <c r="EG15" s="62">
        <v>7</v>
      </c>
      <c r="EH15" s="443">
        <v>0</v>
      </c>
      <c r="EI15" s="61">
        <v>4</v>
      </c>
      <c r="EJ15" s="61">
        <v>2</v>
      </c>
      <c r="EK15" s="61">
        <v>1</v>
      </c>
      <c r="EL15" s="61">
        <v>2</v>
      </c>
      <c r="EM15" s="61">
        <v>1</v>
      </c>
      <c r="EN15" s="62">
        <v>10</v>
      </c>
      <c r="EO15" s="63">
        <v>17</v>
      </c>
      <c r="EP15" s="60">
        <v>2</v>
      </c>
      <c r="EQ15" s="61">
        <v>4</v>
      </c>
      <c r="ER15" s="62">
        <v>6</v>
      </c>
      <c r="ES15" s="443">
        <v>0</v>
      </c>
      <c r="ET15" s="61">
        <v>7</v>
      </c>
      <c r="EU15" s="61">
        <v>3</v>
      </c>
      <c r="EV15" s="61">
        <v>3</v>
      </c>
      <c r="EW15" s="61">
        <v>2</v>
      </c>
      <c r="EX15" s="61">
        <v>1</v>
      </c>
      <c r="EY15" s="62">
        <v>16</v>
      </c>
      <c r="EZ15" s="63">
        <v>22</v>
      </c>
      <c r="FA15" s="60">
        <v>14</v>
      </c>
      <c r="FB15" s="61">
        <v>4</v>
      </c>
      <c r="FC15" s="62">
        <v>18</v>
      </c>
      <c r="FD15" s="443">
        <v>0</v>
      </c>
      <c r="FE15" s="61">
        <v>14</v>
      </c>
      <c r="FF15" s="61">
        <v>8</v>
      </c>
      <c r="FG15" s="61">
        <v>5</v>
      </c>
      <c r="FH15" s="61">
        <v>8</v>
      </c>
      <c r="FI15" s="61">
        <v>2</v>
      </c>
      <c r="FJ15" s="62">
        <v>37</v>
      </c>
      <c r="FK15" s="63">
        <v>55</v>
      </c>
      <c r="FL15" s="60">
        <v>2</v>
      </c>
      <c r="FM15" s="61">
        <v>5</v>
      </c>
      <c r="FN15" s="62">
        <v>7</v>
      </c>
      <c r="FO15" s="443">
        <v>0</v>
      </c>
      <c r="FP15" s="61">
        <v>15</v>
      </c>
      <c r="FQ15" s="61">
        <v>7</v>
      </c>
      <c r="FR15" s="61">
        <v>11</v>
      </c>
      <c r="FS15" s="61">
        <v>21</v>
      </c>
      <c r="FT15" s="61">
        <v>5</v>
      </c>
      <c r="FU15" s="62">
        <v>59</v>
      </c>
      <c r="FV15" s="63">
        <v>66</v>
      </c>
      <c r="FW15" s="60">
        <v>0</v>
      </c>
      <c r="FX15" s="61">
        <v>0</v>
      </c>
      <c r="FY15" s="62">
        <v>0</v>
      </c>
      <c r="FZ15" s="443">
        <v>0</v>
      </c>
      <c r="GA15" s="61">
        <v>0</v>
      </c>
      <c r="GB15" s="61">
        <v>0</v>
      </c>
      <c r="GC15" s="61">
        <v>0</v>
      </c>
      <c r="GD15" s="61">
        <v>0</v>
      </c>
      <c r="GE15" s="61">
        <v>0</v>
      </c>
      <c r="GF15" s="62">
        <v>0</v>
      </c>
      <c r="GG15" s="63">
        <v>0</v>
      </c>
      <c r="GH15" s="60">
        <v>22</v>
      </c>
      <c r="GI15" s="61">
        <v>19</v>
      </c>
      <c r="GJ15" s="62">
        <v>41</v>
      </c>
      <c r="GK15" s="443">
        <v>0</v>
      </c>
      <c r="GL15" s="61">
        <v>45</v>
      </c>
      <c r="GM15" s="61">
        <v>22</v>
      </c>
      <c r="GN15" s="61">
        <v>20</v>
      </c>
      <c r="GO15" s="61">
        <v>35</v>
      </c>
      <c r="GP15" s="61">
        <v>11</v>
      </c>
      <c r="GQ15" s="62">
        <v>133</v>
      </c>
      <c r="GR15" s="63">
        <v>174</v>
      </c>
      <c r="GS15" s="113">
        <v>75</v>
      </c>
      <c r="GT15" s="72">
        <v>58</v>
      </c>
      <c r="GU15" s="73">
        <v>133</v>
      </c>
      <c r="GV15" s="443">
        <v>0</v>
      </c>
      <c r="GW15" s="72">
        <v>146</v>
      </c>
      <c r="GX15" s="72">
        <v>72</v>
      </c>
      <c r="GY15" s="72">
        <v>61</v>
      </c>
      <c r="GZ15" s="72">
        <v>64</v>
      </c>
      <c r="HA15" s="72">
        <v>28</v>
      </c>
      <c r="HB15" s="74">
        <v>371</v>
      </c>
      <c r="HC15" s="75">
        <v>504</v>
      </c>
      <c r="HD15" s="60">
        <v>1</v>
      </c>
      <c r="HE15" s="61">
        <v>2</v>
      </c>
      <c r="HF15" s="62">
        <v>3</v>
      </c>
      <c r="HG15" s="443">
        <v>0</v>
      </c>
      <c r="HH15" s="61">
        <v>7</v>
      </c>
      <c r="HI15" s="61">
        <v>1</v>
      </c>
      <c r="HJ15" s="61">
        <v>0</v>
      </c>
      <c r="HK15" s="61">
        <v>2</v>
      </c>
      <c r="HL15" s="61">
        <v>1</v>
      </c>
      <c r="HM15" s="62">
        <v>11</v>
      </c>
      <c r="HN15" s="63">
        <v>14</v>
      </c>
      <c r="HO15" s="60">
        <v>6</v>
      </c>
      <c r="HP15" s="61">
        <v>2</v>
      </c>
      <c r="HQ15" s="62">
        <v>8</v>
      </c>
      <c r="HR15" s="443">
        <v>0</v>
      </c>
      <c r="HS15" s="61">
        <v>11</v>
      </c>
      <c r="HT15" s="61">
        <v>2</v>
      </c>
      <c r="HU15" s="61">
        <v>5</v>
      </c>
      <c r="HV15" s="61">
        <v>3</v>
      </c>
      <c r="HW15" s="61">
        <v>3</v>
      </c>
      <c r="HX15" s="62">
        <v>24</v>
      </c>
      <c r="HY15" s="63">
        <v>32</v>
      </c>
      <c r="HZ15" s="60">
        <v>9</v>
      </c>
      <c r="IA15" s="61">
        <v>12</v>
      </c>
      <c r="IB15" s="62">
        <v>21</v>
      </c>
      <c r="IC15" s="443">
        <v>0</v>
      </c>
      <c r="ID15" s="61">
        <v>23</v>
      </c>
      <c r="IE15" s="61">
        <v>9</v>
      </c>
      <c r="IF15" s="61">
        <v>6</v>
      </c>
      <c r="IG15" s="61">
        <v>5</v>
      </c>
      <c r="IH15" s="61">
        <v>2</v>
      </c>
      <c r="II15" s="62">
        <v>45</v>
      </c>
      <c r="IJ15" s="63">
        <v>66</v>
      </c>
      <c r="IK15" s="60">
        <v>15</v>
      </c>
      <c r="IL15" s="61">
        <v>13</v>
      </c>
      <c r="IM15" s="62">
        <v>28</v>
      </c>
      <c r="IN15" s="443">
        <v>0</v>
      </c>
      <c r="IO15" s="61">
        <v>31</v>
      </c>
      <c r="IP15" s="61">
        <v>13</v>
      </c>
      <c r="IQ15" s="61">
        <v>12</v>
      </c>
      <c r="IR15" s="61">
        <v>13</v>
      </c>
      <c r="IS15" s="61">
        <v>6</v>
      </c>
      <c r="IT15" s="62">
        <v>75</v>
      </c>
      <c r="IU15" s="63">
        <v>103</v>
      </c>
      <c r="IV15" s="60">
        <v>31</v>
      </c>
      <c r="IW15" s="61">
        <v>16</v>
      </c>
      <c r="IX15" s="62">
        <v>47</v>
      </c>
      <c r="IY15" s="443">
        <v>0</v>
      </c>
      <c r="IZ15" s="61">
        <v>39</v>
      </c>
      <c r="JA15" s="61">
        <v>28</v>
      </c>
      <c r="JB15" s="61">
        <v>13</v>
      </c>
      <c r="JC15" s="61">
        <v>15</v>
      </c>
      <c r="JD15" s="61">
        <v>6</v>
      </c>
      <c r="JE15" s="62">
        <v>101</v>
      </c>
      <c r="JF15" s="63">
        <v>148</v>
      </c>
      <c r="JG15" s="60">
        <v>13</v>
      </c>
      <c r="JH15" s="61">
        <v>13</v>
      </c>
      <c r="JI15" s="62">
        <v>26</v>
      </c>
      <c r="JJ15" s="443">
        <v>0</v>
      </c>
      <c r="JK15" s="61">
        <v>35</v>
      </c>
      <c r="JL15" s="61">
        <v>19</v>
      </c>
      <c r="JM15" s="61">
        <v>25</v>
      </c>
      <c r="JN15" s="61">
        <v>26</v>
      </c>
      <c r="JO15" s="61">
        <v>10</v>
      </c>
      <c r="JP15" s="62">
        <v>115</v>
      </c>
      <c r="JQ15" s="63">
        <v>141</v>
      </c>
      <c r="JR15" s="60">
        <v>0</v>
      </c>
      <c r="JS15" s="61">
        <v>0</v>
      </c>
      <c r="JT15" s="62">
        <v>0</v>
      </c>
      <c r="JU15" s="443">
        <v>0</v>
      </c>
      <c r="JV15" s="61">
        <v>0</v>
      </c>
      <c r="JW15" s="61">
        <v>0</v>
      </c>
      <c r="JX15" s="61">
        <v>0</v>
      </c>
      <c r="JY15" s="61">
        <v>0</v>
      </c>
      <c r="JZ15" s="61">
        <v>0</v>
      </c>
      <c r="KA15" s="62">
        <v>0</v>
      </c>
      <c r="KB15" s="63">
        <v>0</v>
      </c>
      <c r="KC15" s="60">
        <v>75</v>
      </c>
      <c r="KD15" s="61">
        <v>58</v>
      </c>
      <c r="KE15" s="62">
        <v>133</v>
      </c>
      <c r="KF15" s="443">
        <v>0</v>
      </c>
      <c r="KG15" s="61">
        <v>146</v>
      </c>
      <c r="KH15" s="61">
        <v>72</v>
      </c>
      <c r="KI15" s="61">
        <v>61</v>
      </c>
      <c r="KJ15" s="61">
        <v>64</v>
      </c>
      <c r="KK15" s="61">
        <v>28</v>
      </c>
      <c r="KL15" s="62">
        <v>371</v>
      </c>
      <c r="KM15" s="63">
        <v>504</v>
      </c>
    </row>
    <row r="16" spans="2:299" ht="21" customHeight="1" x14ac:dyDescent="0.2">
      <c r="B16" s="437" t="s">
        <v>12</v>
      </c>
      <c r="C16" s="287">
        <v>128</v>
      </c>
      <c r="D16" s="72">
        <v>123</v>
      </c>
      <c r="E16" s="73">
        <v>251</v>
      </c>
      <c r="F16" s="443">
        <v>0</v>
      </c>
      <c r="G16" s="72">
        <v>113</v>
      </c>
      <c r="H16" s="72">
        <v>90</v>
      </c>
      <c r="I16" s="72">
        <v>59</v>
      </c>
      <c r="J16" s="72">
        <v>54</v>
      </c>
      <c r="K16" s="72">
        <v>35</v>
      </c>
      <c r="L16" s="74">
        <v>351</v>
      </c>
      <c r="M16" s="75">
        <v>602</v>
      </c>
      <c r="N16" s="76">
        <v>5</v>
      </c>
      <c r="O16" s="61">
        <v>6</v>
      </c>
      <c r="P16" s="62">
        <v>11</v>
      </c>
      <c r="Q16" s="443">
        <v>0</v>
      </c>
      <c r="R16" s="61">
        <v>1</v>
      </c>
      <c r="S16" s="61">
        <v>2</v>
      </c>
      <c r="T16" s="61">
        <v>3</v>
      </c>
      <c r="U16" s="61">
        <v>1</v>
      </c>
      <c r="V16" s="61">
        <v>1</v>
      </c>
      <c r="W16" s="62">
        <v>8</v>
      </c>
      <c r="X16" s="63">
        <v>19</v>
      </c>
      <c r="Y16" s="60">
        <v>11</v>
      </c>
      <c r="Z16" s="61">
        <v>13</v>
      </c>
      <c r="AA16" s="62">
        <v>24</v>
      </c>
      <c r="AB16" s="443">
        <v>0</v>
      </c>
      <c r="AC16" s="61">
        <v>7</v>
      </c>
      <c r="AD16" s="61">
        <v>4</v>
      </c>
      <c r="AE16" s="61">
        <v>3</v>
      </c>
      <c r="AF16" s="61">
        <v>1</v>
      </c>
      <c r="AG16" s="61">
        <v>1</v>
      </c>
      <c r="AH16" s="62">
        <v>16</v>
      </c>
      <c r="AI16" s="63">
        <v>40</v>
      </c>
      <c r="AJ16" s="76">
        <v>13</v>
      </c>
      <c r="AK16" s="61">
        <v>11</v>
      </c>
      <c r="AL16" s="62">
        <v>24</v>
      </c>
      <c r="AM16" s="443">
        <v>0</v>
      </c>
      <c r="AN16" s="61">
        <v>10</v>
      </c>
      <c r="AO16" s="61">
        <v>11</v>
      </c>
      <c r="AP16" s="61">
        <v>4</v>
      </c>
      <c r="AQ16" s="61">
        <v>7</v>
      </c>
      <c r="AR16" s="61">
        <v>3</v>
      </c>
      <c r="AS16" s="62">
        <v>35</v>
      </c>
      <c r="AT16" s="63">
        <v>59</v>
      </c>
      <c r="AU16" s="60">
        <v>23</v>
      </c>
      <c r="AV16" s="61">
        <v>33</v>
      </c>
      <c r="AW16" s="62">
        <v>56</v>
      </c>
      <c r="AX16" s="443">
        <v>0</v>
      </c>
      <c r="AY16" s="61">
        <v>20</v>
      </c>
      <c r="AZ16" s="61">
        <v>19</v>
      </c>
      <c r="BA16" s="61">
        <v>17</v>
      </c>
      <c r="BB16" s="61">
        <v>11</v>
      </c>
      <c r="BC16" s="61">
        <v>13</v>
      </c>
      <c r="BD16" s="62">
        <v>80</v>
      </c>
      <c r="BE16" s="63">
        <v>136</v>
      </c>
      <c r="BF16" s="76">
        <v>46</v>
      </c>
      <c r="BG16" s="61">
        <v>27</v>
      </c>
      <c r="BH16" s="62">
        <v>73</v>
      </c>
      <c r="BI16" s="443">
        <v>0</v>
      </c>
      <c r="BJ16" s="61">
        <v>38</v>
      </c>
      <c r="BK16" s="61">
        <v>26</v>
      </c>
      <c r="BL16" s="61">
        <v>18</v>
      </c>
      <c r="BM16" s="61">
        <v>19</v>
      </c>
      <c r="BN16" s="61">
        <v>7</v>
      </c>
      <c r="BO16" s="62">
        <v>108</v>
      </c>
      <c r="BP16" s="63">
        <v>181</v>
      </c>
      <c r="BQ16" s="60">
        <v>30</v>
      </c>
      <c r="BR16" s="61">
        <v>33</v>
      </c>
      <c r="BS16" s="62">
        <v>63</v>
      </c>
      <c r="BT16" s="443">
        <v>0</v>
      </c>
      <c r="BU16" s="61">
        <v>37</v>
      </c>
      <c r="BV16" s="61">
        <v>28</v>
      </c>
      <c r="BW16" s="61">
        <v>14</v>
      </c>
      <c r="BX16" s="61">
        <v>15</v>
      </c>
      <c r="BY16" s="61">
        <v>10</v>
      </c>
      <c r="BZ16" s="62">
        <v>104</v>
      </c>
      <c r="CA16" s="63">
        <v>167</v>
      </c>
      <c r="CB16" s="60">
        <v>0</v>
      </c>
      <c r="CC16" s="61">
        <v>0</v>
      </c>
      <c r="CD16" s="62">
        <v>0</v>
      </c>
      <c r="CE16" s="443">
        <v>0</v>
      </c>
      <c r="CF16" s="61">
        <v>0</v>
      </c>
      <c r="CG16" s="61">
        <v>0</v>
      </c>
      <c r="CH16" s="61">
        <v>0</v>
      </c>
      <c r="CI16" s="61">
        <v>0</v>
      </c>
      <c r="CJ16" s="61">
        <v>0</v>
      </c>
      <c r="CK16" s="62">
        <v>0</v>
      </c>
      <c r="CL16" s="63">
        <v>0</v>
      </c>
      <c r="CM16" s="60">
        <v>128</v>
      </c>
      <c r="CN16" s="61">
        <v>123</v>
      </c>
      <c r="CO16" s="62">
        <v>251</v>
      </c>
      <c r="CP16" s="443">
        <v>0</v>
      </c>
      <c r="CQ16" s="61">
        <v>113</v>
      </c>
      <c r="CR16" s="61">
        <v>90</v>
      </c>
      <c r="CS16" s="61">
        <v>59</v>
      </c>
      <c r="CT16" s="61">
        <v>54</v>
      </c>
      <c r="CU16" s="61">
        <v>35</v>
      </c>
      <c r="CV16" s="62">
        <v>351</v>
      </c>
      <c r="CW16" s="63">
        <v>602</v>
      </c>
      <c r="CX16" s="113">
        <v>34</v>
      </c>
      <c r="CY16" s="72">
        <v>44</v>
      </c>
      <c r="CZ16" s="73">
        <v>78</v>
      </c>
      <c r="DA16" s="443">
        <v>0</v>
      </c>
      <c r="DB16" s="72">
        <v>39</v>
      </c>
      <c r="DC16" s="72">
        <v>33</v>
      </c>
      <c r="DD16" s="72">
        <v>17</v>
      </c>
      <c r="DE16" s="72">
        <v>33</v>
      </c>
      <c r="DF16" s="72">
        <v>13</v>
      </c>
      <c r="DG16" s="74">
        <v>135</v>
      </c>
      <c r="DH16" s="75">
        <v>213</v>
      </c>
      <c r="DI16" s="76">
        <v>0</v>
      </c>
      <c r="DJ16" s="61">
        <v>0</v>
      </c>
      <c r="DK16" s="62">
        <v>0</v>
      </c>
      <c r="DL16" s="443">
        <v>0</v>
      </c>
      <c r="DM16" s="61">
        <v>0</v>
      </c>
      <c r="DN16" s="61">
        <v>0</v>
      </c>
      <c r="DO16" s="61">
        <v>1</v>
      </c>
      <c r="DP16" s="61">
        <v>0</v>
      </c>
      <c r="DQ16" s="61">
        <v>0</v>
      </c>
      <c r="DR16" s="62">
        <v>1</v>
      </c>
      <c r="DS16" s="63">
        <v>1</v>
      </c>
      <c r="DT16" s="60">
        <v>3</v>
      </c>
      <c r="DU16" s="61">
        <v>2</v>
      </c>
      <c r="DV16" s="62">
        <v>5</v>
      </c>
      <c r="DW16" s="443">
        <v>0</v>
      </c>
      <c r="DX16" s="61">
        <v>1</v>
      </c>
      <c r="DY16" s="61">
        <v>0</v>
      </c>
      <c r="DZ16" s="61">
        <v>0</v>
      </c>
      <c r="EA16" s="61">
        <v>2</v>
      </c>
      <c r="EB16" s="61">
        <v>0</v>
      </c>
      <c r="EC16" s="62">
        <v>3</v>
      </c>
      <c r="ED16" s="63">
        <v>8</v>
      </c>
      <c r="EE16" s="76">
        <v>8</v>
      </c>
      <c r="EF16" s="61">
        <v>3</v>
      </c>
      <c r="EG16" s="62">
        <v>11</v>
      </c>
      <c r="EH16" s="443">
        <v>0</v>
      </c>
      <c r="EI16" s="61">
        <v>3</v>
      </c>
      <c r="EJ16" s="61">
        <v>3</v>
      </c>
      <c r="EK16" s="61">
        <v>0</v>
      </c>
      <c r="EL16" s="61">
        <v>1</v>
      </c>
      <c r="EM16" s="61">
        <v>3</v>
      </c>
      <c r="EN16" s="62">
        <v>10</v>
      </c>
      <c r="EO16" s="63">
        <v>21</v>
      </c>
      <c r="EP16" s="60">
        <v>9</v>
      </c>
      <c r="EQ16" s="61">
        <v>11</v>
      </c>
      <c r="ER16" s="62">
        <v>20</v>
      </c>
      <c r="ES16" s="443">
        <v>0</v>
      </c>
      <c r="ET16" s="61">
        <v>6</v>
      </c>
      <c r="EU16" s="61">
        <v>8</v>
      </c>
      <c r="EV16" s="61">
        <v>3</v>
      </c>
      <c r="EW16" s="61">
        <v>6</v>
      </c>
      <c r="EX16" s="61">
        <v>3</v>
      </c>
      <c r="EY16" s="62">
        <v>26</v>
      </c>
      <c r="EZ16" s="63">
        <v>46</v>
      </c>
      <c r="FA16" s="76">
        <v>8</v>
      </c>
      <c r="FB16" s="61">
        <v>16</v>
      </c>
      <c r="FC16" s="62">
        <v>24</v>
      </c>
      <c r="FD16" s="443">
        <v>0</v>
      </c>
      <c r="FE16" s="61">
        <v>13</v>
      </c>
      <c r="FF16" s="61">
        <v>13</v>
      </c>
      <c r="FG16" s="61">
        <v>6</v>
      </c>
      <c r="FH16" s="61">
        <v>5</v>
      </c>
      <c r="FI16" s="61">
        <v>3</v>
      </c>
      <c r="FJ16" s="62">
        <v>40</v>
      </c>
      <c r="FK16" s="63">
        <v>64</v>
      </c>
      <c r="FL16" s="60">
        <v>6</v>
      </c>
      <c r="FM16" s="61">
        <v>12</v>
      </c>
      <c r="FN16" s="62">
        <v>18</v>
      </c>
      <c r="FO16" s="443">
        <v>0</v>
      </c>
      <c r="FP16" s="61">
        <v>16</v>
      </c>
      <c r="FQ16" s="61">
        <v>9</v>
      </c>
      <c r="FR16" s="61">
        <v>7</v>
      </c>
      <c r="FS16" s="61">
        <v>19</v>
      </c>
      <c r="FT16" s="61">
        <v>4</v>
      </c>
      <c r="FU16" s="62">
        <v>55</v>
      </c>
      <c r="FV16" s="63">
        <v>73</v>
      </c>
      <c r="FW16" s="60">
        <v>0</v>
      </c>
      <c r="FX16" s="61">
        <v>0</v>
      </c>
      <c r="FY16" s="62">
        <v>0</v>
      </c>
      <c r="FZ16" s="443">
        <v>0</v>
      </c>
      <c r="GA16" s="61">
        <v>0</v>
      </c>
      <c r="GB16" s="61">
        <v>0</v>
      </c>
      <c r="GC16" s="61">
        <v>0</v>
      </c>
      <c r="GD16" s="61">
        <v>0</v>
      </c>
      <c r="GE16" s="61">
        <v>0</v>
      </c>
      <c r="GF16" s="62">
        <v>0</v>
      </c>
      <c r="GG16" s="63">
        <v>0</v>
      </c>
      <c r="GH16" s="60">
        <v>34</v>
      </c>
      <c r="GI16" s="61">
        <v>44</v>
      </c>
      <c r="GJ16" s="62">
        <v>78</v>
      </c>
      <c r="GK16" s="443">
        <v>0</v>
      </c>
      <c r="GL16" s="61">
        <v>39</v>
      </c>
      <c r="GM16" s="61">
        <v>33</v>
      </c>
      <c r="GN16" s="61">
        <v>17</v>
      </c>
      <c r="GO16" s="61">
        <v>33</v>
      </c>
      <c r="GP16" s="61">
        <v>13</v>
      </c>
      <c r="GQ16" s="62">
        <v>135</v>
      </c>
      <c r="GR16" s="63">
        <v>213</v>
      </c>
      <c r="GS16" s="113">
        <v>162</v>
      </c>
      <c r="GT16" s="72">
        <v>167</v>
      </c>
      <c r="GU16" s="73">
        <v>329</v>
      </c>
      <c r="GV16" s="443">
        <v>0</v>
      </c>
      <c r="GW16" s="72">
        <v>152</v>
      </c>
      <c r="GX16" s="72">
        <v>123</v>
      </c>
      <c r="GY16" s="72">
        <v>76</v>
      </c>
      <c r="GZ16" s="72">
        <v>87</v>
      </c>
      <c r="HA16" s="72">
        <v>48</v>
      </c>
      <c r="HB16" s="74">
        <v>486</v>
      </c>
      <c r="HC16" s="75">
        <v>815</v>
      </c>
      <c r="HD16" s="76">
        <v>5</v>
      </c>
      <c r="HE16" s="61">
        <v>6</v>
      </c>
      <c r="HF16" s="62">
        <v>11</v>
      </c>
      <c r="HG16" s="443">
        <v>0</v>
      </c>
      <c r="HH16" s="61">
        <v>1</v>
      </c>
      <c r="HI16" s="61">
        <v>2</v>
      </c>
      <c r="HJ16" s="61">
        <v>4</v>
      </c>
      <c r="HK16" s="61">
        <v>1</v>
      </c>
      <c r="HL16" s="61">
        <v>1</v>
      </c>
      <c r="HM16" s="62">
        <v>9</v>
      </c>
      <c r="HN16" s="63">
        <v>20</v>
      </c>
      <c r="HO16" s="60">
        <v>14</v>
      </c>
      <c r="HP16" s="61">
        <v>15</v>
      </c>
      <c r="HQ16" s="62">
        <v>29</v>
      </c>
      <c r="HR16" s="443">
        <v>0</v>
      </c>
      <c r="HS16" s="61">
        <v>8</v>
      </c>
      <c r="HT16" s="61">
        <v>4</v>
      </c>
      <c r="HU16" s="61">
        <v>3</v>
      </c>
      <c r="HV16" s="61">
        <v>3</v>
      </c>
      <c r="HW16" s="61">
        <v>1</v>
      </c>
      <c r="HX16" s="62">
        <v>19</v>
      </c>
      <c r="HY16" s="63">
        <v>48</v>
      </c>
      <c r="HZ16" s="76">
        <v>21</v>
      </c>
      <c r="IA16" s="61">
        <v>14</v>
      </c>
      <c r="IB16" s="62">
        <v>35</v>
      </c>
      <c r="IC16" s="443">
        <v>0</v>
      </c>
      <c r="ID16" s="61">
        <v>13</v>
      </c>
      <c r="IE16" s="61">
        <v>14</v>
      </c>
      <c r="IF16" s="61">
        <v>4</v>
      </c>
      <c r="IG16" s="61">
        <v>8</v>
      </c>
      <c r="IH16" s="61">
        <v>6</v>
      </c>
      <c r="II16" s="62">
        <v>45</v>
      </c>
      <c r="IJ16" s="63">
        <v>80</v>
      </c>
      <c r="IK16" s="60">
        <v>32</v>
      </c>
      <c r="IL16" s="61">
        <v>44</v>
      </c>
      <c r="IM16" s="62">
        <v>76</v>
      </c>
      <c r="IN16" s="443">
        <v>0</v>
      </c>
      <c r="IO16" s="61">
        <v>26</v>
      </c>
      <c r="IP16" s="61">
        <v>27</v>
      </c>
      <c r="IQ16" s="61">
        <v>20</v>
      </c>
      <c r="IR16" s="61">
        <v>17</v>
      </c>
      <c r="IS16" s="61">
        <v>16</v>
      </c>
      <c r="IT16" s="62">
        <v>106</v>
      </c>
      <c r="IU16" s="63">
        <v>182</v>
      </c>
      <c r="IV16" s="76">
        <v>54</v>
      </c>
      <c r="IW16" s="61">
        <v>43</v>
      </c>
      <c r="IX16" s="62">
        <v>97</v>
      </c>
      <c r="IY16" s="443">
        <v>0</v>
      </c>
      <c r="IZ16" s="61">
        <v>51</v>
      </c>
      <c r="JA16" s="61">
        <v>39</v>
      </c>
      <c r="JB16" s="61">
        <v>24</v>
      </c>
      <c r="JC16" s="61">
        <v>24</v>
      </c>
      <c r="JD16" s="61">
        <v>10</v>
      </c>
      <c r="JE16" s="62">
        <v>148</v>
      </c>
      <c r="JF16" s="63">
        <v>245</v>
      </c>
      <c r="JG16" s="60">
        <v>36</v>
      </c>
      <c r="JH16" s="61">
        <v>45</v>
      </c>
      <c r="JI16" s="62">
        <v>81</v>
      </c>
      <c r="JJ16" s="443">
        <v>0</v>
      </c>
      <c r="JK16" s="61">
        <v>53</v>
      </c>
      <c r="JL16" s="61">
        <v>37</v>
      </c>
      <c r="JM16" s="61">
        <v>21</v>
      </c>
      <c r="JN16" s="61">
        <v>34</v>
      </c>
      <c r="JO16" s="61">
        <v>14</v>
      </c>
      <c r="JP16" s="62">
        <v>159</v>
      </c>
      <c r="JQ16" s="63">
        <v>240</v>
      </c>
      <c r="JR16" s="60">
        <v>0</v>
      </c>
      <c r="JS16" s="61">
        <v>0</v>
      </c>
      <c r="JT16" s="62">
        <v>0</v>
      </c>
      <c r="JU16" s="443">
        <v>0</v>
      </c>
      <c r="JV16" s="61">
        <v>0</v>
      </c>
      <c r="JW16" s="61">
        <v>0</v>
      </c>
      <c r="JX16" s="61">
        <v>0</v>
      </c>
      <c r="JY16" s="61">
        <v>0</v>
      </c>
      <c r="JZ16" s="61">
        <v>0</v>
      </c>
      <c r="KA16" s="62">
        <v>0</v>
      </c>
      <c r="KB16" s="63">
        <v>0</v>
      </c>
      <c r="KC16" s="60">
        <v>162</v>
      </c>
      <c r="KD16" s="61">
        <v>167</v>
      </c>
      <c r="KE16" s="62">
        <v>329</v>
      </c>
      <c r="KF16" s="443">
        <v>0</v>
      </c>
      <c r="KG16" s="61">
        <v>152</v>
      </c>
      <c r="KH16" s="61">
        <v>123</v>
      </c>
      <c r="KI16" s="61">
        <v>76</v>
      </c>
      <c r="KJ16" s="61">
        <v>87</v>
      </c>
      <c r="KK16" s="61">
        <v>48</v>
      </c>
      <c r="KL16" s="62">
        <v>486</v>
      </c>
      <c r="KM16" s="63">
        <v>815</v>
      </c>
    </row>
    <row r="17" spans="2:299" ht="21" customHeight="1" x14ac:dyDescent="0.2">
      <c r="B17" s="437" t="s">
        <v>13</v>
      </c>
      <c r="C17" s="287">
        <v>52</v>
      </c>
      <c r="D17" s="72">
        <v>50</v>
      </c>
      <c r="E17" s="73">
        <v>102</v>
      </c>
      <c r="F17" s="443">
        <v>0</v>
      </c>
      <c r="G17" s="72">
        <v>82</v>
      </c>
      <c r="H17" s="72">
        <v>53</v>
      </c>
      <c r="I17" s="72">
        <v>28</v>
      </c>
      <c r="J17" s="72">
        <v>20</v>
      </c>
      <c r="K17" s="72">
        <v>17</v>
      </c>
      <c r="L17" s="74">
        <v>200</v>
      </c>
      <c r="M17" s="75">
        <v>302</v>
      </c>
      <c r="N17" s="60">
        <v>2</v>
      </c>
      <c r="O17" s="61">
        <v>2</v>
      </c>
      <c r="P17" s="62">
        <v>4</v>
      </c>
      <c r="Q17" s="443">
        <v>0</v>
      </c>
      <c r="R17" s="61">
        <v>2</v>
      </c>
      <c r="S17" s="61">
        <v>0</v>
      </c>
      <c r="T17" s="61">
        <v>1</v>
      </c>
      <c r="U17" s="61">
        <v>1</v>
      </c>
      <c r="V17" s="61">
        <v>1</v>
      </c>
      <c r="W17" s="62">
        <v>5</v>
      </c>
      <c r="X17" s="63">
        <v>9</v>
      </c>
      <c r="Y17" s="60">
        <v>3</v>
      </c>
      <c r="Z17" s="61">
        <v>2</v>
      </c>
      <c r="AA17" s="62">
        <v>5</v>
      </c>
      <c r="AB17" s="443">
        <v>0</v>
      </c>
      <c r="AC17" s="61">
        <v>3</v>
      </c>
      <c r="AD17" s="61">
        <v>1</v>
      </c>
      <c r="AE17" s="61">
        <v>0</v>
      </c>
      <c r="AF17" s="61">
        <v>1</v>
      </c>
      <c r="AG17" s="61">
        <v>0</v>
      </c>
      <c r="AH17" s="62">
        <v>5</v>
      </c>
      <c r="AI17" s="63">
        <v>10</v>
      </c>
      <c r="AJ17" s="60">
        <v>5</v>
      </c>
      <c r="AK17" s="61">
        <v>5</v>
      </c>
      <c r="AL17" s="62">
        <v>10</v>
      </c>
      <c r="AM17" s="443">
        <v>0</v>
      </c>
      <c r="AN17" s="61">
        <v>12</v>
      </c>
      <c r="AO17" s="61">
        <v>7</v>
      </c>
      <c r="AP17" s="61">
        <v>0</v>
      </c>
      <c r="AQ17" s="61">
        <v>2</v>
      </c>
      <c r="AR17" s="61">
        <v>2</v>
      </c>
      <c r="AS17" s="62">
        <v>23</v>
      </c>
      <c r="AT17" s="63">
        <v>33</v>
      </c>
      <c r="AU17" s="60">
        <v>11</v>
      </c>
      <c r="AV17" s="61">
        <v>9</v>
      </c>
      <c r="AW17" s="62">
        <v>20</v>
      </c>
      <c r="AX17" s="443">
        <v>0</v>
      </c>
      <c r="AY17" s="61">
        <v>21</v>
      </c>
      <c r="AZ17" s="61">
        <v>10</v>
      </c>
      <c r="BA17" s="61">
        <v>6</v>
      </c>
      <c r="BB17" s="61">
        <v>5</v>
      </c>
      <c r="BC17" s="61">
        <v>3</v>
      </c>
      <c r="BD17" s="62">
        <v>45</v>
      </c>
      <c r="BE17" s="63">
        <v>65</v>
      </c>
      <c r="BF17" s="60">
        <v>12</v>
      </c>
      <c r="BG17" s="61">
        <v>18</v>
      </c>
      <c r="BH17" s="62">
        <v>30</v>
      </c>
      <c r="BI17" s="443">
        <v>0</v>
      </c>
      <c r="BJ17" s="61">
        <v>24</v>
      </c>
      <c r="BK17" s="61">
        <v>17</v>
      </c>
      <c r="BL17" s="61">
        <v>9</v>
      </c>
      <c r="BM17" s="61">
        <v>4</v>
      </c>
      <c r="BN17" s="61">
        <v>5</v>
      </c>
      <c r="BO17" s="62">
        <v>59</v>
      </c>
      <c r="BP17" s="63">
        <v>89</v>
      </c>
      <c r="BQ17" s="60">
        <v>19</v>
      </c>
      <c r="BR17" s="61">
        <v>14</v>
      </c>
      <c r="BS17" s="62">
        <v>33</v>
      </c>
      <c r="BT17" s="443">
        <v>0</v>
      </c>
      <c r="BU17" s="61">
        <v>20</v>
      </c>
      <c r="BV17" s="61">
        <v>18</v>
      </c>
      <c r="BW17" s="61">
        <v>12</v>
      </c>
      <c r="BX17" s="61">
        <v>7</v>
      </c>
      <c r="BY17" s="61">
        <v>6</v>
      </c>
      <c r="BZ17" s="62">
        <v>63</v>
      </c>
      <c r="CA17" s="63">
        <v>96</v>
      </c>
      <c r="CB17" s="60">
        <v>0</v>
      </c>
      <c r="CC17" s="61">
        <v>0</v>
      </c>
      <c r="CD17" s="62">
        <v>0</v>
      </c>
      <c r="CE17" s="443">
        <v>0</v>
      </c>
      <c r="CF17" s="61">
        <v>0</v>
      </c>
      <c r="CG17" s="61">
        <v>0</v>
      </c>
      <c r="CH17" s="61">
        <v>0</v>
      </c>
      <c r="CI17" s="61">
        <v>0</v>
      </c>
      <c r="CJ17" s="61">
        <v>0</v>
      </c>
      <c r="CK17" s="62">
        <v>0</v>
      </c>
      <c r="CL17" s="63">
        <v>0</v>
      </c>
      <c r="CM17" s="60">
        <v>52</v>
      </c>
      <c r="CN17" s="61">
        <v>50</v>
      </c>
      <c r="CO17" s="62">
        <v>102</v>
      </c>
      <c r="CP17" s="443">
        <v>0</v>
      </c>
      <c r="CQ17" s="61">
        <v>82</v>
      </c>
      <c r="CR17" s="61">
        <v>53</v>
      </c>
      <c r="CS17" s="61">
        <v>28</v>
      </c>
      <c r="CT17" s="61">
        <v>20</v>
      </c>
      <c r="CU17" s="61">
        <v>17</v>
      </c>
      <c r="CV17" s="62">
        <v>200</v>
      </c>
      <c r="CW17" s="63">
        <v>302</v>
      </c>
      <c r="CX17" s="113">
        <v>17</v>
      </c>
      <c r="CY17" s="72">
        <v>20</v>
      </c>
      <c r="CZ17" s="73">
        <v>37</v>
      </c>
      <c r="DA17" s="443">
        <v>0</v>
      </c>
      <c r="DB17" s="72">
        <v>28</v>
      </c>
      <c r="DC17" s="72">
        <v>16</v>
      </c>
      <c r="DD17" s="72">
        <v>12</v>
      </c>
      <c r="DE17" s="72">
        <v>13</v>
      </c>
      <c r="DF17" s="72">
        <v>14</v>
      </c>
      <c r="DG17" s="74">
        <v>83</v>
      </c>
      <c r="DH17" s="75">
        <v>120</v>
      </c>
      <c r="DI17" s="60">
        <v>1</v>
      </c>
      <c r="DJ17" s="61">
        <v>2</v>
      </c>
      <c r="DK17" s="62">
        <v>3</v>
      </c>
      <c r="DL17" s="443">
        <v>0</v>
      </c>
      <c r="DM17" s="61">
        <v>0</v>
      </c>
      <c r="DN17" s="61">
        <v>0</v>
      </c>
      <c r="DO17" s="61">
        <v>0</v>
      </c>
      <c r="DP17" s="61">
        <v>0</v>
      </c>
      <c r="DQ17" s="61">
        <v>0</v>
      </c>
      <c r="DR17" s="62">
        <v>0</v>
      </c>
      <c r="DS17" s="63">
        <v>3</v>
      </c>
      <c r="DT17" s="60">
        <v>1</v>
      </c>
      <c r="DU17" s="61">
        <v>0</v>
      </c>
      <c r="DV17" s="62">
        <v>1</v>
      </c>
      <c r="DW17" s="443">
        <v>0</v>
      </c>
      <c r="DX17" s="61">
        <v>2</v>
      </c>
      <c r="DY17" s="61">
        <v>0</v>
      </c>
      <c r="DZ17" s="61">
        <v>0</v>
      </c>
      <c r="EA17" s="61">
        <v>1</v>
      </c>
      <c r="EB17" s="61">
        <v>2</v>
      </c>
      <c r="EC17" s="62">
        <v>5</v>
      </c>
      <c r="ED17" s="63">
        <v>6</v>
      </c>
      <c r="EE17" s="60">
        <v>1</v>
      </c>
      <c r="EF17" s="61">
        <v>0</v>
      </c>
      <c r="EG17" s="62">
        <v>1</v>
      </c>
      <c r="EH17" s="443">
        <v>0</v>
      </c>
      <c r="EI17" s="61">
        <v>5</v>
      </c>
      <c r="EJ17" s="61">
        <v>0</v>
      </c>
      <c r="EK17" s="61">
        <v>1</v>
      </c>
      <c r="EL17" s="61">
        <v>0</v>
      </c>
      <c r="EM17" s="61">
        <v>1</v>
      </c>
      <c r="EN17" s="62">
        <v>7</v>
      </c>
      <c r="EO17" s="63">
        <v>8</v>
      </c>
      <c r="EP17" s="60">
        <v>6</v>
      </c>
      <c r="EQ17" s="61">
        <v>8</v>
      </c>
      <c r="ER17" s="62">
        <v>14</v>
      </c>
      <c r="ES17" s="443">
        <v>0</v>
      </c>
      <c r="ET17" s="61">
        <v>5</v>
      </c>
      <c r="EU17" s="61">
        <v>3</v>
      </c>
      <c r="EV17" s="61">
        <v>2</v>
      </c>
      <c r="EW17" s="61">
        <v>1</v>
      </c>
      <c r="EX17" s="61">
        <v>2</v>
      </c>
      <c r="EY17" s="62">
        <v>13</v>
      </c>
      <c r="EZ17" s="63">
        <v>27</v>
      </c>
      <c r="FA17" s="60">
        <v>5</v>
      </c>
      <c r="FB17" s="61">
        <v>4</v>
      </c>
      <c r="FC17" s="62">
        <v>9</v>
      </c>
      <c r="FD17" s="443">
        <v>0</v>
      </c>
      <c r="FE17" s="61">
        <v>7</v>
      </c>
      <c r="FF17" s="61">
        <v>6</v>
      </c>
      <c r="FG17" s="61">
        <v>2</v>
      </c>
      <c r="FH17" s="61">
        <v>3</v>
      </c>
      <c r="FI17" s="61">
        <v>3</v>
      </c>
      <c r="FJ17" s="62">
        <v>21</v>
      </c>
      <c r="FK17" s="63">
        <v>30</v>
      </c>
      <c r="FL17" s="60">
        <v>3</v>
      </c>
      <c r="FM17" s="61">
        <v>6</v>
      </c>
      <c r="FN17" s="62">
        <v>9</v>
      </c>
      <c r="FO17" s="443">
        <v>0</v>
      </c>
      <c r="FP17" s="61">
        <v>9</v>
      </c>
      <c r="FQ17" s="61">
        <v>7</v>
      </c>
      <c r="FR17" s="61">
        <v>7</v>
      </c>
      <c r="FS17" s="61">
        <v>8</v>
      </c>
      <c r="FT17" s="61">
        <v>6</v>
      </c>
      <c r="FU17" s="62">
        <v>37</v>
      </c>
      <c r="FV17" s="63">
        <v>46</v>
      </c>
      <c r="FW17" s="60">
        <v>0</v>
      </c>
      <c r="FX17" s="61">
        <v>0</v>
      </c>
      <c r="FY17" s="62">
        <v>0</v>
      </c>
      <c r="FZ17" s="443">
        <v>0</v>
      </c>
      <c r="GA17" s="61">
        <v>0</v>
      </c>
      <c r="GB17" s="61">
        <v>0</v>
      </c>
      <c r="GC17" s="61">
        <v>0</v>
      </c>
      <c r="GD17" s="61">
        <v>0</v>
      </c>
      <c r="GE17" s="61">
        <v>0</v>
      </c>
      <c r="GF17" s="62">
        <v>0</v>
      </c>
      <c r="GG17" s="63">
        <v>0</v>
      </c>
      <c r="GH17" s="60">
        <v>17</v>
      </c>
      <c r="GI17" s="61">
        <v>20</v>
      </c>
      <c r="GJ17" s="62">
        <v>37</v>
      </c>
      <c r="GK17" s="443">
        <v>0</v>
      </c>
      <c r="GL17" s="61">
        <v>28</v>
      </c>
      <c r="GM17" s="61">
        <v>16</v>
      </c>
      <c r="GN17" s="61">
        <v>12</v>
      </c>
      <c r="GO17" s="61">
        <v>13</v>
      </c>
      <c r="GP17" s="61">
        <v>14</v>
      </c>
      <c r="GQ17" s="62">
        <v>83</v>
      </c>
      <c r="GR17" s="63">
        <v>120</v>
      </c>
      <c r="GS17" s="113">
        <v>69</v>
      </c>
      <c r="GT17" s="72">
        <v>70</v>
      </c>
      <c r="GU17" s="73">
        <v>139</v>
      </c>
      <c r="GV17" s="443">
        <v>0</v>
      </c>
      <c r="GW17" s="72">
        <v>110</v>
      </c>
      <c r="GX17" s="72">
        <v>69</v>
      </c>
      <c r="GY17" s="72">
        <v>40</v>
      </c>
      <c r="GZ17" s="72">
        <v>33</v>
      </c>
      <c r="HA17" s="72">
        <v>31</v>
      </c>
      <c r="HB17" s="74">
        <v>283</v>
      </c>
      <c r="HC17" s="75">
        <v>422</v>
      </c>
      <c r="HD17" s="60">
        <v>3</v>
      </c>
      <c r="HE17" s="61">
        <v>4</v>
      </c>
      <c r="HF17" s="62">
        <v>7</v>
      </c>
      <c r="HG17" s="443">
        <v>0</v>
      </c>
      <c r="HH17" s="61">
        <v>2</v>
      </c>
      <c r="HI17" s="61">
        <v>0</v>
      </c>
      <c r="HJ17" s="61">
        <v>1</v>
      </c>
      <c r="HK17" s="61">
        <v>1</v>
      </c>
      <c r="HL17" s="61">
        <v>1</v>
      </c>
      <c r="HM17" s="62">
        <v>5</v>
      </c>
      <c r="HN17" s="63">
        <v>12</v>
      </c>
      <c r="HO17" s="60">
        <v>4</v>
      </c>
      <c r="HP17" s="61">
        <v>2</v>
      </c>
      <c r="HQ17" s="62">
        <v>6</v>
      </c>
      <c r="HR17" s="443">
        <v>0</v>
      </c>
      <c r="HS17" s="61">
        <v>5</v>
      </c>
      <c r="HT17" s="61">
        <v>1</v>
      </c>
      <c r="HU17" s="61">
        <v>0</v>
      </c>
      <c r="HV17" s="61">
        <v>2</v>
      </c>
      <c r="HW17" s="61">
        <v>2</v>
      </c>
      <c r="HX17" s="62">
        <v>10</v>
      </c>
      <c r="HY17" s="63">
        <v>16</v>
      </c>
      <c r="HZ17" s="60">
        <v>6</v>
      </c>
      <c r="IA17" s="61">
        <v>5</v>
      </c>
      <c r="IB17" s="62">
        <v>11</v>
      </c>
      <c r="IC17" s="443">
        <v>0</v>
      </c>
      <c r="ID17" s="61">
        <v>17</v>
      </c>
      <c r="IE17" s="61">
        <v>7</v>
      </c>
      <c r="IF17" s="61">
        <v>1</v>
      </c>
      <c r="IG17" s="61">
        <v>2</v>
      </c>
      <c r="IH17" s="61">
        <v>3</v>
      </c>
      <c r="II17" s="62">
        <v>30</v>
      </c>
      <c r="IJ17" s="63">
        <v>41</v>
      </c>
      <c r="IK17" s="60">
        <v>17</v>
      </c>
      <c r="IL17" s="61">
        <v>17</v>
      </c>
      <c r="IM17" s="62">
        <v>34</v>
      </c>
      <c r="IN17" s="443">
        <v>0</v>
      </c>
      <c r="IO17" s="61">
        <v>26</v>
      </c>
      <c r="IP17" s="61">
        <v>13</v>
      </c>
      <c r="IQ17" s="61">
        <v>8</v>
      </c>
      <c r="IR17" s="61">
        <v>6</v>
      </c>
      <c r="IS17" s="61">
        <v>5</v>
      </c>
      <c r="IT17" s="62">
        <v>58</v>
      </c>
      <c r="IU17" s="63">
        <v>92</v>
      </c>
      <c r="IV17" s="60">
        <v>17</v>
      </c>
      <c r="IW17" s="61">
        <v>22</v>
      </c>
      <c r="IX17" s="62">
        <v>39</v>
      </c>
      <c r="IY17" s="443">
        <v>0</v>
      </c>
      <c r="IZ17" s="61">
        <v>31</v>
      </c>
      <c r="JA17" s="61">
        <v>23</v>
      </c>
      <c r="JB17" s="61">
        <v>11</v>
      </c>
      <c r="JC17" s="61">
        <v>7</v>
      </c>
      <c r="JD17" s="61">
        <v>8</v>
      </c>
      <c r="JE17" s="62">
        <v>80</v>
      </c>
      <c r="JF17" s="63">
        <v>119</v>
      </c>
      <c r="JG17" s="60">
        <v>22</v>
      </c>
      <c r="JH17" s="61">
        <v>20</v>
      </c>
      <c r="JI17" s="62">
        <v>42</v>
      </c>
      <c r="JJ17" s="443">
        <v>0</v>
      </c>
      <c r="JK17" s="61">
        <v>29</v>
      </c>
      <c r="JL17" s="61">
        <v>25</v>
      </c>
      <c r="JM17" s="61">
        <v>19</v>
      </c>
      <c r="JN17" s="61">
        <v>15</v>
      </c>
      <c r="JO17" s="61">
        <v>12</v>
      </c>
      <c r="JP17" s="62">
        <v>100</v>
      </c>
      <c r="JQ17" s="63">
        <v>142</v>
      </c>
      <c r="JR17" s="60">
        <v>0</v>
      </c>
      <c r="JS17" s="61">
        <v>0</v>
      </c>
      <c r="JT17" s="62">
        <v>0</v>
      </c>
      <c r="JU17" s="443">
        <v>0</v>
      </c>
      <c r="JV17" s="61">
        <v>0</v>
      </c>
      <c r="JW17" s="61">
        <v>0</v>
      </c>
      <c r="JX17" s="61">
        <v>0</v>
      </c>
      <c r="JY17" s="61">
        <v>0</v>
      </c>
      <c r="JZ17" s="61">
        <v>0</v>
      </c>
      <c r="KA17" s="62">
        <v>0</v>
      </c>
      <c r="KB17" s="63">
        <v>0</v>
      </c>
      <c r="KC17" s="60">
        <v>69</v>
      </c>
      <c r="KD17" s="61">
        <v>70</v>
      </c>
      <c r="KE17" s="62">
        <v>139</v>
      </c>
      <c r="KF17" s="443">
        <v>0</v>
      </c>
      <c r="KG17" s="61">
        <v>110</v>
      </c>
      <c r="KH17" s="61">
        <v>69</v>
      </c>
      <c r="KI17" s="61">
        <v>40</v>
      </c>
      <c r="KJ17" s="61">
        <v>33</v>
      </c>
      <c r="KK17" s="61">
        <v>31</v>
      </c>
      <c r="KL17" s="62">
        <v>283</v>
      </c>
      <c r="KM17" s="63">
        <v>422</v>
      </c>
    </row>
    <row r="18" spans="2:299" ht="21" customHeight="1" x14ac:dyDescent="0.2">
      <c r="B18" s="437" t="s">
        <v>15</v>
      </c>
      <c r="C18" s="287">
        <v>7</v>
      </c>
      <c r="D18" s="72">
        <v>10</v>
      </c>
      <c r="E18" s="73">
        <v>17</v>
      </c>
      <c r="F18" s="443">
        <v>0</v>
      </c>
      <c r="G18" s="72">
        <v>16</v>
      </c>
      <c r="H18" s="72">
        <v>18</v>
      </c>
      <c r="I18" s="72">
        <v>7</v>
      </c>
      <c r="J18" s="72">
        <v>9</v>
      </c>
      <c r="K18" s="72">
        <v>7</v>
      </c>
      <c r="L18" s="74">
        <v>57</v>
      </c>
      <c r="M18" s="75">
        <v>74</v>
      </c>
      <c r="N18" s="60">
        <v>3</v>
      </c>
      <c r="O18" s="61">
        <v>2</v>
      </c>
      <c r="P18" s="62">
        <v>5</v>
      </c>
      <c r="Q18" s="443">
        <v>0</v>
      </c>
      <c r="R18" s="61">
        <v>0</v>
      </c>
      <c r="S18" s="61">
        <v>0</v>
      </c>
      <c r="T18" s="61">
        <v>0</v>
      </c>
      <c r="U18" s="61">
        <v>0</v>
      </c>
      <c r="V18" s="61">
        <v>1</v>
      </c>
      <c r="W18" s="62">
        <v>1</v>
      </c>
      <c r="X18" s="63">
        <v>6</v>
      </c>
      <c r="Y18" s="60">
        <v>2</v>
      </c>
      <c r="Z18" s="61">
        <v>0</v>
      </c>
      <c r="AA18" s="62">
        <v>2</v>
      </c>
      <c r="AB18" s="443">
        <v>0</v>
      </c>
      <c r="AC18" s="61">
        <v>1</v>
      </c>
      <c r="AD18" s="61">
        <v>1</v>
      </c>
      <c r="AE18" s="61">
        <v>1</v>
      </c>
      <c r="AF18" s="61">
        <v>2</v>
      </c>
      <c r="AG18" s="61">
        <v>1</v>
      </c>
      <c r="AH18" s="62">
        <v>6</v>
      </c>
      <c r="AI18" s="63">
        <v>8</v>
      </c>
      <c r="AJ18" s="60">
        <v>0</v>
      </c>
      <c r="AK18" s="61">
        <v>2</v>
      </c>
      <c r="AL18" s="62">
        <v>2</v>
      </c>
      <c r="AM18" s="443">
        <v>0</v>
      </c>
      <c r="AN18" s="61">
        <v>1</v>
      </c>
      <c r="AO18" s="61">
        <v>6</v>
      </c>
      <c r="AP18" s="61">
        <v>0</v>
      </c>
      <c r="AQ18" s="61">
        <v>1</v>
      </c>
      <c r="AR18" s="61">
        <v>2</v>
      </c>
      <c r="AS18" s="62">
        <v>10</v>
      </c>
      <c r="AT18" s="63">
        <v>12</v>
      </c>
      <c r="AU18" s="60">
        <v>0</v>
      </c>
      <c r="AV18" s="61">
        <v>1</v>
      </c>
      <c r="AW18" s="62">
        <v>1</v>
      </c>
      <c r="AX18" s="443">
        <v>0</v>
      </c>
      <c r="AY18" s="61">
        <v>8</v>
      </c>
      <c r="AZ18" s="61">
        <v>3</v>
      </c>
      <c r="BA18" s="61">
        <v>0</v>
      </c>
      <c r="BB18" s="61">
        <v>2</v>
      </c>
      <c r="BC18" s="61">
        <v>1</v>
      </c>
      <c r="BD18" s="62">
        <v>14</v>
      </c>
      <c r="BE18" s="63">
        <v>15</v>
      </c>
      <c r="BF18" s="60">
        <v>0</v>
      </c>
      <c r="BG18" s="61">
        <v>5</v>
      </c>
      <c r="BH18" s="62">
        <v>5</v>
      </c>
      <c r="BI18" s="443">
        <v>0</v>
      </c>
      <c r="BJ18" s="61">
        <v>3</v>
      </c>
      <c r="BK18" s="61">
        <v>4</v>
      </c>
      <c r="BL18" s="61">
        <v>3</v>
      </c>
      <c r="BM18" s="61">
        <v>3</v>
      </c>
      <c r="BN18" s="61">
        <v>1</v>
      </c>
      <c r="BO18" s="62">
        <v>14</v>
      </c>
      <c r="BP18" s="63">
        <v>19</v>
      </c>
      <c r="BQ18" s="60">
        <v>2</v>
      </c>
      <c r="BR18" s="61">
        <v>0</v>
      </c>
      <c r="BS18" s="62">
        <v>2</v>
      </c>
      <c r="BT18" s="443">
        <v>0</v>
      </c>
      <c r="BU18" s="61">
        <v>3</v>
      </c>
      <c r="BV18" s="61">
        <v>4</v>
      </c>
      <c r="BW18" s="61">
        <v>3</v>
      </c>
      <c r="BX18" s="61">
        <v>1</v>
      </c>
      <c r="BY18" s="61">
        <v>1</v>
      </c>
      <c r="BZ18" s="62">
        <v>12</v>
      </c>
      <c r="CA18" s="63">
        <v>14</v>
      </c>
      <c r="CB18" s="60">
        <v>0</v>
      </c>
      <c r="CC18" s="61">
        <v>0</v>
      </c>
      <c r="CD18" s="62">
        <v>0</v>
      </c>
      <c r="CE18" s="443">
        <v>0</v>
      </c>
      <c r="CF18" s="61">
        <v>0</v>
      </c>
      <c r="CG18" s="61">
        <v>0</v>
      </c>
      <c r="CH18" s="61">
        <v>0</v>
      </c>
      <c r="CI18" s="61">
        <v>0</v>
      </c>
      <c r="CJ18" s="61">
        <v>0</v>
      </c>
      <c r="CK18" s="62">
        <v>0</v>
      </c>
      <c r="CL18" s="63">
        <v>0</v>
      </c>
      <c r="CM18" s="60">
        <v>7</v>
      </c>
      <c r="CN18" s="61">
        <v>10</v>
      </c>
      <c r="CO18" s="62">
        <v>17</v>
      </c>
      <c r="CP18" s="443">
        <v>0</v>
      </c>
      <c r="CQ18" s="61">
        <v>16</v>
      </c>
      <c r="CR18" s="61">
        <v>18</v>
      </c>
      <c r="CS18" s="61">
        <v>7</v>
      </c>
      <c r="CT18" s="61">
        <v>9</v>
      </c>
      <c r="CU18" s="61">
        <v>7</v>
      </c>
      <c r="CV18" s="62">
        <v>57</v>
      </c>
      <c r="CW18" s="63">
        <v>74</v>
      </c>
      <c r="CX18" s="113">
        <v>5</v>
      </c>
      <c r="CY18" s="72">
        <v>6</v>
      </c>
      <c r="CZ18" s="73">
        <v>11</v>
      </c>
      <c r="DA18" s="443">
        <v>0</v>
      </c>
      <c r="DB18" s="72">
        <v>4</v>
      </c>
      <c r="DC18" s="72">
        <v>7</v>
      </c>
      <c r="DD18" s="72">
        <v>6</v>
      </c>
      <c r="DE18" s="72">
        <v>8</v>
      </c>
      <c r="DF18" s="72">
        <v>1</v>
      </c>
      <c r="DG18" s="74">
        <v>26</v>
      </c>
      <c r="DH18" s="75">
        <v>37</v>
      </c>
      <c r="DI18" s="60">
        <v>1</v>
      </c>
      <c r="DJ18" s="61">
        <v>0</v>
      </c>
      <c r="DK18" s="62">
        <v>1</v>
      </c>
      <c r="DL18" s="443">
        <v>0</v>
      </c>
      <c r="DM18" s="61">
        <v>0</v>
      </c>
      <c r="DN18" s="61">
        <v>0</v>
      </c>
      <c r="DO18" s="61">
        <v>0</v>
      </c>
      <c r="DP18" s="61">
        <v>0</v>
      </c>
      <c r="DQ18" s="61">
        <v>0</v>
      </c>
      <c r="DR18" s="62">
        <v>0</v>
      </c>
      <c r="DS18" s="63">
        <v>1</v>
      </c>
      <c r="DT18" s="60">
        <v>1</v>
      </c>
      <c r="DU18" s="61">
        <v>0</v>
      </c>
      <c r="DV18" s="62">
        <v>1</v>
      </c>
      <c r="DW18" s="443">
        <v>0</v>
      </c>
      <c r="DX18" s="61">
        <v>0</v>
      </c>
      <c r="DY18" s="61">
        <v>0</v>
      </c>
      <c r="DZ18" s="61">
        <v>0</v>
      </c>
      <c r="EA18" s="61">
        <v>0</v>
      </c>
      <c r="EB18" s="61">
        <v>0</v>
      </c>
      <c r="EC18" s="62">
        <v>0</v>
      </c>
      <c r="ED18" s="63">
        <v>1</v>
      </c>
      <c r="EE18" s="60">
        <v>1</v>
      </c>
      <c r="EF18" s="61">
        <v>0</v>
      </c>
      <c r="EG18" s="62">
        <v>1</v>
      </c>
      <c r="EH18" s="443">
        <v>0</v>
      </c>
      <c r="EI18" s="61">
        <v>0</v>
      </c>
      <c r="EJ18" s="61">
        <v>1</v>
      </c>
      <c r="EK18" s="61">
        <v>1</v>
      </c>
      <c r="EL18" s="61">
        <v>1</v>
      </c>
      <c r="EM18" s="61">
        <v>1</v>
      </c>
      <c r="EN18" s="62">
        <v>4</v>
      </c>
      <c r="EO18" s="63">
        <v>5</v>
      </c>
      <c r="EP18" s="60">
        <v>0</v>
      </c>
      <c r="EQ18" s="61">
        <v>4</v>
      </c>
      <c r="ER18" s="62">
        <v>4</v>
      </c>
      <c r="ES18" s="443">
        <v>0</v>
      </c>
      <c r="ET18" s="61">
        <v>0</v>
      </c>
      <c r="EU18" s="61">
        <v>0</v>
      </c>
      <c r="EV18" s="61">
        <v>0</v>
      </c>
      <c r="EW18" s="61">
        <v>0</v>
      </c>
      <c r="EX18" s="61">
        <v>0</v>
      </c>
      <c r="EY18" s="62">
        <v>0</v>
      </c>
      <c r="EZ18" s="63">
        <v>4</v>
      </c>
      <c r="FA18" s="60">
        <v>0</v>
      </c>
      <c r="FB18" s="61">
        <v>1</v>
      </c>
      <c r="FC18" s="62">
        <v>1</v>
      </c>
      <c r="FD18" s="443">
        <v>0</v>
      </c>
      <c r="FE18" s="61">
        <v>2</v>
      </c>
      <c r="FF18" s="61">
        <v>2</v>
      </c>
      <c r="FG18" s="61">
        <v>1</v>
      </c>
      <c r="FH18" s="61">
        <v>2</v>
      </c>
      <c r="FI18" s="61">
        <v>0</v>
      </c>
      <c r="FJ18" s="62">
        <v>7</v>
      </c>
      <c r="FK18" s="63">
        <v>8</v>
      </c>
      <c r="FL18" s="60">
        <v>2</v>
      </c>
      <c r="FM18" s="61">
        <v>1</v>
      </c>
      <c r="FN18" s="62">
        <v>3</v>
      </c>
      <c r="FO18" s="443">
        <v>0</v>
      </c>
      <c r="FP18" s="61">
        <v>2</v>
      </c>
      <c r="FQ18" s="61">
        <v>4</v>
      </c>
      <c r="FR18" s="61">
        <v>4</v>
      </c>
      <c r="FS18" s="61">
        <v>5</v>
      </c>
      <c r="FT18" s="61">
        <v>0</v>
      </c>
      <c r="FU18" s="62">
        <v>15</v>
      </c>
      <c r="FV18" s="63">
        <v>18</v>
      </c>
      <c r="FW18" s="60">
        <v>0</v>
      </c>
      <c r="FX18" s="61">
        <v>0</v>
      </c>
      <c r="FY18" s="62">
        <v>0</v>
      </c>
      <c r="FZ18" s="443">
        <v>0</v>
      </c>
      <c r="GA18" s="61">
        <v>0</v>
      </c>
      <c r="GB18" s="61">
        <v>0</v>
      </c>
      <c r="GC18" s="61">
        <v>0</v>
      </c>
      <c r="GD18" s="61">
        <v>0</v>
      </c>
      <c r="GE18" s="61">
        <v>0</v>
      </c>
      <c r="GF18" s="62">
        <v>0</v>
      </c>
      <c r="GG18" s="63">
        <v>0</v>
      </c>
      <c r="GH18" s="60">
        <v>5</v>
      </c>
      <c r="GI18" s="61">
        <v>6</v>
      </c>
      <c r="GJ18" s="62">
        <v>11</v>
      </c>
      <c r="GK18" s="443">
        <v>0</v>
      </c>
      <c r="GL18" s="61">
        <v>4</v>
      </c>
      <c r="GM18" s="61">
        <v>7</v>
      </c>
      <c r="GN18" s="61">
        <v>6</v>
      </c>
      <c r="GO18" s="61">
        <v>8</v>
      </c>
      <c r="GP18" s="61">
        <v>1</v>
      </c>
      <c r="GQ18" s="62">
        <v>26</v>
      </c>
      <c r="GR18" s="63">
        <v>37</v>
      </c>
      <c r="GS18" s="113">
        <v>12</v>
      </c>
      <c r="GT18" s="72">
        <v>16</v>
      </c>
      <c r="GU18" s="73">
        <v>28</v>
      </c>
      <c r="GV18" s="443">
        <v>0</v>
      </c>
      <c r="GW18" s="72">
        <v>20</v>
      </c>
      <c r="GX18" s="72">
        <v>25</v>
      </c>
      <c r="GY18" s="72">
        <v>13</v>
      </c>
      <c r="GZ18" s="72">
        <v>17</v>
      </c>
      <c r="HA18" s="72">
        <v>8</v>
      </c>
      <c r="HB18" s="74">
        <v>83</v>
      </c>
      <c r="HC18" s="75">
        <v>111</v>
      </c>
      <c r="HD18" s="60">
        <v>4</v>
      </c>
      <c r="HE18" s="61">
        <v>2</v>
      </c>
      <c r="HF18" s="62">
        <v>6</v>
      </c>
      <c r="HG18" s="443">
        <v>0</v>
      </c>
      <c r="HH18" s="61">
        <v>0</v>
      </c>
      <c r="HI18" s="61">
        <v>0</v>
      </c>
      <c r="HJ18" s="61">
        <v>0</v>
      </c>
      <c r="HK18" s="61">
        <v>0</v>
      </c>
      <c r="HL18" s="61">
        <v>1</v>
      </c>
      <c r="HM18" s="62">
        <v>1</v>
      </c>
      <c r="HN18" s="63">
        <v>7</v>
      </c>
      <c r="HO18" s="60">
        <v>3</v>
      </c>
      <c r="HP18" s="61">
        <v>0</v>
      </c>
      <c r="HQ18" s="62">
        <v>3</v>
      </c>
      <c r="HR18" s="443">
        <v>0</v>
      </c>
      <c r="HS18" s="61">
        <v>1</v>
      </c>
      <c r="HT18" s="61">
        <v>1</v>
      </c>
      <c r="HU18" s="61">
        <v>1</v>
      </c>
      <c r="HV18" s="61">
        <v>2</v>
      </c>
      <c r="HW18" s="61">
        <v>1</v>
      </c>
      <c r="HX18" s="62">
        <v>6</v>
      </c>
      <c r="HY18" s="63">
        <v>9</v>
      </c>
      <c r="HZ18" s="60">
        <v>1</v>
      </c>
      <c r="IA18" s="61">
        <v>2</v>
      </c>
      <c r="IB18" s="62">
        <v>3</v>
      </c>
      <c r="IC18" s="443">
        <v>0</v>
      </c>
      <c r="ID18" s="61">
        <v>1</v>
      </c>
      <c r="IE18" s="61">
        <v>7</v>
      </c>
      <c r="IF18" s="61">
        <v>1</v>
      </c>
      <c r="IG18" s="61">
        <v>2</v>
      </c>
      <c r="IH18" s="61">
        <v>3</v>
      </c>
      <c r="II18" s="62">
        <v>14</v>
      </c>
      <c r="IJ18" s="63">
        <v>17</v>
      </c>
      <c r="IK18" s="60">
        <v>0</v>
      </c>
      <c r="IL18" s="61">
        <v>5</v>
      </c>
      <c r="IM18" s="62">
        <v>5</v>
      </c>
      <c r="IN18" s="443">
        <v>0</v>
      </c>
      <c r="IO18" s="61">
        <v>8</v>
      </c>
      <c r="IP18" s="61">
        <v>3</v>
      </c>
      <c r="IQ18" s="61">
        <v>0</v>
      </c>
      <c r="IR18" s="61">
        <v>2</v>
      </c>
      <c r="IS18" s="61">
        <v>1</v>
      </c>
      <c r="IT18" s="62">
        <v>14</v>
      </c>
      <c r="IU18" s="63">
        <v>19</v>
      </c>
      <c r="IV18" s="60">
        <v>0</v>
      </c>
      <c r="IW18" s="61">
        <v>6</v>
      </c>
      <c r="IX18" s="62">
        <v>6</v>
      </c>
      <c r="IY18" s="443">
        <v>0</v>
      </c>
      <c r="IZ18" s="61">
        <v>5</v>
      </c>
      <c r="JA18" s="61">
        <v>6</v>
      </c>
      <c r="JB18" s="61">
        <v>4</v>
      </c>
      <c r="JC18" s="61">
        <v>5</v>
      </c>
      <c r="JD18" s="61">
        <v>1</v>
      </c>
      <c r="JE18" s="62">
        <v>21</v>
      </c>
      <c r="JF18" s="63">
        <v>27</v>
      </c>
      <c r="JG18" s="60">
        <v>4</v>
      </c>
      <c r="JH18" s="61">
        <v>1</v>
      </c>
      <c r="JI18" s="62">
        <v>5</v>
      </c>
      <c r="JJ18" s="443">
        <v>0</v>
      </c>
      <c r="JK18" s="61">
        <v>5</v>
      </c>
      <c r="JL18" s="61">
        <v>8</v>
      </c>
      <c r="JM18" s="61">
        <v>7</v>
      </c>
      <c r="JN18" s="61">
        <v>6</v>
      </c>
      <c r="JO18" s="61">
        <v>1</v>
      </c>
      <c r="JP18" s="62">
        <v>27</v>
      </c>
      <c r="JQ18" s="63">
        <v>32</v>
      </c>
      <c r="JR18" s="60">
        <v>0</v>
      </c>
      <c r="JS18" s="61">
        <v>0</v>
      </c>
      <c r="JT18" s="62">
        <v>0</v>
      </c>
      <c r="JU18" s="443">
        <v>0</v>
      </c>
      <c r="JV18" s="61">
        <v>0</v>
      </c>
      <c r="JW18" s="61">
        <v>0</v>
      </c>
      <c r="JX18" s="61">
        <v>0</v>
      </c>
      <c r="JY18" s="61">
        <v>0</v>
      </c>
      <c r="JZ18" s="61">
        <v>0</v>
      </c>
      <c r="KA18" s="62">
        <v>0</v>
      </c>
      <c r="KB18" s="63">
        <v>0</v>
      </c>
      <c r="KC18" s="60">
        <v>12</v>
      </c>
      <c r="KD18" s="61">
        <v>16</v>
      </c>
      <c r="KE18" s="62">
        <v>28</v>
      </c>
      <c r="KF18" s="443">
        <v>0</v>
      </c>
      <c r="KG18" s="61">
        <v>20</v>
      </c>
      <c r="KH18" s="61">
        <v>25</v>
      </c>
      <c r="KI18" s="61">
        <v>13</v>
      </c>
      <c r="KJ18" s="61">
        <v>17</v>
      </c>
      <c r="KK18" s="61">
        <v>8</v>
      </c>
      <c r="KL18" s="62">
        <v>83</v>
      </c>
      <c r="KM18" s="63">
        <v>111</v>
      </c>
    </row>
    <row r="19" spans="2:299" ht="21" customHeight="1" x14ac:dyDescent="0.2">
      <c r="B19" s="437" t="s">
        <v>16</v>
      </c>
      <c r="C19" s="287">
        <v>28</v>
      </c>
      <c r="D19" s="72">
        <v>30</v>
      </c>
      <c r="E19" s="73">
        <v>58</v>
      </c>
      <c r="F19" s="443">
        <v>0</v>
      </c>
      <c r="G19" s="72">
        <v>44</v>
      </c>
      <c r="H19" s="72">
        <v>69</v>
      </c>
      <c r="I19" s="72">
        <v>40</v>
      </c>
      <c r="J19" s="72">
        <v>23</v>
      </c>
      <c r="K19" s="72">
        <v>14</v>
      </c>
      <c r="L19" s="74">
        <v>190</v>
      </c>
      <c r="M19" s="75">
        <v>248</v>
      </c>
      <c r="N19" s="60">
        <v>0</v>
      </c>
      <c r="O19" s="61">
        <v>1</v>
      </c>
      <c r="P19" s="62">
        <v>1</v>
      </c>
      <c r="Q19" s="443">
        <v>0</v>
      </c>
      <c r="R19" s="61">
        <v>1</v>
      </c>
      <c r="S19" s="61">
        <v>2</v>
      </c>
      <c r="T19" s="61">
        <v>1</v>
      </c>
      <c r="U19" s="61">
        <v>1</v>
      </c>
      <c r="V19" s="61">
        <v>3</v>
      </c>
      <c r="W19" s="62">
        <v>8</v>
      </c>
      <c r="X19" s="63">
        <v>9</v>
      </c>
      <c r="Y19" s="60">
        <v>1</v>
      </c>
      <c r="Z19" s="61">
        <v>4</v>
      </c>
      <c r="AA19" s="62">
        <v>5</v>
      </c>
      <c r="AB19" s="443">
        <v>0</v>
      </c>
      <c r="AC19" s="61">
        <v>4</v>
      </c>
      <c r="AD19" s="61">
        <v>8</v>
      </c>
      <c r="AE19" s="61">
        <v>4</v>
      </c>
      <c r="AF19" s="61">
        <v>1</v>
      </c>
      <c r="AG19" s="61">
        <v>1</v>
      </c>
      <c r="AH19" s="62">
        <v>18</v>
      </c>
      <c r="AI19" s="63">
        <v>23</v>
      </c>
      <c r="AJ19" s="60">
        <v>5</v>
      </c>
      <c r="AK19" s="61">
        <v>3</v>
      </c>
      <c r="AL19" s="62">
        <v>8</v>
      </c>
      <c r="AM19" s="443">
        <v>0</v>
      </c>
      <c r="AN19" s="61">
        <v>3</v>
      </c>
      <c r="AO19" s="61">
        <v>14</v>
      </c>
      <c r="AP19" s="61">
        <v>5</v>
      </c>
      <c r="AQ19" s="61">
        <v>3</v>
      </c>
      <c r="AR19" s="61">
        <v>2</v>
      </c>
      <c r="AS19" s="62">
        <v>27</v>
      </c>
      <c r="AT19" s="63">
        <v>35</v>
      </c>
      <c r="AU19" s="60">
        <v>8</v>
      </c>
      <c r="AV19" s="61">
        <v>6</v>
      </c>
      <c r="AW19" s="62">
        <v>14</v>
      </c>
      <c r="AX19" s="443">
        <v>0</v>
      </c>
      <c r="AY19" s="61">
        <v>12</v>
      </c>
      <c r="AZ19" s="61">
        <v>19</v>
      </c>
      <c r="BA19" s="61">
        <v>9</v>
      </c>
      <c r="BB19" s="61">
        <v>5</v>
      </c>
      <c r="BC19" s="61">
        <v>2</v>
      </c>
      <c r="BD19" s="62">
        <v>47</v>
      </c>
      <c r="BE19" s="63">
        <v>61</v>
      </c>
      <c r="BF19" s="60">
        <v>10</v>
      </c>
      <c r="BG19" s="61">
        <v>7</v>
      </c>
      <c r="BH19" s="62">
        <v>17</v>
      </c>
      <c r="BI19" s="443">
        <v>0</v>
      </c>
      <c r="BJ19" s="61">
        <v>14</v>
      </c>
      <c r="BK19" s="61">
        <v>14</v>
      </c>
      <c r="BL19" s="61">
        <v>12</v>
      </c>
      <c r="BM19" s="61">
        <v>4</v>
      </c>
      <c r="BN19" s="61">
        <v>6</v>
      </c>
      <c r="BO19" s="62">
        <v>50</v>
      </c>
      <c r="BP19" s="63">
        <v>67</v>
      </c>
      <c r="BQ19" s="60">
        <v>4</v>
      </c>
      <c r="BR19" s="61">
        <v>9</v>
      </c>
      <c r="BS19" s="62">
        <v>13</v>
      </c>
      <c r="BT19" s="443">
        <v>0</v>
      </c>
      <c r="BU19" s="61">
        <v>10</v>
      </c>
      <c r="BV19" s="61">
        <v>12</v>
      </c>
      <c r="BW19" s="61">
        <v>9</v>
      </c>
      <c r="BX19" s="61">
        <v>9</v>
      </c>
      <c r="BY19" s="61">
        <v>0</v>
      </c>
      <c r="BZ19" s="62">
        <v>40</v>
      </c>
      <c r="CA19" s="63">
        <v>53</v>
      </c>
      <c r="CB19" s="60">
        <v>0</v>
      </c>
      <c r="CC19" s="61">
        <v>0</v>
      </c>
      <c r="CD19" s="62">
        <v>0</v>
      </c>
      <c r="CE19" s="443">
        <v>0</v>
      </c>
      <c r="CF19" s="61">
        <v>0</v>
      </c>
      <c r="CG19" s="61">
        <v>0</v>
      </c>
      <c r="CH19" s="61">
        <v>0</v>
      </c>
      <c r="CI19" s="61">
        <v>0</v>
      </c>
      <c r="CJ19" s="61">
        <v>0</v>
      </c>
      <c r="CK19" s="62">
        <v>0</v>
      </c>
      <c r="CL19" s="63">
        <v>0</v>
      </c>
      <c r="CM19" s="60">
        <v>28</v>
      </c>
      <c r="CN19" s="61">
        <v>30</v>
      </c>
      <c r="CO19" s="62">
        <v>58</v>
      </c>
      <c r="CP19" s="443">
        <v>0</v>
      </c>
      <c r="CQ19" s="61">
        <v>44</v>
      </c>
      <c r="CR19" s="61">
        <v>69</v>
      </c>
      <c r="CS19" s="61">
        <v>40</v>
      </c>
      <c r="CT19" s="61">
        <v>23</v>
      </c>
      <c r="CU19" s="61">
        <v>14</v>
      </c>
      <c r="CV19" s="62">
        <v>190</v>
      </c>
      <c r="CW19" s="63">
        <v>248</v>
      </c>
      <c r="CX19" s="113">
        <v>14</v>
      </c>
      <c r="CY19" s="72">
        <v>15</v>
      </c>
      <c r="CZ19" s="73">
        <v>29</v>
      </c>
      <c r="DA19" s="443">
        <v>0</v>
      </c>
      <c r="DB19" s="72">
        <v>21</v>
      </c>
      <c r="DC19" s="72">
        <v>22</v>
      </c>
      <c r="DD19" s="72">
        <v>18</v>
      </c>
      <c r="DE19" s="72">
        <v>15</v>
      </c>
      <c r="DF19" s="72">
        <v>5</v>
      </c>
      <c r="DG19" s="74">
        <v>81</v>
      </c>
      <c r="DH19" s="75">
        <v>110</v>
      </c>
      <c r="DI19" s="60">
        <v>0</v>
      </c>
      <c r="DJ19" s="61">
        <v>1</v>
      </c>
      <c r="DK19" s="62">
        <v>1</v>
      </c>
      <c r="DL19" s="443">
        <v>0</v>
      </c>
      <c r="DM19" s="61">
        <v>0</v>
      </c>
      <c r="DN19" s="61">
        <v>1</v>
      </c>
      <c r="DO19" s="61">
        <v>0</v>
      </c>
      <c r="DP19" s="61">
        <v>0</v>
      </c>
      <c r="DQ19" s="61">
        <v>0</v>
      </c>
      <c r="DR19" s="62">
        <v>1</v>
      </c>
      <c r="DS19" s="63">
        <v>2</v>
      </c>
      <c r="DT19" s="60">
        <v>2</v>
      </c>
      <c r="DU19" s="61">
        <v>3</v>
      </c>
      <c r="DV19" s="62">
        <v>5</v>
      </c>
      <c r="DW19" s="443">
        <v>0</v>
      </c>
      <c r="DX19" s="61">
        <v>0</v>
      </c>
      <c r="DY19" s="61">
        <v>2</v>
      </c>
      <c r="DZ19" s="61">
        <v>0</v>
      </c>
      <c r="EA19" s="61">
        <v>0</v>
      </c>
      <c r="EB19" s="61">
        <v>0</v>
      </c>
      <c r="EC19" s="62">
        <v>2</v>
      </c>
      <c r="ED19" s="63">
        <v>7</v>
      </c>
      <c r="EE19" s="60">
        <v>3</v>
      </c>
      <c r="EF19" s="61">
        <v>2</v>
      </c>
      <c r="EG19" s="62">
        <v>5</v>
      </c>
      <c r="EH19" s="443">
        <v>0</v>
      </c>
      <c r="EI19" s="61">
        <v>1</v>
      </c>
      <c r="EJ19" s="61">
        <v>1</v>
      </c>
      <c r="EK19" s="61">
        <v>1</v>
      </c>
      <c r="EL19" s="61">
        <v>0</v>
      </c>
      <c r="EM19" s="61">
        <v>1</v>
      </c>
      <c r="EN19" s="62">
        <v>4</v>
      </c>
      <c r="EO19" s="63">
        <v>9</v>
      </c>
      <c r="EP19" s="60">
        <v>5</v>
      </c>
      <c r="EQ19" s="61">
        <v>2</v>
      </c>
      <c r="ER19" s="62">
        <v>7</v>
      </c>
      <c r="ES19" s="443">
        <v>0</v>
      </c>
      <c r="ET19" s="61">
        <v>5</v>
      </c>
      <c r="EU19" s="61">
        <v>5</v>
      </c>
      <c r="EV19" s="61">
        <v>5</v>
      </c>
      <c r="EW19" s="61">
        <v>0</v>
      </c>
      <c r="EX19" s="61">
        <v>0</v>
      </c>
      <c r="EY19" s="62">
        <v>15</v>
      </c>
      <c r="EZ19" s="63">
        <v>22</v>
      </c>
      <c r="FA19" s="60">
        <v>2</v>
      </c>
      <c r="FB19" s="61">
        <v>3</v>
      </c>
      <c r="FC19" s="62">
        <v>5</v>
      </c>
      <c r="FD19" s="443">
        <v>0</v>
      </c>
      <c r="FE19" s="61">
        <v>8</v>
      </c>
      <c r="FF19" s="61">
        <v>7</v>
      </c>
      <c r="FG19" s="61">
        <v>5</v>
      </c>
      <c r="FH19" s="61">
        <v>2</v>
      </c>
      <c r="FI19" s="61">
        <v>1</v>
      </c>
      <c r="FJ19" s="62">
        <v>23</v>
      </c>
      <c r="FK19" s="63">
        <v>28</v>
      </c>
      <c r="FL19" s="60">
        <v>2</v>
      </c>
      <c r="FM19" s="61">
        <v>4</v>
      </c>
      <c r="FN19" s="62">
        <v>6</v>
      </c>
      <c r="FO19" s="443">
        <v>0</v>
      </c>
      <c r="FP19" s="61">
        <v>7</v>
      </c>
      <c r="FQ19" s="61">
        <v>6</v>
      </c>
      <c r="FR19" s="61">
        <v>7</v>
      </c>
      <c r="FS19" s="61">
        <v>13</v>
      </c>
      <c r="FT19" s="61">
        <v>3</v>
      </c>
      <c r="FU19" s="62">
        <v>36</v>
      </c>
      <c r="FV19" s="63">
        <v>42</v>
      </c>
      <c r="FW19" s="60">
        <v>0</v>
      </c>
      <c r="FX19" s="61">
        <v>0</v>
      </c>
      <c r="FY19" s="62">
        <v>0</v>
      </c>
      <c r="FZ19" s="443">
        <v>0</v>
      </c>
      <c r="GA19" s="61">
        <v>0</v>
      </c>
      <c r="GB19" s="61">
        <v>0</v>
      </c>
      <c r="GC19" s="61">
        <v>0</v>
      </c>
      <c r="GD19" s="61">
        <v>0</v>
      </c>
      <c r="GE19" s="61">
        <v>0</v>
      </c>
      <c r="GF19" s="62">
        <v>0</v>
      </c>
      <c r="GG19" s="63">
        <v>0</v>
      </c>
      <c r="GH19" s="60">
        <v>14</v>
      </c>
      <c r="GI19" s="61">
        <v>15</v>
      </c>
      <c r="GJ19" s="62">
        <v>29</v>
      </c>
      <c r="GK19" s="443">
        <v>0</v>
      </c>
      <c r="GL19" s="61">
        <v>21</v>
      </c>
      <c r="GM19" s="61">
        <v>22</v>
      </c>
      <c r="GN19" s="61">
        <v>18</v>
      </c>
      <c r="GO19" s="61">
        <v>15</v>
      </c>
      <c r="GP19" s="61">
        <v>5</v>
      </c>
      <c r="GQ19" s="62">
        <v>81</v>
      </c>
      <c r="GR19" s="63">
        <v>110</v>
      </c>
      <c r="GS19" s="113">
        <v>42</v>
      </c>
      <c r="GT19" s="72">
        <v>45</v>
      </c>
      <c r="GU19" s="73">
        <v>87</v>
      </c>
      <c r="GV19" s="443">
        <v>0</v>
      </c>
      <c r="GW19" s="72">
        <v>65</v>
      </c>
      <c r="GX19" s="72">
        <v>91</v>
      </c>
      <c r="GY19" s="72">
        <v>58</v>
      </c>
      <c r="GZ19" s="72">
        <v>38</v>
      </c>
      <c r="HA19" s="72">
        <v>19</v>
      </c>
      <c r="HB19" s="74">
        <v>271</v>
      </c>
      <c r="HC19" s="75">
        <v>358</v>
      </c>
      <c r="HD19" s="60">
        <v>0</v>
      </c>
      <c r="HE19" s="61">
        <v>2</v>
      </c>
      <c r="HF19" s="62">
        <v>2</v>
      </c>
      <c r="HG19" s="443">
        <v>0</v>
      </c>
      <c r="HH19" s="61">
        <v>1</v>
      </c>
      <c r="HI19" s="61">
        <v>3</v>
      </c>
      <c r="HJ19" s="61">
        <v>1</v>
      </c>
      <c r="HK19" s="61">
        <v>1</v>
      </c>
      <c r="HL19" s="61">
        <v>3</v>
      </c>
      <c r="HM19" s="62">
        <v>9</v>
      </c>
      <c r="HN19" s="63">
        <v>11</v>
      </c>
      <c r="HO19" s="60">
        <v>3</v>
      </c>
      <c r="HP19" s="61">
        <v>7</v>
      </c>
      <c r="HQ19" s="62">
        <v>10</v>
      </c>
      <c r="HR19" s="443">
        <v>0</v>
      </c>
      <c r="HS19" s="61">
        <v>4</v>
      </c>
      <c r="HT19" s="61">
        <v>10</v>
      </c>
      <c r="HU19" s="61">
        <v>4</v>
      </c>
      <c r="HV19" s="61">
        <v>1</v>
      </c>
      <c r="HW19" s="61">
        <v>1</v>
      </c>
      <c r="HX19" s="62">
        <v>20</v>
      </c>
      <c r="HY19" s="63">
        <v>30</v>
      </c>
      <c r="HZ19" s="60">
        <v>8</v>
      </c>
      <c r="IA19" s="61">
        <v>5</v>
      </c>
      <c r="IB19" s="62">
        <v>13</v>
      </c>
      <c r="IC19" s="443">
        <v>0</v>
      </c>
      <c r="ID19" s="61">
        <v>4</v>
      </c>
      <c r="IE19" s="61">
        <v>15</v>
      </c>
      <c r="IF19" s="61">
        <v>6</v>
      </c>
      <c r="IG19" s="61">
        <v>3</v>
      </c>
      <c r="IH19" s="61">
        <v>3</v>
      </c>
      <c r="II19" s="62">
        <v>31</v>
      </c>
      <c r="IJ19" s="63">
        <v>44</v>
      </c>
      <c r="IK19" s="60">
        <v>13</v>
      </c>
      <c r="IL19" s="61">
        <v>8</v>
      </c>
      <c r="IM19" s="62">
        <v>21</v>
      </c>
      <c r="IN19" s="443">
        <v>0</v>
      </c>
      <c r="IO19" s="61">
        <v>17</v>
      </c>
      <c r="IP19" s="61">
        <v>24</v>
      </c>
      <c r="IQ19" s="61">
        <v>14</v>
      </c>
      <c r="IR19" s="61">
        <v>5</v>
      </c>
      <c r="IS19" s="61">
        <v>2</v>
      </c>
      <c r="IT19" s="62">
        <v>62</v>
      </c>
      <c r="IU19" s="63">
        <v>83</v>
      </c>
      <c r="IV19" s="60">
        <v>12</v>
      </c>
      <c r="IW19" s="61">
        <v>10</v>
      </c>
      <c r="IX19" s="62">
        <v>22</v>
      </c>
      <c r="IY19" s="443">
        <v>0</v>
      </c>
      <c r="IZ19" s="61">
        <v>22</v>
      </c>
      <c r="JA19" s="61">
        <v>21</v>
      </c>
      <c r="JB19" s="61">
        <v>17</v>
      </c>
      <c r="JC19" s="61">
        <v>6</v>
      </c>
      <c r="JD19" s="61">
        <v>7</v>
      </c>
      <c r="JE19" s="62">
        <v>73</v>
      </c>
      <c r="JF19" s="63">
        <v>95</v>
      </c>
      <c r="JG19" s="60">
        <v>6</v>
      </c>
      <c r="JH19" s="61">
        <v>13</v>
      </c>
      <c r="JI19" s="62">
        <v>19</v>
      </c>
      <c r="JJ19" s="443">
        <v>0</v>
      </c>
      <c r="JK19" s="61">
        <v>17</v>
      </c>
      <c r="JL19" s="61">
        <v>18</v>
      </c>
      <c r="JM19" s="61">
        <v>16</v>
      </c>
      <c r="JN19" s="61">
        <v>22</v>
      </c>
      <c r="JO19" s="61">
        <v>3</v>
      </c>
      <c r="JP19" s="62">
        <v>76</v>
      </c>
      <c r="JQ19" s="63">
        <v>95</v>
      </c>
      <c r="JR19" s="60">
        <v>0</v>
      </c>
      <c r="JS19" s="61">
        <v>0</v>
      </c>
      <c r="JT19" s="62">
        <v>0</v>
      </c>
      <c r="JU19" s="443">
        <v>0</v>
      </c>
      <c r="JV19" s="61">
        <v>0</v>
      </c>
      <c r="JW19" s="61">
        <v>0</v>
      </c>
      <c r="JX19" s="61">
        <v>0</v>
      </c>
      <c r="JY19" s="61">
        <v>0</v>
      </c>
      <c r="JZ19" s="61">
        <v>0</v>
      </c>
      <c r="KA19" s="62">
        <v>0</v>
      </c>
      <c r="KB19" s="63">
        <v>0</v>
      </c>
      <c r="KC19" s="60">
        <v>42</v>
      </c>
      <c r="KD19" s="61">
        <v>45</v>
      </c>
      <c r="KE19" s="62">
        <v>87</v>
      </c>
      <c r="KF19" s="443">
        <v>0</v>
      </c>
      <c r="KG19" s="61">
        <v>65</v>
      </c>
      <c r="KH19" s="61">
        <v>91</v>
      </c>
      <c r="KI19" s="61">
        <v>58</v>
      </c>
      <c r="KJ19" s="61">
        <v>38</v>
      </c>
      <c r="KK19" s="61">
        <v>19</v>
      </c>
      <c r="KL19" s="62">
        <v>271</v>
      </c>
      <c r="KM19" s="63">
        <v>358</v>
      </c>
    </row>
    <row r="20" spans="2:299" ht="21" customHeight="1" x14ac:dyDescent="0.2">
      <c r="B20" s="437" t="s">
        <v>17</v>
      </c>
      <c r="C20" s="287">
        <v>51</v>
      </c>
      <c r="D20" s="72">
        <v>56</v>
      </c>
      <c r="E20" s="73">
        <v>107</v>
      </c>
      <c r="F20" s="443">
        <v>0</v>
      </c>
      <c r="G20" s="72">
        <v>81</v>
      </c>
      <c r="H20" s="72">
        <v>90</v>
      </c>
      <c r="I20" s="72">
        <v>64</v>
      </c>
      <c r="J20" s="72">
        <v>45</v>
      </c>
      <c r="K20" s="72">
        <v>21</v>
      </c>
      <c r="L20" s="74">
        <v>301</v>
      </c>
      <c r="M20" s="75">
        <v>408</v>
      </c>
      <c r="N20" s="60">
        <v>3</v>
      </c>
      <c r="O20" s="61">
        <v>3</v>
      </c>
      <c r="P20" s="62">
        <v>6</v>
      </c>
      <c r="Q20" s="443">
        <v>0</v>
      </c>
      <c r="R20" s="61">
        <v>3</v>
      </c>
      <c r="S20" s="61">
        <v>5</v>
      </c>
      <c r="T20" s="61">
        <v>2</v>
      </c>
      <c r="U20" s="61">
        <v>4</v>
      </c>
      <c r="V20" s="61">
        <v>1</v>
      </c>
      <c r="W20" s="62">
        <v>15</v>
      </c>
      <c r="X20" s="63">
        <v>21</v>
      </c>
      <c r="Y20" s="60">
        <v>3</v>
      </c>
      <c r="Z20" s="61">
        <v>4</v>
      </c>
      <c r="AA20" s="62">
        <v>7</v>
      </c>
      <c r="AB20" s="443">
        <v>0</v>
      </c>
      <c r="AC20" s="61">
        <v>7</v>
      </c>
      <c r="AD20" s="61">
        <v>12</v>
      </c>
      <c r="AE20" s="61">
        <v>7</v>
      </c>
      <c r="AF20" s="61">
        <v>4</v>
      </c>
      <c r="AG20" s="61">
        <v>1</v>
      </c>
      <c r="AH20" s="62">
        <v>31</v>
      </c>
      <c r="AI20" s="63">
        <v>38</v>
      </c>
      <c r="AJ20" s="60">
        <v>8</v>
      </c>
      <c r="AK20" s="61">
        <v>6</v>
      </c>
      <c r="AL20" s="62">
        <v>14</v>
      </c>
      <c r="AM20" s="443">
        <v>0</v>
      </c>
      <c r="AN20" s="61">
        <v>10</v>
      </c>
      <c r="AO20" s="61">
        <v>11</v>
      </c>
      <c r="AP20" s="61">
        <v>7</v>
      </c>
      <c r="AQ20" s="61">
        <v>8</v>
      </c>
      <c r="AR20" s="61">
        <v>4</v>
      </c>
      <c r="AS20" s="62">
        <v>40</v>
      </c>
      <c r="AT20" s="63">
        <v>54</v>
      </c>
      <c r="AU20" s="60">
        <v>11</v>
      </c>
      <c r="AV20" s="61">
        <v>11</v>
      </c>
      <c r="AW20" s="62">
        <v>22</v>
      </c>
      <c r="AX20" s="443">
        <v>0</v>
      </c>
      <c r="AY20" s="61">
        <v>22</v>
      </c>
      <c r="AZ20" s="61">
        <v>25</v>
      </c>
      <c r="BA20" s="61">
        <v>14</v>
      </c>
      <c r="BB20" s="61">
        <v>6</v>
      </c>
      <c r="BC20" s="61">
        <v>5</v>
      </c>
      <c r="BD20" s="62">
        <v>72</v>
      </c>
      <c r="BE20" s="63">
        <v>94</v>
      </c>
      <c r="BF20" s="60">
        <v>18</v>
      </c>
      <c r="BG20" s="61">
        <v>15</v>
      </c>
      <c r="BH20" s="62">
        <v>33</v>
      </c>
      <c r="BI20" s="443">
        <v>0</v>
      </c>
      <c r="BJ20" s="61">
        <v>25</v>
      </c>
      <c r="BK20" s="61">
        <v>15</v>
      </c>
      <c r="BL20" s="61">
        <v>17</v>
      </c>
      <c r="BM20" s="61">
        <v>13</v>
      </c>
      <c r="BN20" s="61">
        <v>3</v>
      </c>
      <c r="BO20" s="62">
        <v>73</v>
      </c>
      <c r="BP20" s="63">
        <v>106</v>
      </c>
      <c r="BQ20" s="60">
        <v>8</v>
      </c>
      <c r="BR20" s="61">
        <v>17</v>
      </c>
      <c r="BS20" s="62">
        <v>25</v>
      </c>
      <c r="BT20" s="443">
        <v>0</v>
      </c>
      <c r="BU20" s="61">
        <v>14</v>
      </c>
      <c r="BV20" s="61">
        <v>22</v>
      </c>
      <c r="BW20" s="61">
        <v>17</v>
      </c>
      <c r="BX20" s="61">
        <v>10</v>
      </c>
      <c r="BY20" s="61">
        <v>7</v>
      </c>
      <c r="BZ20" s="62">
        <v>70</v>
      </c>
      <c r="CA20" s="63">
        <v>95</v>
      </c>
      <c r="CB20" s="60">
        <v>0</v>
      </c>
      <c r="CC20" s="61">
        <v>0</v>
      </c>
      <c r="CD20" s="62">
        <v>0</v>
      </c>
      <c r="CE20" s="443">
        <v>0</v>
      </c>
      <c r="CF20" s="61">
        <v>0</v>
      </c>
      <c r="CG20" s="61">
        <v>0</v>
      </c>
      <c r="CH20" s="61">
        <v>0</v>
      </c>
      <c r="CI20" s="61">
        <v>0</v>
      </c>
      <c r="CJ20" s="61">
        <v>0</v>
      </c>
      <c r="CK20" s="62">
        <v>0</v>
      </c>
      <c r="CL20" s="63">
        <v>0</v>
      </c>
      <c r="CM20" s="60">
        <v>51</v>
      </c>
      <c r="CN20" s="61">
        <v>56</v>
      </c>
      <c r="CO20" s="62">
        <v>107</v>
      </c>
      <c r="CP20" s="443">
        <v>0</v>
      </c>
      <c r="CQ20" s="61">
        <v>81</v>
      </c>
      <c r="CR20" s="61">
        <v>90</v>
      </c>
      <c r="CS20" s="61">
        <v>64</v>
      </c>
      <c r="CT20" s="61">
        <v>45</v>
      </c>
      <c r="CU20" s="61">
        <v>21</v>
      </c>
      <c r="CV20" s="62">
        <v>301</v>
      </c>
      <c r="CW20" s="63">
        <v>408</v>
      </c>
      <c r="CX20" s="113">
        <v>14</v>
      </c>
      <c r="CY20" s="72">
        <v>30</v>
      </c>
      <c r="CZ20" s="73">
        <v>44</v>
      </c>
      <c r="DA20" s="443">
        <v>0</v>
      </c>
      <c r="DB20" s="72">
        <v>35</v>
      </c>
      <c r="DC20" s="72">
        <v>34</v>
      </c>
      <c r="DD20" s="72">
        <v>29</v>
      </c>
      <c r="DE20" s="72">
        <v>17</v>
      </c>
      <c r="DF20" s="72">
        <v>26</v>
      </c>
      <c r="DG20" s="74">
        <v>141</v>
      </c>
      <c r="DH20" s="75">
        <v>185</v>
      </c>
      <c r="DI20" s="60">
        <v>2</v>
      </c>
      <c r="DJ20" s="61">
        <v>1</v>
      </c>
      <c r="DK20" s="62">
        <v>3</v>
      </c>
      <c r="DL20" s="443">
        <v>0</v>
      </c>
      <c r="DM20" s="61">
        <v>0</v>
      </c>
      <c r="DN20" s="61">
        <v>0</v>
      </c>
      <c r="DO20" s="61">
        <v>0</v>
      </c>
      <c r="DP20" s="61">
        <v>0</v>
      </c>
      <c r="DQ20" s="61">
        <v>0</v>
      </c>
      <c r="DR20" s="62">
        <v>0</v>
      </c>
      <c r="DS20" s="63">
        <v>3</v>
      </c>
      <c r="DT20" s="60">
        <v>1</v>
      </c>
      <c r="DU20" s="61">
        <v>1</v>
      </c>
      <c r="DV20" s="62">
        <v>2</v>
      </c>
      <c r="DW20" s="443">
        <v>0</v>
      </c>
      <c r="DX20" s="61">
        <v>2</v>
      </c>
      <c r="DY20" s="61">
        <v>2</v>
      </c>
      <c r="DZ20" s="61">
        <v>1</v>
      </c>
      <c r="EA20" s="61">
        <v>1</v>
      </c>
      <c r="EB20" s="61">
        <v>1</v>
      </c>
      <c r="EC20" s="62">
        <v>7</v>
      </c>
      <c r="ED20" s="63">
        <v>9</v>
      </c>
      <c r="EE20" s="60">
        <v>3</v>
      </c>
      <c r="EF20" s="61">
        <v>1</v>
      </c>
      <c r="EG20" s="62">
        <v>4</v>
      </c>
      <c r="EH20" s="443">
        <v>0</v>
      </c>
      <c r="EI20" s="61">
        <v>8</v>
      </c>
      <c r="EJ20" s="61">
        <v>4</v>
      </c>
      <c r="EK20" s="61">
        <v>4</v>
      </c>
      <c r="EL20" s="61">
        <v>4</v>
      </c>
      <c r="EM20" s="61">
        <v>1</v>
      </c>
      <c r="EN20" s="62">
        <v>21</v>
      </c>
      <c r="EO20" s="63">
        <v>25</v>
      </c>
      <c r="EP20" s="60">
        <v>3</v>
      </c>
      <c r="EQ20" s="61">
        <v>7</v>
      </c>
      <c r="ER20" s="62">
        <v>10</v>
      </c>
      <c r="ES20" s="443">
        <v>0</v>
      </c>
      <c r="ET20" s="61">
        <v>4</v>
      </c>
      <c r="EU20" s="61">
        <v>7</v>
      </c>
      <c r="EV20" s="61">
        <v>8</v>
      </c>
      <c r="EW20" s="61">
        <v>5</v>
      </c>
      <c r="EX20" s="61">
        <v>8</v>
      </c>
      <c r="EY20" s="62">
        <v>32</v>
      </c>
      <c r="EZ20" s="63">
        <v>42</v>
      </c>
      <c r="FA20" s="60">
        <v>5</v>
      </c>
      <c r="FB20" s="61">
        <v>13</v>
      </c>
      <c r="FC20" s="62">
        <v>18</v>
      </c>
      <c r="FD20" s="443">
        <v>0</v>
      </c>
      <c r="FE20" s="61">
        <v>10</v>
      </c>
      <c r="FF20" s="61">
        <v>8</v>
      </c>
      <c r="FG20" s="61">
        <v>4</v>
      </c>
      <c r="FH20" s="61">
        <v>1</v>
      </c>
      <c r="FI20" s="61">
        <v>8</v>
      </c>
      <c r="FJ20" s="62">
        <v>31</v>
      </c>
      <c r="FK20" s="63">
        <v>49</v>
      </c>
      <c r="FL20" s="60">
        <v>0</v>
      </c>
      <c r="FM20" s="61">
        <v>7</v>
      </c>
      <c r="FN20" s="62">
        <v>7</v>
      </c>
      <c r="FO20" s="443">
        <v>0</v>
      </c>
      <c r="FP20" s="61">
        <v>11</v>
      </c>
      <c r="FQ20" s="61">
        <v>13</v>
      </c>
      <c r="FR20" s="61">
        <v>12</v>
      </c>
      <c r="FS20" s="61">
        <v>6</v>
      </c>
      <c r="FT20" s="61">
        <v>8</v>
      </c>
      <c r="FU20" s="62">
        <v>50</v>
      </c>
      <c r="FV20" s="63">
        <v>57</v>
      </c>
      <c r="FW20" s="60">
        <v>0</v>
      </c>
      <c r="FX20" s="61">
        <v>0</v>
      </c>
      <c r="FY20" s="62">
        <v>0</v>
      </c>
      <c r="FZ20" s="443">
        <v>0</v>
      </c>
      <c r="GA20" s="61">
        <v>0</v>
      </c>
      <c r="GB20" s="61">
        <v>0</v>
      </c>
      <c r="GC20" s="61">
        <v>0</v>
      </c>
      <c r="GD20" s="61">
        <v>0</v>
      </c>
      <c r="GE20" s="61">
        <v>0</v>
      </c>
      <c r="GF20" s="62">
        <v>0</v>
      </c>
      <c r="GG20" s="63">
        <v>0</v>
      </c>
      <c r="GH20" s="60">
        <v>14</v>
      </c>
      <c r="GI20" s="61">
        <v>30</v>
      </c>
      <c r="GJ20" s="62">
        <v>44</v>
      </c>
      <c r="GK20" s="443">
        <v>0</v>
      </c>
      <c r="GL20" s="61">
        <v>35</v>
      </c>
      <c r="GM20" s="61">
        <v>34</v>
      </c>
      <c r="GN20" s="61">
        <v>29</v>
      </c>
      <c r="GO20" s="61">
        <v>17</v>
      </c>
      <c r="GP20" s="61">
        <v>26</v>
      </c>
      <c r="GQ20" s="62">
        <v>141</v>
      </c>
      <c r="GR20" s="63">
        <v>185</v>
      </c>
      <c r="GS20" s="113">
        <v>65</v>
      </c>
      <c r="GT20" s="72">
        <v>86</v>
      </c>
      <c r="GU20" s="73">
        <v>151</v>
      </c>
      <c r="GV20" s="443">
        <v>0</v>
      </c>
      <c r="GW20" s="72">
        <v>116</v>
      </c>
      <c r="GX20" s="72">
        <v>124</v>
      </c>
      <c r="GY20" s="72">
        <v>93</v>
      </c>
      <c r="GZ20" s="72">
        <v>62</v>
      </c>
      <c r="HA20" s="72">
        <v>47</v>
      </c>
      <c r="HB20" s="74">
        <v>442</v>
      </c>
      <c r="HC20" s="75">
        <v>593</v>
      </c>
      <c r="HD20" s="60">
        <v>5</v>
      </c>
      <c r="HE20" s="61">
        <v>4</v>
      </c>
      <c r="HF20" s="62">
        <v>9</v>
      </c>
      <c r="HG20" s="443">
        <v>0</v>
      </c>
      <c r="HH20" s="61">
        <v>3</v>
      </c>
      <c r="HI20" s="61">
        <v>5</v>
      </c>
      <c r="HJ20" s="61">
        <v>2</v>
      </c>
      <c r="HK20" s="61">
        <v>4</v>
      </c>
      <c r="HL20" s="61">
        <v>1</v>
      </c>
      <c r="HM20" s="62">
        <v>15</v>
      </c>
      <c r="HN20" s="63">
        <v>24</v>
      </c>
      <c r="HO20" s="60">
        <v>4</v>
      </c>
      <c r="HP20" s="61">
        <v>5</v>
      </c>
      <c r="HQ20" s="62">
        <v>9</v>
      </c>
      <c r="HR20" s="443">
        <v>0</v>
      </c>
      <c r="HS20" s="61">
        <v>9</v>
      </c>
      <c r="HT20" s="61">
        <v>14</v>
      </c>
      <c r="HU20" s="61">
        <v>8</v>
      </c>
      <c r="HV20" s="61">
        <v>5</v>
      </c>
      <c r="HW20" s="61">
        <v>2</v>
      </c>
      <c r="HX20" s="62">
        <v>38</v>
      </c>
      <c r="HY20" s="63">
        <v>47</v>
      </c>
      <c r="HZ20" s="60">
        <v>11</v>
      </c>
      <c r="IA20" s="61">
        <v>7</v>
      </c>
      <c r="IB20" s="62">
        <v>18</v>
      </c>
      <c r="IC20" s="443">
        <v>0</v>
      </c>
      <c r="ID20" s="61">
        <v>18</v>
      </c>
      <c r="IE20" s="61">
        <v>15</v>
      </c>
      <c r="IF20" s="61">
        <v>11</v>
      </c>
      <c r="IG20" s="61">
        <v>12</v>
      </c>
      <c r="IH20" s="61">
        <v>5</v>
      </c>
      <c r="II20" s="62">
        <v>61</v>
      </c>
      <c r="IJ20" s="63">
        <v>79</v>
      </c>
      <c r="IK20" s="60">
        <v>14</v>
      </c>
      <c r="IL20" s="61">
        <v>18</v>
      </c>
      <c r="IM20" s="62">
        <v>32</v>
      </c>
      <c r="IN20" s="443">
        <v>0</v>
      </c>
      <c r="IO20" s="61">
        <v>26</v>
      </c>
      <c r="IP20" s="61">
        <v>32</v>
      </c>
      <c r="IQ20" s="61">
        <v>22</v>
      </c>
      <c r="IR20" s="61">
        <v>11</v>
      </c>
      <c r="IS20" s="61">
        <v>13</v>
      </c>
      <c r="IT20" s="62">
        <v>104</v>
      </c>
      <c r="IU20" s="63">
        <v>136</v>
      </c>
      <c r="IV20" s="60">
        <v>23</v>
      </c>
      <c r="IW20" s="61">
        <v>28</v>
      </c>
      <c r="IX20" s="62">
        <v>51</v>
      </c>
      <c r="IY20" s="443">
        <v>0</v>
      </c>
      <c r="IZ20" s="61">
        <v>35</v>
      </c>
      <c r="JA20" s="61">
        <v>23</v>
      </c>
      <c r="JB20" s="61">
        <v>21</v>
      </c>
      <c r="JC20" s="61">
        <v>14</v>
      </c>
      <c r="JD20" s="61">
        <v>11</v>
      </c>
      <c r="JE20" s="62">
        <v>104</v>
      </c>
      <c r="JF20" s="63">
        <v>155</v>
      </c>
      <c r="JG20" s="60">
        <v>8</v>
      </c>
      <c r="JH20" s="61">
        <v>24</v>
      </c>
      <c r="JI20" s="62">
        <v>32</v>
      </c>
      <c r="JJ20" s="443">
        <v>0</v>
      </c>
      <c r="JK20" s="61">
        <v>25</v>
      </c>
      <c r="JL20" s="61">
        <v>35</v>
      </c>
      <c r="JM20" s="61">
        <v>29</v>
      </c>
      <c r="JN20" s="61">
        <v>16</v>
      </c>
      <c r="JO20" s="61">
        <v>15</v>
      </c>
      <c r="JP20" s="62">
        <v>120</v>
      </c>
      <c r="JQ20" s="63">
        <v>152</v>
      </c>
      <c r="JR20" s="60">
        <v>0</v>
      </c>
      <c r="JS20" s="61">
        <v>0</v>
      </c>
      <c r="JT20" s="62">
        <v>0</v>
      </c>
      <c r="JU20" s="443">
        <v>0</v>
      </c>
      <c r="JV20" s="61">
        <v>0</v>
      </c>
      <c r="JW20" s="61">
        <v>0</v>
      </c>
      <c r="JX20" s="61">
        <v>0</v>
      </c>
      <c r="JY20" s="61">
        <v>0</v>
      </c>
      <c r="JZ20" s="61">
        <v>0</v>
      </c>
      <c r="KA20" s="62">
        <v>0</v>
      </c>
      <c r="KB20" s="63">
        <v>0</v>
      </c>
      <c r="KC20" s="60">
        <v>65</v>
      </c>
      <c r="KD20" s="61">
        <v>86</v>
      </c>
      <c r="KE20" s="62">
        <v>151</v>
      </c>
      <c r="KF20" s="443">
        <v>0</v>
      </c>
      <c r="KG20" s="61">
        <v>116</v>
      </c>
      <c r="KH20" s="61">
        <v>124</v>
      </c>
      <c r="KI20" s="61">
        <v>93</v>
      </c>
      <c r="KJ20" s="61">
        <v>62</v>
      </c>
      <c r="KK20" s="61">
        <v>47</v>
      </c>
      <c r="KL20" s="62">
        <v>442</v>
      </c>
      <c r="KM20" s="63">
        <v>593</v>
      </c>
    </row>
    <row r="21" spans="2:299" ht="21" customHeight="1" x14ac:dyDescent="0.2">
      <c r="B21" s="437" t="s">
        <v>18</v>
      </c>
      <c r="C21" s="287">
        <v>69</v>
      </c>
      <c r="D21" s="72">
        <v>55</v>
      </c>
      <c r="E21" s="73">
        <v>124</v>
      </c>
      <c r="F21" s="443">
        <v>0</v>
      </c>
      <c r="G21" s="72">
        <v>121</v>
      </c>
      <c r="H21" s="72">
        <v>93</v>
      </c>
      <c r="I21" s="72">
        <v>54</v>
      </c>
      <c r="J21" s="72">
        <v>48</v>
      </c>
      <c r="K21" s="72">
        <v>28</v>
      </c>
      <c r="L21" s="74">
        <v>344</v>
      </c>
      <c r="M21" s="75">
        <v>468</v>
      </c>
      <c r="N21" s="60">
        <v>5</v>
      </c>
      <c r="O21" s="61">
        <v>3</v>
      </c>
      <c r="P21" s="62">
        <v>8</v>
      </c>
      <c r="Q21" s="443">
        <v>0</v>
      </c>
      <c r="R21" s="61">
        <v>12</v>
      </c>
      <c r="S21" s="61">
        <v>3</v>
      </c>
      <c r="T21" s="61">
        <v>4</v>
      </c>
      <c r="U21" s="61">
        <v>1</v>
      </c>
      <c r="V21" s="61">
        <v>3</v>
      </c>
      <c r="W21" s="62">
        <v>23</v>
      </c>
      <c r="X21" s="63">
        <v>31</v>
      </c>
      <c r="Y21" s="60">
        <v>6</v>
      </c>
      <c r="Z21" s="61">
        <v>4</v>
      </c>
      <c r="AA21" s="62">
        <v>10</v>
      </c>
      <c r="AB21" s="443">
        <v>0</v>
      </c>
      <c r="AC21" s="61">
        <v>9</v>
      </c>
      <c r="AD21" s="61">
        <v>7</v>
      </c>
      <c r="AE21" s="61">
        <v>3</v>
      </c>
      <c r="AF21" s="61">
        <v>2</v>
      </c>
      <c r="AG21" s="61">
        <v>2</v>
      </c>
      <c r="AH21" s="62">
        <v>23</v>
      </c>
      <c r="AI21" s="63">
        <v>33</v>
      </c>
      <c r="AJ21" s="60">
        <v>10</v>
      </c>
      <c r="AK21" s="61">
        <v>7</v>
      </c>
      <c r="AL21" s="62">
        <v>17</v>
      </c>
      <c r="AM21" s="443">
        <v>0</v>
      </c>
      <c r="AN21" s="61">
        <v>16</v>
      </c>
      <c r="AO21" s="61">
        <v>9</v>
      </c>
      <c r="AP21" s="61">
        <v>6</v>
      </c>
      <c r="AQ21" s="61">
        <v>10</v>
      </c>
      <c r="AR21" s="61">
        <v>6</v>
      </c>
      <c r="AS21" s="62">
        <v>47</v>
      </c>
      <c r="AT21" s="63">
        <v>64</v>
      </c>
      <c r="AU21" s="60">
        <v>15</v>
      </c>
      <c r="AV21" s="61">
        <v>21</v>
      </c>
      <c r="AW21" s="62">
        <v>36</v>
      </c>
      <c r="AX21" s="443">
        <v>0</v>
      </c>
      <c r="AY21" s="61">
        <v>25</v>
      </c>
      <c r="AZ21" s="61">
        <v>23</v>
      </c>
      <c r="BA21" s="61">
        <v>15</v>
      </c>
      <c r="BB21" s="61">
        <v>12</v>
      </c>
      <c r="BC21" s="61">
        <v>6</v>
      </c>
      <c r="BD21" s="62">
        <v>81</v>
      </c>
      <c r="BE21" s="63">
        <v>117</v>
      </c>
      <c r="BF21" s="60">
        <v>19</v>
      </c>
      <c r="BG21" s="61">
        <v>10</v>
      </c>
      <c r="BH21" s="62">
        <v>29</v>
      </c>
      <c r="BI21" s="443">
        <v>0</v>
      </c>
      <c r="BJ21" s="61">
        <v>28</v>
      </c>
      <c r="BK21" s="61">
        <v>28</v>
      </c>
      <c r="BL21" s="61">
        <v>12</v>
      </c>
      <c r="BM21" s="61">
        <v>12</v>
      </c>
      <c r="BN21" s="61">
        <v>6</v>
      </c>
      <c r="BO21" s="62">
        <v>86</v>
      </c>
      <c r="BP21" s="63">
        <v>115</v>
      </c>
      <c r="BQ21" s="60">
        <v>14</v>
      </c>
      <c r="BR21" s="61">
        <v>10</v>
      </c>
      <c r="BS21" s="62">
        <v>24</v>
      </c>
      <c r="BT21" s="443">
        <v>0</v>
      </c>
      <c r="BU21" s="61">
        <v>31</v>
      </c>
      <c r="BV21" s="61">
        <v>23</v>
      </c>
      <c r="BW21" s="61">
        <v>14</v>
      </c>
      <c r="BX21" s="61">
        <v>11</v>
      </c>
      <c r="BY21" s="61">
        <v>5</v>
      </c>
      <c r="BZ21" s="62">
        <v>84</v>
      </c>
      <c r="CA21" s="63">
        <v>108</v>
      </c>
      <c r="CB21" s="60">
        <v>0</v>
      </c>
      <c r="CC21" s="61">
        <v>0</v>
      </c>
      <c r="CD21" s="62">
        <v>0</v>
      </c>
      <c r="CE21" s="443">
        <v>0</v>
      </c>
      <c r="CF21" s="61">
        <v>0</v>
      </c>
      <c r="CG21" s="61">
        <v>0</v>
      </c>
      <c r="CH21" s="61">
        <v>0</v>
      </c>
      <c r="CI21" s="61">
        <v>0</v>
      </c>
      <c r="CJ21" s="61">
        <v>0</v>
      </c>
      <c r="CK21" s="62">
        <v>0</v>
      </c>
      <c r="CL21" s="63">
        <v>0</v>
      </c>
      <c r="CM21" s="60">
        <v>69</v>
      </c>
      <c r="CN21" s="61">
        <v>55</v>
      </c>
      <c r="CO21" s="62">
        <v>124</v>
      </c>
      <c r="CP21" s="443">
        <v>0</v>
      </c>
      <c r="CQ21" s="61">
        <v>121</v>
      </c>
      <c r="CR21" s="61">
        <v>93</v>
      </c>
      <c r="CS21" s="61">
        <v>54</v>
      </c>
      <c r="CT21" s="61">
        <v>48</v>
      </c>
      <c r="CU21" s="61">
        <v>28</v>
      </c>
      <c r="CV21" s="62">
        <v>344</v>
      </c>
      <c r="CW21" s="63">
        <v>468</v>
      </c>
      <c r="CX21" s="113">
        <v>24</v>
      </c>
      <c r="CY21" s="72">
        <v>34</v>
      </c>
      <c r="CZ21" s="73">
        <v>58</v>
      </c>
      <c r="DA21" s="443">
        <v>0</v>
      </c>
      <c r="DB21" s="72">
        <v>48</v>
      </c>
      <c r="DC21" s="72">
        <v>33</v>
      </c>
      <c r="DD21" s="72">
        <v>39</v>
      </c>
      <c r="DE21" s="72">
        <v>27</v>
      </c>
      <c r="DF21" s="72">
        <v>25</v>
      </c>
      <c r="DG21" s="74">
        <v>172</v>
      </c>
      <c r="DH21" s="75">
        <v>230</v>
      </c>
      <c r="DI21" s="60">
        <v>1</v>
      </c>
      <c r="DJ21" s="61">
        <v>1</v>
      </c>
      <c r="DK21" s="62">
        <v>2</v>
      </c>
      <c r="DL21" s="443">
        <v>0</v>
      </c>
      <c r="DM21" s="61">
        <v>4</v>
      </c>
      <c r="DN21" s="61">
        <v>2</v>
      </c>
      <c r="DO21" s="61">
        <v>1</v>
      </c>
      <c r="DP21" s="61">
        <v>0</v>
      </c>
      <c r="DQ21" s="61">
        <v>2</v>
      </c>
      <c r="DR21" s="62">
        <v>9</v>
      </c>
      <c r="DS21" s="63">
        <v>11</v>
      </c>
      <c r="DT21" s="60">
        <v>2</v>
      </c>
      <c r="DU21" s="61">
        <v>7</v>
      </c>
      <c r="DV21" s="62">
        <v>9</v>
      </c>
      <c r="DW21" s="443">
        <v>0</v>
      </c>
      <c r="DX21" s="61">
        <v>3</v>
      </c>
      <c r="DY21" s="61">
        <v>2</v>
      </c>
      <c r="DZ21" s="61">
        <v>0</v>
      </c>
      <c r="EA21" s="61">
        <v>1</v>
      </c>
      <c r="EB21" s="61">
        <v>1</v>
      </c>
      <c r="EC21" s="62">
        <v>7</v>
      </c>
      <c r="ED21" s="63">
        <v>16</v>
      </c>
      <c r="EE21" s="60">
        <v>2</v>
      </c>
      <c r="EF21" s="61">
        <v>9</v>
      </c>
      <c r="EG21" s="62">
        <v>11</v>
      </c>
      <c r="EH21" s="443">
        <v>0</v>
      </c>
      <c r="EI21" s="61">
        <v>7</v>
      </c>
      <c r="EJ21" s="61">
        <v>4</v>
      </c>
      <c r="EK21" s="61">
        <v>2</v>
      </c>
      <c r="EL21" s="61">
        <v>1</v>
      </c>
      <c r="EM21" s="61">
        <v>1</v>
      </c>
      <c r="EN21" s="62">
        <v>15</v>
      </c>
      <c r="EO21" s="63">
        <v>26</v>
      </c>
      <c r="EP21" s="60">
        <v>9</v>
      </c>
      <c r="EQ21" s="61">
        <v>7</v>
      </c>
      <c r="ER21" s="62">
        <v>16</v>
      </c>
      <c r="ES21" s="443">
        <v>0</v>
      </c>
      <c r="ET21" s="61">
        <v>7</v>
      </c>
      <c r="EU21" s="61">
        <v>8</v>
      </c>
      <c r="EV21" s="61">
        <v>6</v>
      </c>
      <c r="EW21" s="61">
        <v>7</v>
      </c>
      <c r="EX21" s="61">
        <v>4</v>
      </c>
      <c r="EY21" s="62">
        <v>32</v>
      </c>
      <c r="EZ21" s="63">
        <v>48</v>
      </c>
      <c r="FA21" s="60">
        <v>7</v>
      </c>
      <c r="FB21" s="61">
        <v>9</v>
      </c>
      <c r="FC21" s="62">
        <v>16</v>
      </c>
      <c r="FD21" s="443">
        <v>0</v>
      </c>
      <c r="FE21" s="61">
        <v>16</v>
      </c>
      <c r="FF21" s="61">
        <v>8</v>
      </c>
      <c r="FG21" s="61">
        <v>10</v>
      </c>
      <c r="FH21" s="61">
        <v>5</v>
      </c>
      <c r="FI21" s="61">
        <v>6</v>
      </c>
      <c r="FJ21" s="62">
        <v>45</v>
      </c>
      <c r="FK21" s="63">
        <v>61</v>
      </c>
      <c r="FL21" s="60">
        <v>3</v>
      </c>
      <c r="FM21" s="61">
        <v>1</v>
      </c>
      <c r="FN21" s="62">
        <v>4</v>
      </c>
      <c r="FO21" s="443">
        <v>0</v>
      </c>
      <c r="FP21" s="61">
        <v>11</v>
      </c>
      <c r="FQ21" s="61">
        <v>9</v>
      </c>
      <c r="FR21" s="61">
        <v>20</v>
      </c>
      <c r="FS21" s="61">
        <v>13</v>
      </c>
      <c r="FT21" s="61">
        <v>11</v>
      </c>
      <c r="FU21" s="62">
        <v>64</v>
      </c>
      <c r="FV21" s="63">
        <v>68</v>
      </c>
      <c r="FW21" s="60">
        <v>0</v>
      </c>
      <c r="FX21" s="61">
        <v>0</v>
      </c>
      <c r="FY21" s="62">
        <v>0</v>
      </c>
      <c r="FZ21" s="443">
        <v>0</v>
      </c>
      <c r="GA21" s="61">
        <v>0</v>
      </c>
      <c r="GB21" s="61">
        <v>0</v>
      </c>
      <c r="GC21" s="61">
        <v>0</v>
      </c>
      <c r="GD21" s="61">
        <v>0</v>
      </c>
      <c r="GE21" s="61">
        <v>0</v>
      </c>
      <c r="GF21" s="62">
        <v>0</v>
      </c>
      <c r="GG21" s="63">
        <v>0</v>
      </c>
      <c r="GH21" s="60">
        <v>24</v>
      </c>
      <c r="GI21" s="61">
        <v>34</v>
      </c>
      <c r="GJ21" s="62">
        <v>58</v>
      </c>
      <c r="GK21" s="443">
        <v>0</v>
      </c>
      <c r="GL21" s="61">
        <v>48</v>
      </c>
      <c r="GM21" s="61">
        <v>33</v>
      </c>
      <c r="GN21" s="61">
        <v>39</v>
      </c>
      <c r="GO21" s="61">
        <v>27</v>
      </c>
      <c r="GP21" s="61">
        <v>25</v>
      </c>
      <c r="GQ21" s="62">
        <v>172</v>
      </c>
      <c r="GR21" s="63">
        <v>230</v>
      </c>
      <c r="GS21" s="113">
        <v>93</v>
      </c>
      <c r="GT21" s="72">
        <v>89</v>
      </c>
      <c r="GU21" s="73">
        <v>182</v>
      </c>
      <c r="GV21" s="443">
        <v>0</v>
      </c>
      <c r="GW21" s="72">
        <v>169</v>
      </c>
      <c r="GX21" s="72">
        <v>126</v>
      </c>
      <c r="GY21" s="72">
        <v>93</v>
      </c>
      <c r="GZ21" s="72">
        <v>75</v>
      </c>
      <c r="HA21" s="72">
        <v>53</v>
      </c>
      <c r="HB21" s="74">
        <v>516</v>
      </c>
      <c r="HC21" s="75">
        <v>698</v>
      </c>
      <c r="HD21" s="60">
        <v>6</v>
      </c>
      <c r="HE21" s="61">
        <v>4</v>
      </c>
      <c r="HF21" s="62">
        <v>10</v>
      </c>
      <c r="HG21" s="443">
        <v>0</v>
      </c>
      <c r="HH21" s="61">
        <v>16</v>
      </c>
      <c r="HI21" s="61">
        <v>5</v>
      </c>
      <c r="HJ21" s="61">
        <v>5</v>
      </c>
      <c r="HK21" s="61">
        <v>1</v>
      </c>
      <c r="HL21" s="61">
        <v>5</v>
      </c>
      <c r="HM21" s="62">
        <v>32</v>
      </c>
      <c r="HN21" s="63">
        <v>42</v>
      </c>
      <c r="HO21" s="60">
        <v>8</v>
      </c>
      <c r="HP21" s="61">
        <v>11</v>
      </c>
      <c r="HQ21" s="62">
        <v>19</v>
      </c>
      <c r="HR21" s="443">
        <v>0</v>
      </c>
      <c r="HS21" s="61">
        <v>12</v>
      </c>
      <c r="HT21" s="61">
        <v>9</v>
      </c>
      <c r="HU21" s="61">
        <v>3</v>
      </c>
      <c r="HV21" s="61">
        <v>3</v>
      </c>
      <c r="HW21" s="61">
        <v>3</v>
      </c>
      <c r="HX21" s="62">
        <v>30</v>
      </c>
      <c r="HY21" s="63">
        <v>49</v>
      </c>
      <c r="HZ21" s="60">
        <v>12</v>
      </c>
      <c r="IA21" s="61">
        <v>16</v>
      </c>
      <c r="IB21" s="62">
        <v>28</v>
      </c>
      <c r="IC21" s="443">
        <v>0</v>
      </c>
      <c r="ID21" s="61">
        <v>23</v>
      </c>
      <c r="IE21" s="61">
        <v>13</v>
      </c>
      <c r="IF21" s="61">
        <v>8</v>
      </c>
      <c r="IG21" s="61">
        <v>11</v>
      </c>
      <c r="IH21" s="61">
        <v>7</v>
      </c>
      <c r="II21" s="62">
        <v>62</v>
      </c>
      <c r="IJ21" s="63">
        <v>90</v>
      </c>
      <c r="IK21" s="60">
        <v>24</v>
      </c>
      <c r="IL21" s="61">
        <v>28</v>
      </c>
      <c r="IM21" s="62">
        <v>52</v>
      </c>
      <c r="IN21" s="443">
        <v>0</v>
      </c>
      <c r="IO21" s="61">
        <v>32</v>
      </c>
      <c r="IP21" s="61">
        <v>31</v>
      </c>
      <c r="IQ21" s="61">
        <v>21</v>
      </c>
      <c r="IR21" s="61">
        <v>19</v>
      </c>
      <c r="IS21" s="61">
        <v>10</v>
      </c>
      <c r="IT21" s="62">
        <v>113</v>
      </c>
      <c r="IU21" s="63">
        <v>165</v>
      </c>
      <c r="IV21" s="60">
        <v>26</v>
      </c>
      <c r="IW21" s="61">
        <v>19</v>
      </c>
      <c r="IX21" s="62">
        <v>45</v>
      </c>
      <c r="IY21" s="443">
        <v>0</v>
      </c>
      <c r="IZ21" s="61">
        <v>44</v>
      </c>
      <c r="JA21" s="61">
        <v>36</v>
      </c>
      <c r="JB21" s="61">
        <v>22</v>
      </c>
      <c r="JC21" s="61">
        <v>17</v>
      </c>
      <c r="JD21" s="61">
        <v>12</v>
      </c>
      <c r="JE21" s="62">
        <v>131</v>
      </c>
      <c r="JF21" s="63">
        <v>176</v>
      </c>
      <c r="JG21" s="60">
        <v>17</v>
      </c>
      <c r="JH21" s="61">
        <v>11</v>
      </c>
      <c r="JI21" s="62">
        <v>28</v>
      </c>
      <c r="JJ21" s="443">
        <v>0</v>
      </c>
      <c r="JK21" s="61">
        <v>42</v>
      </c>
      <c r="JL21" s="61">
        <v>32</v>
      </c>
      <c r="JM21" s="61">
        <v>34</v>
      </c>
      <c r="JN21" s="61">
        <v>24</v>
      </c>
      <c r="JO21" s="61">
        <v>16</v>
      </c>
      <c r="JP21" s="62">
        <v>148</v>
      </c>
      <c r="JQ21" s="63">
        <v>176</v>
      </c>
      <c r="JR21" s="60">
        <v>0</v>
      </c>
      <c r="JS21" s="61">
        <v>0</v>
      </c>
      <c r="JT21" s="62">
        <v>0</v>
      </c>
      <c r="JU21" s="443">
        <v>0</v>
      </c>
      <c r="JV21" s="61">
        <v>0</v>
      </c>
      <c r="JW21" s="61">
        <v>0</v>
      </c>
      <c r="JX21" s="61">
        <v>0</v>
      </c>
      <c r="JY21" s="61">
        <v>0</v>
      </c>
      <c r="JZ21" s="61">
        <v>0</v>
      </c>
      <c r="KA21" s="62">
        <v>0</v>
      </c>
      <c r="KB21" s="63">
        <v>0</v>
      </c>
      <c r="KC21" s="60">
        <v>93</v>
      </c>
      <c r="KD21" s="61">
        <v>89</v>
      </c>
      <c r="KE21" s="62">
        <v>182</v>
      </c>
      <c r="KF21" s="443">
        <v>0</v>
      </c>
      <c r="KG21" s="61">
        <v>169</v>
      </c>
      <c r="KH21" s="61">
        <v>126</v>
      </c>
      <c r="KI21" s="61">
        <v>93</v>
      </c>
      <c r="KJ21" s="61">
        <v>75</v>
      </c>
      <c r="KK21" s="61">
        <v>53</v>
      </c>
      <c r="KL21" s="62">
        <v>516</v>
      </c>
      <c r="KM21" s="63">
        <v>698</v>
      </c>
    </row>
    <row r="22" spans="2:299" ht="21" customHeight="1" x14ac:dyDescent="0.2">
      <c r="B22" s="437" t="s">
        <v>19</v>
      </c>
      <c r="C22" s="287">
        <v>30</v>
      </c>
      <c r="D22" s="72">
        <v>22</v>
      </c>
      <c r="E22" s="73">
        <v>52</v>
      </c>
      <c r="F22" s="443">
        <v>0</v>
      </c>
      <c r="G22" s="72">
        <v>52</v>
      </c>
      <c r="H22" s="72">
        <v>41</v>
      </c>
      <c r="I22" s="72">
        <v>21</v>
      </c>
      <c r="J22" s="72">
        <v>17</v>
      </c>
      <c r="K22" s="72">
        <v>12</v>
      </c>
      <c r="L22" s="74">
        <v>143</v>
      </c>
      <c r="M22" s="75">
        <v>195</v>
      </c>
      <c r="N22" s="76">
        <v>1</v>
      </c>
      <c r="O22" s="61">
        <v>3</v>
      </c>
      <c r="P22" s="62">
        <v>4</v>
      </c>
      <c r="Q22" s="443">
        <v>0</v>
      </c>
      <c r="R22" s="61">
        <v>2</v>
      </c>
      <c r="S22" s="61">
        <v>0</v>
      </c>
      <c r="T22" s="61">
        <v>1</v>
      </c>
      <c r="U22" s="61">
        <v>0</v>
      </c>
      <c r="V22" s="61">
        <v>0</v>
      </c>
      <c r="W22" s="62">
        <v>3</v>
      </c>
      <c r="X22" s="63">
        <v>7</v>
      </c>
      <c r="Y22" s="60">
        <v>2</v>
      </c>
      <c r="Z22" s="61">
        <v>1</v>
      </c>
      <c r="AA22" s="62">
        <v>3</v>
      </c>
      <c r="AB22" s="443">
        <v>0</v>
      </c>
      <c r="AC22" s="61">
        <v>5</v>
      </c>
      <c r="AD22" s="61">
        <v>3</v>
      </c>
      <c r="AE22" s="61">
        <v>2</v>
      </c>
      <c r="AF22" s="61">
        <v>1</v>
      </c>
      <c r="AG22" s="61">
        <v>1</v>
      </c>
      <c r="AH22" s="62">
        <v>12</v>
      </c>
      <c r="AI22" s="63">
        <v>15</v>
      </c>
      <c r="AJ22" s="76">
        <v>5</v>
      </c>
      <c r="AK22" s="61">
        <v>2</v>
      </c>
      <c r="AL22" s="62">
        <v>7</v>
      </c>
      <c r="AM22" s="443">
        <v>0</v>
      </c>
      <c r="AN22" s="61">
        <v>7</v>
      </c>
      <c r="AO22" s="61">
        <v>5</v>
      </c>
      <c r="AP22" s="61">
        <v>2</v>
      </c>
      <c r="AQ22" s="61">
        <v>3</v>
      </c>
      <c r="AR22" s="61">
        <v>1</v>
      </c>
      <c r="AS22" s="62">
        <v>18</v>
      </c>
      <c r="AT22" s="63">
        <v>25</v>
      </c>
      <c r="AU22" s="60">
        <v>4</v>
      </c>
      <c r="AV22" s="61">
        <v>3</v>
      </c>
      <c r="AW22" s="62">
        <v>7</v>
      </c>
      <c r="AX22" s="443">
        <v>0</v>
      </c>
      <c r="AY22" s="61">
        <v>11</v>
      </c>
      <c r="AZ22" s="61">
        <v>12</v>
      </c>
      <c r="BA22" s="61">
        <v>4</v>
      </c>
      <c r="BB22" s="61">
        <v>2</v>
      </c>
      <c r="BC22" s="61">
        <v>5</v>
      </c>
      <c r="BD22" s="62">
        <v>34</v>
      </c>
      <c r="BE22" s="63">
        <v>41</v>
      </c>
      <c r="BF22" s="76">
        <v>9</v>
      </c>
      <c r="BG22" s="61">
        <v>4</v>
      </c>
      <c r="BH22" s="62">
        <v>13</v>
      </c>
      <c r="BI22" s="443">
        <v>0</v>
      </c>
      <c r="BJ22" s="61">
        <v>10</v>
      </c>
      <c r="BK22" s="61">
        <v>11</v>
      </c>
      <c r="BL22" s="61">
        <v>2</v>
      </c>
      <c r="BM22" s="61">
        <v>7</v>
      </c>
      <c r="BN22" s="61">
        <v>1</v>
      </c>
      <c r="BO22" s="62">
        <v>31</v>
      </c>
      <c r="BP22" s="63">
        <v>44</v>
      </c>
      <c r="BQ22" s="60">
        <v>9</v>
      </c>
      <c r="BR22" s="61">
        <v>9</v>
      </c>
      <c r="BS22" s="62">
        <v>18</v>
      </c>
      <c r="BT22" s="443">
        <v>0</v>
      </c>
      <c r="BU22" s="61">
        <v>17</v>
      </c>
      <c r="BV22" s="61">
        <v>10</v>
      </c>
      <c r="BW22" s="61">
        <v>10</v>
      </c>
      <c r="BX22" s="61">
        <v>4</v>
      </c>
      <c r="BY22" s="61">
        <v>4</v>
      </c>
      <c r="BZ22" s="62">
        <v>45</v>
      </c>
      <c r="CA22" s="63">
        <v>63</v>
      </c>
      <c r="CB22" s="60">
        <v>0</v>
      </c>
      <c r="CC22" s="61">
        <v>0</v>
      </c>
      <c r="CD22" s="62">
        <v>0</v>
      </c>
      <c r="CE22" s="443">
        <v>0</v>
      </c>
      <c r="CF22" s="61">
        <v>0</v>
      </c>
      <c r="CG22" s="61">
        <v>0</v>
      </c>
      <c r="CH22" s="61">
        <v>0</v>
      </c>
      <c r="CI22" s="61">
        <v>0</v>
      </c>
      <c r="CJ22" s="61">
        <v>0</v>
      </c>
      <c r="CK22" s="62">
        <v>0</v>
      </c>
      <c r="CL22" s="63">
        <v>0</v>
      </c>
      <c r="CM22" s="60">
        <v>30</v>
      </c>
      <c r="CN22" s="61">
        <v>22</v>
      </c>
      <c r="CO22" s="62">
        <v>52</v>
      </c>
      <c r="CP22" s="443">
        <v>0</v>
      </c>
      <c r="CQ22" s="61">
        <v>52</v>
      </c>
      <c r="CR22" s="61">
        <v>41</v>
      </c>
      <c r="CS22" s="61">
        <v>21</v>
      </c>
      <c r="CT22" s="61">
        <v>17</v>
      </c>
      <c r="CU22" s="61">
        <v>12</v>
      </c>
      <c r="CV22" s="62">
        <v>143</v>
      </c>
      <c r="CW22" s="63">
        <v>195</v>
      </c>
      <c r="CX22" s="113">
        <v>14</v>
      </c>
      <c r="CY22" s="72">
        <v>4</v>
      </c>
      <c r="CZ22" s="73">
        <v>18</v>
      </c>
      <c r="DA22" s="443">
        <v>0</v>
      </c>
      <c r="DB22" s="72">
        <v>16</v>
      </c>
      <c r="DC22" s="72">
        <v>7</v>
      </c>
      <c r="DD22" s="72">
        <v>15</v>
      </c>
      <c r="DE22" s="72">
        <v>2</v>
      </c>
      <c r="DF22" s="72">
        <v>5</v>
      </c>
      <c r="DG22" s="74">
        <v>45</v>
      </c>
      <c r="DH22" s="75">
        <v>63</v>
      </c>
      <c r="DI22" s="76">
        <v>1</v>
      </c>
      <c r="DJ22" s="61">
        <v>0</v>
      </c>
      <c r="DK22" s="62">
        <v>1</v>
      </c>
      <c r="DL22" s="443">
        <v>0</v>
      </c>
      <c r="DM22" s="61">
        <v>0</v>
      </c>
      <c r="DN22" s="61">
        <v>0</v>
      </c>
      <c r="DO22" s="61">
        <v>1</v>
      </c>
      <c r="DP22" s="61">
        <v>1</v>
      </c>
      <c r="DQ22" s="61">
        <v>0</v>
      </c>
      <c r="DR22" s="62">
        <v>2</v>
      </c>
      <c r="DS22" s="63">
        <v>3</v>
      </c>
      <c r="DT22" s="60">
        <v>1</v>
      </c>
      <c r="DU22" s="61">
        <v>1</v>
      </c>
      <c r="DV22" s="62">
        <v>2</v>
      </c>
      <c r="DW22" s="443">
        <v>0</v>
      </c>
      <c r="DX22" s="61">
        <v>1</v>
      </c>
      <c r="DY22" s="61">
        <v>1</v>
      </c>
      <c r="DZ22" s="61">
        <v>0</v>
      </c>
      <c r="EA22" s="61">
        <v>0</v>
      </c>
      <c r="EB22" s="61">
        <v>0</v>
      </c>
      <c r="EC22" s="62">
        <v>2</v>
      </c>
      <c r="ED22" s="63">
        <v>4</v>
      </c>
      <c r="EE22" s="76">
        <v>4</v>
      </c>
      <c r="EF22" s="61">
        <v>2</v>
      </c>
      <c r="EG22" s="62">
        <v>6</v>
      </c>
      <c r="EH22" s="443">
        <v>0</v>
      </c>
      <c r="EI22" s="61">
        <v>1</v>
      </c>
      <c r="EJ22" s="61">
        <v>2</v>
      </c>
      <c r="EK22" s="61">
        <v>3</v>
      </c>
      <c r="EL22" s="61">
        <v>0</v>
      </c>
      <c r="EM22" s="61">
        <v>0</v>
      </c>
      <c r="EN22" s="62">
        <v>6</v>
      </c>
      <c r="EO22" s="63">
        <v>12</v>
      </c>
      <c r="EP22" s="60">
        <v>6</v>
      </c>
      <c r="EQ22" s="61">
        <v>0</v>
      </c>
      <c r="ER22" s="62">
        <v>6</v>
      </c>
      <c r="ES22" s="443">
        <v>0</v>
      </c>
      <c r="ET22" s="61">
        <v>3</v>
      </c>
      <c r="EU22" s="61">
        <v>0</v>
      </c>
      <c r="EV22" s="61">
        <v>2</v>
      </c>
      <c r="EW22" s="61">
        <v>0</v>
      </c>
      <c r="EX22" s="61">
        <v>1</v>
      </c>
      <c r="EY22" s="62">
        <v>6</v>
      </c>
      <c r="EZ22" s="63">
        <v>12</v>
      </c>
      <c r="FA22" s="76">
        <v>1</v>
      </c>
      <c r="FB22" s="61">
        <v>1</v>
      </c>
      <c r="FC22" s="62">
        <v>2</v>
      </c>
      <c r="FD22" s="443">
        <v>0</v>
      </c>
      <c r="FE22" s="61">
        <v>6</v>
      </c>
      <c r="FF22" s="61">
        <v>2</v>
      </c>
      <c r="FG22" s="61">
        <v>4</v>
      </c>
      <c r="FH22" s="61">
        <v>0</v>
      </c>
      <c r="FI22" s="61">
        <v>0</v>
      </c>
      <c r="FJ22" s="62">
        <v>12</v>
      </c>
      <c r="FK22" s="63">
        <v>14</v>
      </c>
      <c r="FL22" s="60">
        <v>1</v>
      </c>
      <c r="FM22" s="61">
        <v>0</v>
      </c>
      <c r="FN22" s="62">
        <v>1</v>
      </c>
      <c r="FO22" s="443">
        <v>0</v>
      </c>
      <c r="FP22" s="61">
        <v>5</v>
      </c>
      <c r="FQ22" s="61">
        <v>2</v>
      </c>
      <c r="FR22" s="61">
        <v>5</v>
      </c>
      <c r="FS22" s="61">
        <v>1</v>
      </c>
      <c r="FT22" s="61">
        <v>4</v>
      </c>
      <c r="FU22" s="62">
        <v>17</v>
      </c>
      <c r="FV22" s="63">
        <v>18</v>
      </c>
      <c r="FW22" s="60">
        <v>0</v>
      </c>
      <c r="FX22" s="61">
        <v>0</v>
      </c>
      <c r="FY22" s="62">
        <v>0</v>
      </c>
      <c r="FZ22" s="443">
        <v>0</v>
      </c>
      <c r="GA22" s="61">
        <v>0</v>
      </c>
      <c r="GB22" s="61">
        <v>0</v>
      </c>
      <c r="GC22" s="61">
        <v>0</v>
      </c>
      <c r="GD22" s="61">
        <v>0</v>
      </c>
      <c r="GE22" s="61">
        <v>0</v>
      </c>
      <c r="GF22" s="62">
        <v>0</v>
      </c>
      <c r="GG22" s="63">
        <v>0</v>
      </c>
      <c r="GH22" s="60">
        <v>14</v>
      </c>
      <c r="GI22" s="61">
        <v>4</v>
      </c>
      <c r="GJ22" s="62">
        <v>18</v>
      </c>
      <c r="GK22" s="443">
        <v>0</v>
      </c>
      <c r="GL22" s="61">
        <v>16</v>
      </c>
      <c r="GM22" s="61">
        <v>7</v>
      </c>
      <c r="GN22" s="61">
        <v>15</v>
      </c>
      <c r="GO22" s="61">
        <v>2</v>
      </c>
      <c r="GP22" s="61">
        <v>5</v>
      </c>
      <c r="GQ22" s="62">
        <v>45</v>
      </c>
      <c r="GR22" s="63">
        <v>63</v>
      </c>
      <c r="GS22" s="113">
        <v>44</v>
      </c>
      <c r="GT22" s="72">
        <v>26</v>
      </c>
      <c r="GU22" s="73">
        <v>70</v>
      </c>
      <c r="GV22" s="443">
        <v>0</v>
      </c>
      <c r="GW22" s="72">
        <v>68</v>
      </c>
      <c r="GX22" s="72">
        <v>48</v>
      </c>
      <c r="GY22" s="72">
        <v>36</v>
      </c>
      <c r="GZ22" s="72">
        <v>19</v>
      </c>
      <c r="HA22" s="72">
        <v>17</v>
      </c>
      <c r="HB22" s="74">
        <v>188</v>
      </c>
      <c r="HC22" s="75">
        <v>258</v>
      </c>
      <c r="HD22" s="76">
        <v>2</v>
      </c>
      <c r="HE22" s="61">
        <v>3</v>
      </c>
      <c r="HF22" s="62">
        <v>5</v>
      </c>
      <c r="HG22" s="443">
        <v>0</v>
      </c>
      <c r="HH22" s="61">
        <v>2</v>
      </c>
      <c r="HI22" s="61">
        <v>0</v>
      </c>
      <c r="HJ22" s="61">
        <v>2</v>
      </c>
      <c r="HK22" s="61">
        <v>1</v>
      </c>
      <c r="HL22" s="61">
        <v>0</v>
      </c>
      <c r="HM22" s="62">
        <v>5</v>
      </c>
      <c r="HN22" s="63">
        <v>10</v>
      </c>
      <c r="HO22" s="60">
        <v>3</v>
      </c>
      <c r="HP22" s="61">
        <v>2</v>
      </c>
      <c r="HQ22" s="62">
        <v>5</v>
      </c>
      <c r="HR22" s="443">
        <v>0</v>
      </c>
      <c r="HS22" s="61">
        <v>6</v>
      </c>
      <c r="HT22" s="61">
        <v>4</v>
      </c>
      <c r="HU22" s="61">
        <v>2</v>
      </c>
      <c r="HV22" s="61">
        <v>1</v>
      </c>
      <c r="HW22" s="61">
        <v>1</v>
      </c>
      <c r="HX22" s="62">
        <v>14</v>
      </c>
      <c r="HY22" s="63">
        <v>19</v>
      </c>
      <c r="HZ22" s="76">
        <v>9</v>
      </c>
      <c r="IA22" s="61">
        <v>4</v>
      </c>
      <c r="IB22" s="62">
        <v>13</v>
      </c>
      <c r="IC22" s="443">
        <v>0</v>
      </c>
      <c r="ID22" s="61">
        <v>8</v>
      </c>
      <c r="IE22" s="61">
        <v>7</v>
      </c>
      <c r="IF22" s="61">
        <v>5</v>
      </c>
      <c r="IG22" s="61">
        <v>3</v>
      </c>
      <c r="IH22" s="61">
        <v>1</v>
      </c>
      <c r="II22" s="62">
        <v>24</v>
      </c>
      <c r="IJ22" s="63">
        <v>37</v>
      </c>
      <c r="IK22" s="60">
        <v>10</v>
      </c>
      <c r="IL22" s="61">
        <v>3</v>
      </c>
      <c r="IM22" s="62">
        <v>13</v>
      </c>
      <c r="IN22" s="443">
        <v>0</v>
      </c>
      <c r="IO22" s="61">
        <v>14</v>
      </c>
      <c r="IP22" s="61">
        <v>12</v>
      </c>
      <c r="IQ22" s="61">
        <v>6</v>
      </c>
      <c r="IR22" s="61">
        <v>2</v>
      </c>
      <c r="IS22" s="61">
        <v>6</v>
      </c>
      <c r="IT22" s="62">
        <v>40</v>
      </c>
      <c r="IU22" s="63">
        <v>53</v>
      </c>
      <c r="IV22" s="76">
        <v>10</v>
      </c>
      <c r="IW22" s="61">
        <v>5</v>
      </c>
      <c r="IX22" s="62">
        <v>15</v>
      </c>
      <c r="IY22" s="443">
        <v>0</v>
      </c>
      <c r="IZ22" s="61">
        <v>16</v>
      </c>
      <c r="JA22" s="61">
        <v>13</v>
      </c>
      <c r="JB22" s="61">
        <v>6</v>
      </c>
      <c r="JC22" s="61">
        <v>7</v>
      </c>
      <c r="JD22" s="61">
        <v>1</v>
      </c>
      <c r="JE22" s="62">
        <v>43</v>
      </c>
      <c r="JF22" s="63">
        <v>58</v>
      </c>
      <c r="JG22" s="60">
        <v>10</v>
      </c>
      <c r="JH22" s="61">
        <v>9</v>
      </c>
      <c r="JI22" s="62">
        <v>19</v>
      </c>
      <c r="JJ22" s="443">
        <v>0</v>
      </c>
      <c r="JK22" s="61">
        <v>22</v>
      </c>
      <c r="JL22" s="61">
        <v>12</v>
      </c>
      <c r="JM22" s="61">
        <v>15</v>
      </c>
      <c r="JN22" s="61">
        <v>5</v>
      </c>
      <c r="JO22" s="61">
        <v>8</v>
      </c>
      <c r="JP22" s="62">
        <v>62</v>
      </c>
      <c r="JQ22" s="63">
        <v>81</v>
      </c>
      <c r="JR22" s="60">
        <v>0</v>
      </c>
      <c r="JS22" s="61">
        <v>0</v>
      </c>
      <c r="JT22" s="62">
        <v>0</v>
      </c>
      <c r="JU22" s="443">
        <v>0</v>
      </c>
      <c r="JV22" s="61">
        <v>0</v>
      </c>
      <c r="JW22" s="61">
        <v>0</v>
      </c>
      <c r="JX22" s="61">
        <v>0</v>
      </c>
      <c r="JY22" s="61">
        <v>0</v>
      </c>
      <c r="JZ22" s="61">
        <v>0</v>
      </c>
      <c r="KA22" s="62">
        <v>0</v>
      </c>
      <c r="KB22" s="63">
        <v>0</v>
      </c>
      <c r="KC22" s="60">
        <v>44</v>
      </c>
      <c r="KD22" s="61">
        <v>26</v>
      </c>
      <c r="KE22" s="62">
        <v>70</v>
      </c>
      <c r="KF22" s="443">
        <v>0</v>
      </c>
      <c r="KG22" s="61">
        <v>68</v>
      </c>
      <c r="KH22" s="61">
        <v>48</v>
      </c>
      <c r="KI22" s="61">
        <v>36</v>
      </c>
      <c r="KJ22" s="61">
        <v>19</v>
      </c>
      <c r="KK22" s="61">
        <v>17</v>
      </c>
      <c r="KL22" s="62">
        <v>188</v>
      </c>
      <c r="KM22" s="63">
        <v>258</v>
      </c>
    </row>
    <row r="23" spans="2:299" ht="21" customHeight="1" x14ac:dyDescent="0.2">
      <c r="B23" s="437" t="s">
        <v>20</v>
      </c>
      <c r="C23" s="287">
        <v>32</v>
      </c>
      <c r="D23" s="72">
        <v>54</v>
      </c>
      <c r="E23" s="73">
        <v>86</v>
      </c>
      <c r="F23" s="443">
        <v>0</v>
      </c>
      <c r="G23" s="72">
        <v>60</v>
      </c>
      <c r="H23" s="72">
        <v>51</v>
      </c>
      <c r="I23" s="72">
        <v>30</v>
      </c>
      <c r="J23" s="72">
        <v>25</v>
      </c>
      <c r="K23" s="72">
        <v>20</v>
      </c>
      <c r="L23" s="74">
        <v>186</v>
      </c>
      <c r="M23" s="75">
        <v>272</v>
      </c>
      <c r="N23" s="60">
        <v>0</v>
      </c>
      <c r="O23" s="61">
        <v>2</v>
      </c>
      <c r="P23" s="62">
        <v>2</v>
      </c>
      <c r="Q23" s="443">
        <v>0</v>
      </c>
      <c r="R23" s="61">
        <v>3</v>
      </c>
      <c r="S23" s="61">
        <v>1</v>
      </c>
      <c r="T23" s="61">
        <v>0</v>
      </c>
      <c r="U23" s="61">
        <v>0</v>
      </c>
      <c r="V23" s="61">
        <v>0</v>
      </c>
      <c r="W23" s="62">
        <v>4</v>
      </c>
      <c r="X23" s="63">
        <v>6</v>
      </c>
      <c r="Y23" s="60">
        <v>4</v>
      </c>
      <c r="Z23" s="61">
        <v>4</v>
      </c>
      <c r="AA23" s="62">
        <v>8</v>
      </c>
      <c r="AB23" s="443">
        <v>0</v>
      </c>
      <c r="AC23" s="61">
        <v>8</v>
      </c>
      <c r="AD23" s="61">
        <v>5</v>
      </c>
      <c r="AE23" s="61">
        <v>2</v>
      </c>
      <c r="AF23" s="61">
        <v>3</v>
      </c>
      <c r="AG23" s="61">
        <v>1</v>
      </c>
      <c r="AH23" s="62">
        <v>19</v>
      </c>
      <c r="AI23" s="63">
        <v>27</v>
      </c>
      <c r="AJ23" s="60">
        <v>7</v>
      </c>
      <c r="AK23" s="61">
        <v>6</v>
      </c>
      <c r="AL23" s="62">
        <v>13</v>
      </c>
      <c r="AM23" s="443">
        <v>0</v>
      </c>
      <c r="AN23" s="61">
        <v>5</v>
      </c>
      <c r="AO23" s="61">
        <v>4</v>
      </c>
      <c r="AP23" s="61">
        <v>7</v>
      </c>
      <c r="AQ23" s="61">
        <v>4</v>
      </c>
      <c r="AR23" s="61">
        <v>4</v>
      </c>
      <c r="AS23" s="62">
        <v>24</v>
      </c>
      <c r="AT23" s="63">
        <v>37</v>
      </c>
      <c r="AU23" s="60">
        <v>11</v>
      </c>
      <c r="AV23" s="61">
        <v>14</v>
      </c>
      <c r="AW23" s="62">
        <v>25</v>
      </c>
      <c r="AX23" s="443">
        <v>0</v>
      </c>
      <c r="AY23" s="61">
        <v>17</v>
      </c>
      <c r="AZ23" s="61">
        <v>11</v>
      </c>
      <c r="BA23" s="61">
        <v>13</v>
      </c>
      <c r="BB23" s="61">
        <v>5</v>
      </c>
      <c r="BC23" s="61">
        <v>6</v>
      </c>
      <c r="BD23" s="62">
        <v>52</v>
      </c>
      <c r="BE23" s="63">
        <v>77</v>
      </c>
      <c r="BF23" s="60">
        <v>5</v>
      </c>
      <c r="BG23" s="61">
        <v>19</v>
      </c>
      <c r="BH23" s="62">
        <v>24</v>
      </c>
      <c r="BI23" s="443">
        <v>0</v>
      </c>
      <c r="BJ23" s="61">
        <v>18</v>
      </c>
      <c r="BK23" s="61">
        <v>17</v>
      </c>
      <c r="BL23" s="61">
        <v>6</v>
      </c>
      <c r="BM23" s="61">
        <v>5</v>
      </c>
      <c r="BN23" s="61">
        <v>5</v>
      </c>
      <c r="BO23" s="62">
        <v>51</v>
      </c>
      <c r="BP23" s="63">
        <v>75</v>
      </c>
      <c r="BQ23" s="60">
        <v>5</v>
      </c>
      <c r="BR23" s="61">
        <v>9</v>
      </c>
      <c r="BS23" s="62">
        <v>14</v>
      </c>
      <c r="BT23" s="443">
        <v>0</v>
      </c>
      <c r="BU23" s="61">
        <v>9</v>
      </c>
      <c r="BV23" s="61">
        <v>13</v>
      </c>
      <c r="BW23" s="61">
        <v>2</v>
      </c>
      <c r="BX23" s="61">
        <v>8</v>
      </c>
      <c r="BY23" s="61">
        <v>4</v>
      </c>
      <c r="BZ23" s="62">
        <v>36</v>
      </c>
      <c r="CA23" s="63">
        <v>50</v>
      </c>
      <c r="CB23" s="60">
        <v>0</v>
      </c>
      <c r="CC23" s="61">
        <v>0</v>
      </c>
      <c r="CD23" s="62">
        <v>0</v>
      </c>
      <c r="CE23" s="443">
        <v>0</v>
      </c>
      <c r="CF23" s="61">
        <v>0</v>
      </c>
      <c r="CG23" s="61">
        <v>0</v>
      </c>
      <c r="CH23" s="61">
        <v>0</v>
      </c>
      <c r="CI23" s="61">
        <v>0</v>
      </c>
      <c r="CJ23" s="61">
        <v>0</v>
      </c>
      <c r="CK23" s="62">
        <v>0</v>
      </c>
      <c r="CL23" s="63">
        <v>0</v>
      </c>
      <c r="CM23" s="60">
        <v>32</v>
      </c>
      <c r="CN23" s="61">
        <v>54</v>
      </c>
      <c r="CO23" s="62">
        <v>86</v>
      </c>
      <c r="CP23" s="443">
        <v>0</v>
      </c>
      <c r="CQ23" s="61">
        <v>60</v>
      </c>
      <c r="CR23" s="61">
        <v>51</v>
      </c>
      <c r="CS23" s="61">
        <v>30</v>
      </c>
      <c r="CT23" s="61">
        <v>25</v>
      </c>
      <c r="CU23" s="61">
        <v>20</v>
      </c>
      <c r="CV23" s="62">
        <v>186</v>
      </c>
      <c r="CW23" s="63">
        <v>272</v>
      </c>
      <c r="CX23" s="113">
        <v>14</v>
      </c>
      <c r="CY23" s="72">
        <v>14</v>
      </c>
      <c r="CZ23" s="73">
        <v>28</v>
      </c>
      <c r="DA23" s="443">
        <v>0</v>
      </c>
      <c r="DB23" s="72">
        <v>25</v>
      </c>
      <c r="DC23" s="72">
        <v>24</v>
      </c>
      <c r="DD23" s="72">
        <v>7</v>
      </c>
      <c r="DE23" s="72">
        <v>14</v>
      </c>
      <c r="DF23" s="72">
        <v>6</v>
      </c>
      <c r="DG23" s="74">
        <v>76</v>
      </c>
      <c r="DH23" s="75">
        <v>104</v>
      </c>
      <c r="DI23" s="60">
        <v>0</v>
      </c>
      <c r="DJ23" s="61">
        <v>0</v>
      </c>
      <c r="DK23" s="62">
        <v>0</v>
      </c>
      <c r="DL23" s="443">
        <v>0</v>
      </c>
      <c r="DM23" s="61">
        <v>1</v>
      </c>
      <c r="DN23" s="61">
        <v>1</v>
      </c>
      <c r="DO23" s="61">
        <v>0</v>
      </c>
      <c r="DP23" s="61">
        <v>0</v>
      </c>
      <c r="DQ23" s="61">
        <v>1</v>
      </c>
      <c r="DR23" s="62">
        <v>3</v>
      </c>
      <c r="DS23" s="63">
        <v>3</v>
      </c>
      <c r="DT23" s="60">
        <v>2</v>
      </c>
      <c r="DU23" s="61">
        <v>0</v>
      </c>
      <c r="DV23" s="62">
        <v>2</v>
      </c>
      <c r="DW23" s="443">
        <v>0</v>
      </c>
      <c r="DX23" s="61">
        <v>0</v>
      </c>
      <c r="DY23" s="61">
        <v>0</v>
      </c>
      <c r="DZ23" s="61">
        <v>0</v>
      </c>
      <c r="EA23" s="61">
        <v>0</v>
      </c>
      <c r="EB23" s="61">
        <v>1</v>
      </c>
      <c r="EC23" s="62">
        <v>1</v>
      </c>
      <c r="ED23" s="63">
        <v>3</v>
      </c>
      <c r="EE23" s="60">
        <v>1</v>
      </c>
      <c r="EF23" s="61">
        <v>3</v>
      </c>
      <c r="EG23" s="62">
        <v>4</v>
      </c>
      <c r="EH23" s="443">
        <v>0</v>
      </c>
      <c r="EI23" s="61">
        <v>3</v>
      </c>
      <c r="EJ23" s="61">
        <v>5</v>
      </c>
      <c r="EK23" s="61">
        <v>1</v>
      </c>
      <c r="EL23" s="61">
        <v>2</v>
      </c>
      <c r="EM23" s="61">
        <v>0</v>
      </c>
      <c r="EN23" s="62">
        <v>11</v>
      </c>
      <c r="EO23" s="63">
        <v>15</v>
      </c>
      <c r="EP23" s="60">
        <v>4</v>
      </c>
      <c r="EQ23" s="61">
        <v>4</v>
      </c>
      <c r="ER23" s="62">
        <v>8</v>
      </c>
      <c r="ES23" s="443">
        <v>0</v>
      </c>
      <c r="ET23" s="61">
        <v>4</v>
      </c>
      <c r="EU23" s="61">
        <v>7</v>
      </c>
      <c r="EV23" s="61">
        <v>2</v>
      </c>
      <c r="EW23" s="61">
        <v>2</v>
      </c>
      <c r="EX23" s="61">
        <v>1</v>
      </c>
      <c r="EY23" s="62">
        <v>16</v>
      </c>
      <c r="EZ23" s="63">
        <v>24</v>
      </c>
      <c r="FA23" s="60">
        <v>6</v>
      </c>
      <c r="FB23" s="61">
        <v>2</v>
      </c>
      <c r="FC23" s="62">
        <v>8</v>
      </c>
      <c r="FD23" s="443">
        <v>0</v>
      </c>
      <c r="FE23" s="61">
        <v>7</v>
      </c>
      <c r="FF23" s="61">
        <v>5</v>
      </c>
      <c r="FG23" s="61">
        <v>1</v>
      </c>
      <c r="FH23" s="61">
        <v>3</v>
      </c>
      <c r="FI23" s="61">
        <v>0</v>
      </c>
      <c r="FJ23" s="62">
        <v>16</v>
      </c>
      <c r="FK23" s="63">
        <v>24</v>
      </c>
      <c r="FL23" s="60">
        <v>1</v>
      </c>
      <c r="FM23" s="61">
        <v>5</v>
      </c>
      <c r="FN23" s="62">
        <v>6</v>
      </c>
      <c r="FO23" s="443">
        <v>0</v>
      </c>
      <c r="FP23" s="61">
        <v>10</v>
      </c>
      <c r="FQ23" s="61">
        <v>6</v>
      </c>
      <c r="FR23" s="61">
        <v>3</v>
      </c>
      <c r="FS23" s="61">
        <v>7</v>
      </c>
      <c r="FT23" s="61">
        <v>3</v>
      </c>
      <c r="FU23" s="62">
        <v>29</v>
      </c>
      <c r="FV23" s="63">
        <v>35</v>
      </c>
      <c r="FW23" s="60">
        <v>0</v>
      </c>
      <c r="FX23" s="61">
        <v>0</v>
      </c>
      <c r="FY23" s="62">
        <v>0</v>
      </c>
      <c r="FZ23" s="443">
        <v>0</v>
      </c>
      <c r="GA23" s="61">
        <v>0</v>
      </c>
      <c r="GB23" s="61">
        <v>0</v>
      </c>
      <c r="GC23" s="61">
        <v>0</v>
      </c>
      <c r="GD23" s="61">
        <v>0</v>
      </c>
      <c r="GE23" s="61">
        <v>0</v>
      </c>
      <c r="GF23" s="62">
        <v>0</v>
      </c>
      <c r="GG23" s="63">
        <v>0</v>
      </c>
      <c r="GH23" s="60">
        <v>14</v>
      </c>
      <c r="GI23" s="61">
        <v>14</v>
      </c>
      <c r="GJ23" s="62">
        <v>28</v>
      </c>
      <c r="GK23" s="443">
        <v>0</v>
      </c>
      <c r="GL23" s="61">
        <v>25</v>
      </c>
      <c r="GM23" s="61">
        <v>24</v>
      </c>
      <c r="GN23" s="61">
        <v>7</v>
      </c>
      <c r="GO23" s="61">
        <v>14</v>
      </c>
      <c r="GP23" s="61">
        <v>6</v>
      </c>
      <c r="GQ23" s="62">
        <v>76</v>
      </c>
      <c r="GR23" s="63">
        <v>104</v>
      </c>
      <c r="GS23" s="113">
        <v>46</v>
      </c>
      <c r="GT23" s="72">
        <v>68</v>
      </c>
      <c r="GU23" s="73">
        <v>114</v>
      </c>
      <c r="GV23" s="443">
        <v>0</v>
      </c>
      <c r="GW23" s="72">
        <v>85</v>
      </c>
      <c r="GX23" s="72">
        <v>75</v>
      </c>
      <c r="GY23" s="72">
        <v>37</v>
      </c>
      <c r="GZ23" s="72">
        <v>39</v>
      </c>
      <c r="HA23" s="72">
        <v>26</v>
      </c>
      <c r="HB23" s="74">
        <v>262</v>
      </c>
      <c r="HC23" s="75">
        <v>376</v>
      </c>
      <c r="HD23" s="60">
        <v>0</v>
      </c>
      <c r="HE23" s="61">
        <v>2</v>
      </c>
      <c r="HF23" s="62">
        <v>2</v>
      </c>
      <c r="HG23" s="443">
        <v>0</v>
      </c>
      <c r="HH23" s="61">
        <v>4</v>
      </c>
      <c r="HI23" s="61">
        <v>2</v>
      </c>
      <c r="HJ23" s="61">
        <v>0</v>
      </c>
      <c r="HK23" s="61">
        <v>0</v>
      </c>
      <c r="HL23" s="61">
        <v>1</v>
      </c>
      <c r="HM23" s="62">
        <v>7</v>
      </c>
      <c r="HN23" s="63">
        <v>9</v>
      </c>
      <c r="HO23" s="60">
        <v>6</v>
      </c>
      <c r="HP23" s="61">
        <v>4</v>
      </c>
      <c r="HQ23" s="62">
        <v>10</v>
      </c>
      <c r="HR23" s="443">
        <v>0</v>
      </c>
      <c r="HS23" s="61">
        <v>8</v>
      </c>
      <c r="HT23" s="61">
        <v>5</v>
      </c>
      <c r="HU23" s="61">
        <v>2</v>
      </c>
      <c r="HV23" s="61">
        <v>3</v>
      </c>
      <c r="HW23" s="61">
        <v>2</v>
      </c>
      <c r="HX23" s="62">
        <v>20</v>
      </c>
      <c r="HY23" s="63">
        <v>30</v>
      </c>
      <c r="HZ23" s="60">
        <v>8</v>
      </c>
      <c r="IA23" s="61">
        <v>9</v>
      </c>
      <c r="IB23" s="62">
        <v>17</v>
      </c>
      <c r="IC23" s="443">
        <v>0</v>
      </c>
      <c r="ID23" s="61">
        <v>8</v>
      </c>
      <c r="IE23" s="61">
        <v>9</v>
      </c>
      <c r="IF23" s="61">
        <v>8</v>
      </c>
      <c r="IG23" s="61">
        <v>6</v>
      </c>
      <c r="IH23" s="61">
        <v>4</v>
      </c>
      <c r="II23" s="62">
        <v>35</v>
      </c>
      <c r="IJ23" s="63">
        <v>52</v>
      </c>
      <c r="IK23" s="60">
        <v>15</v>
      </c>
      <c r="IL23" s="61">
        <v>18</v>
      </c>
      <c r="IM23" s="62">
        <v>33</v>
      </c>
      <c r="IN23" s="443">
        <v>0</v>
      </c>
      <c r="IO23" s="61">
        <v>21</v>
      </c>
      <c r="IP23" s="61">
        <v>18</v>
      </c>
      <c r="IQ23" s="61">
        <v>15</v>
      </c>
      <c r="IR23" s="61">
        <v>7</v>
      </c>
      <c r="IS23" s="61">
        <v>7</v>
      </c>
      <c r="IT23" s="62">
        <v>68</v>
      </c>
      <c r="IU23" s="63">
        <v>101</v>
      </c>
      <c r="IV23" s="60">
        <v>11</v>
      </c>
      <c r="IW23" s="61">
        <v>21</v>
      </c>
      <c r="IX23" s="62">
        <v>32</v>
      </c>
      <c r="IY23" s="443">
        <v>0</v>
      </c>
      <c r="IZ23" s="61">
        <v>25</v>
      </c>
      <c r="JA23" s="61">
        <v>22</v>
      </c>
      <c r="JB23" s="61">
        <v>7</v>
      </c>
      <c r="JC23" s="61">
        <v>8</v>
      </c>
      <c r="JD23" s="61">
        <v>5</v>
      </c>
      <c r="JE23" s="62">
        <v>67</v>
      </c>
      <c r="JF23" s="63">
        <v>99</v>
      </c>
      <c r="JG23" s="60">
        <v>6</v>
      </c>
      <c r="JH23" s="61">
        <v>14</v>
      </c>
      <c r="JI23" s="62">
        <v>20</v>
      </c>
      <c r="JJ23" s="443">
        <v>0</v>
      </c>
      <c r="JK23" s="61">
        <v>19</v>
      </c>
      <c r="JL23" s="61">
        <v>19</v>
      </c>
      <c r="JM23" s="61">
        <v>5</v>
      </c>
      <c r="JN23" s="61">
        <v>15</v>
      </c>
      <c r="JO23" s="61">
        <v>7</v>
      </c>
      <c r="JP23" s="62">
        <v>65</v>
      </c>
      <c r="JQ23" s="63">
        <v>85</v>
      </c>
      <c r="JR23" s="60">
        <v>0</v>
      </c>
      <c r="JS23" s="61">
        <v>0</v>
      </c>
      <c r="JT23" s="62">
        <v>0</v>
      </c>
      <c r="JU23" s="443">
        <v>0</v>
      </c>
      <c r="JV23" s="61">
        <v>0</v>
      </c>
      <c r="JW23" s="61">
        <v>0</v>
      </c>
      <c r="JX23" s="61">
        <v>0</v>
      </c>
      <c r="JY23" s="61">
        <v>0</v>
      </c>
      <c r="JZ23" s="61">
        <v>0</v>
      </c>
      <c r="KA23" s="62">
        <v>0</v>
      </c>
      <c r="KB23" s="63">
        <v>0</v>
      </c>
      <c r="KC23" s="60">
        <v>46</v>
      </c>
      <c r="KD23" s="61">
        <v>68</v>
      </c>
      <c r="KE23" s="62">
        <v>114</v>
      </c>
      <c r="KF23" s="443">
        <v>0</v>
      </c>
      <c r="KG23" s="61">
        <v>85</v>
      </c>
      <c r="KH23" s="61">
        <v>75</v>
      </c>
      <c r="KI23" s="61">
        <v>37</v>
      </c>
      <c r="KJ23" s="61">
        <v>39</v>
      </c>
      <c r="KK23" s="61">
        <v>26</v>
      </c>
      <c r="KL23" s="62">
        <v>262</v>
      </c>
      <c r="KM23" s="63">
        <v>376</v>
      </c>
    </row>
    <row r="24" spans="2:299" ht="21" customHeight="1" x14ac:dyDescent="0.2">
      <c r="B24" s="437" t="s">
        <v>21</v>
      </c>
      <c r="C24" s="287">
        <v>33</v>
      </c>
      <c r="D24" s="72">
        <v>34</v>
      </c>
      <c r="E24" s="73">
        <v>67</v>
      </c>
      <c r="F24" s="443">
        <v>0</v>
      </c>
      <c r="G24" s="72">
        <v>47</v>
      </c>
      <c r="H24" s="72">
        <v>30</v>
      </c>
      <c r="I24" s="72">
        <v>25</v>
      </c>
      <c r="J24" s="72">
        <v>24</v>
      </c>
      <c r="K24" s="72">
        <v>14</v>
      </c>
      <c r="L24" s="74">
        <v>140</v>
      </c>
      <c r="M24" s="75">
        <v>207</v>
      </c>
      <c r="N24" s="60">
        <v>1</v>
      </c>
      <c r="O24" s="61">
        <v>2</v>
      </c>
      <c r="P24" s="62">
        <v>3</v>
      </c>
      <c r="Q24" s="443">
        <v>0</v>
      </c>
      <c r="R24" s="61">
        <v>1</v>
      </c>
      <c r="S24" s="61">
        <v>0</v>
      </c>
      <c r="T24" s="61">
        <v>3</v>
      </c>
      <c r="U24" s="61">
        <v>1</v>
      </c>
      <c r="V24" s="61">
        <v>3</v>
      </c>
      <c r="W24" s="62">
        <v>8</v>
      </c>
      <c r="X24" s="63">
        <v>11</v>
      </c>
      <c r="Y24" s="60">
        <v>4</v>
      </c>
      <c r="Z24" s="61">
        <v>5</v>
      </c>
      <c r="AA24" s="62">
        <v>9</v>
      </c>
      <c r="AB24" s="443">
        <v>0</v>
      </c>
      <c r="AC24" s="61">
        <v>6</v>
      </c>
      <c r="AD24" s="61">
        <v>6</v>
      </c>
      <c r="AE24" s="61">
        <v>2</v>
      </c>
      <c r="AF24" s="61">
        <v>4</v>
      </c>
      <c r="AG24" s="61">
        <v>1</v>
      </c>
      <c r="AH24" s="62">
        <v>19</v>
      </c>
      <c r="AI24" s="63">
        <v>28</v>
      </c>
      <c r="AJ24" s="60">
        <v>3</v>
      </c>
      <c r="AK24" s="61">
        <v>6</v>
      </c>
      <c r="AL24" s="62">
        <v>9</v>
      </c>
      <c r="AM24" s="443">
        <v>0</v>
      </c>
      <c r="AN24" s="61">
        <v>8</v>
      </c>
      <c r="AO24" s="61">
        <v>4</v>
      </c>
      <c r="AP24" s="61">
        <v>3</v>
      </c>
      <c r="AQ24" s="61">
        <v>3</v>
      </c>
      <c r="AR24" s="61">
        <v>1</v>
      </c>
      <c r="AS24" s="62">
        <v>19</v>
      </c>
      <c r="AT24" s="63">
        <v>28</v>
      </c>
      <c r="AU24" s="60">
        <v>5</v>
      </c>
      <c r="AV24" s="61">
        <v>8</v>
      </c>
      <c r="AW24" s="62">
        <v>13</v>
      </c>
      <c r="AX24" s="443">
        <v>0</v>
      </c>
      <c r="AY24" s="61">
        <v>12</v>
      </c>
      <c r="AZ24" s="61">
        <v>5</v>
      </c>
      <c r="BA24" s="61">
        <v>5</v>
      </c>
      <c r="BB24" s="61">
        <v>8</v>
      </c>
      <c r="BC24" s="61">
        <v>2</v>
      </c>
      <c r="BD24" s="62">
        <v>32</v>
      </c>
      <c r="BE24" s="63">
        <v>45</v>
      </c>
      <c r="BF24" s="60">
        <v>13</v>
      </c>
      <c r="BG24" s="61">
        <v>6</v>
      </c>
      <c r="BH24" s="62">
        <v>19</v>
      </c>
      <c r="BI24" s="443">
        <v>0</v>
      </c>
      <c r="BJ24" s="61">
        <v>15</v>
      </c>
      <c r="BK24" s="61">
        <v>9</v>
      </c>
      <c r="BL24" s="61">
        <v>3</v>
      </c>
      <c r="BM24" s="61">
        <v>7</v>
      </c>
      <c r="BN24" s="61">
        <v>3</v>
      </c>
      <c r="BO24" s="62">
        <v>37</v>
      </c>
      <c r="BP24" s="63">
        <v>56</v>
      </c>
      <c r="BQ24" s="60">
        <v>7</v>
      </c>
      <c r="BR24" s="61">
        <v>7</v>
      </c>
      <c r="BS24" s="62">
        <v>14</v>
      </c>
      <c r="BT24" s="443">
        <v>0</v>
      </c>
      <c r="BU24" s="61">
        <v>5</v>
      </c>
      <c r="BV24" s="61">
        <v>6</v>
      </c>
      <c r="BW24" s="61">
        <v>9</v>
      </c>
      <c r="BX24" s="61">
        <v>1</v>
      </c>
      <c r="BY24" s="61">
        <v>4</v>
      </c>
      <c r="BZ24" s="62">
        <v>25</v>
      </c>
      <c r="CA24" s="63">
        <v>39</v>
      </c>
      <c r="CB24" s="60">
        <v>0</v>
      </c>
      <c r="CC24" s="61">
        <v>0</v>
      </c>
      <c r="CD24" s="62">
        <v>0</v>
      </c>
      <c r="CE24" s="443">
        <v>0</v>
      </c>
      <c r="CF24" s="61">
        <v>0</v>
      </c>
      <c r="CG24" s="61">
        <v>0</v>
      </c>
      <c r="CH24" s="61">
        <v>0</v>
      </c>
      <c r="CI24" s="61">
        <v>0</v>
      </c>
      <c r="CJ24" s="61">
        <v>0</v>
      </c>
      <c r="CK24" s="62">
        <v>0</v>
      </c>
      <c r="CL24" s="63">
        <v>0</v>
      </c>
      <c r="CM24" s="60">
        <v>33</v>
      </c>
      <c r="CN24" s="61">
        <v>34</v>
      </c>
      <c r="CO24" s="62">
        <v>67</v>
      </c>
      <c r="CP24" s="443">
        <v>0</v>
      </c>
      <c r="CQ24" s="61">
        <v>47</v>
      </c>
      <c r="CR24" s="61">
        <v>30</v>
      </c>
      <c r="CS24" s="61">
        <v>25</v>
      </c>
      <c r="CT24" s="61">
        <v>24</v>
      </c>
      <c r="CU24" s="61">
        <v>14</v>
      </c>
      <c r="CV24" s="62">
        <v>140</v>
      </c>
      <c r="CW24" s="63">
        <v>207</v>
      </c>
      <c r="CX24" s="113">
        <v>11</v>
      </c>
      <c r="CY24" s="72">
        <v>7</v>
      </c>
      <c r="CZ24" s="73">
        <v>18</v>
      </c>
      <c r="DA24" s="443">
        <v>0</v>
      </c>
      <c r="DB24" s="72">
        <v>14</v>
      </c>
      <c r="DC24" s="72">
        <v>13</v>
      </c>
      <c r="DD24" s="72">
        <v>9</v>
      </c>
      <c r="DE24" s="72">
        <v>12</v>
      </c>
      <c r="DF24" s="72">
        <v>4</v>
      </c>
      <c r="DG24" s="74">
        <v>52</v>
      </c>
      <c r="DH24" s="75">
        <v>70</v>
      </c>
      <c r="DI24" s="60">
        <v>0</v>
      </c>
      <c r="DJ24" s="61">
        <v>0</v>
      </c>
      <c r="DK24" s="62">
        <v>0</v>
      </c>
      <c r="DL24" s="443">
        <v>0</v>
      </c>
      <c r="DM24" s="61">
        <v>0</v>
      </c>
      <c r="DN24" s="61">
        <v>0</v>
      </c>
      <c r="DO24" s="61">
        <v>0</v>
      </c>
      <c r="DP24" s="61">
        <v>0</v>
      </c>
      <c r="DQ24" s="61">
        <v>0</v>
      </c>
      <c r="DR24" s="62">
        <v>0</v>
      </c>
      <c r="DS24" s="63">
        <v>0</v>
      </c>
      <c r="DT24" s="60">
        <v>0</v>
      </c>
      <c r="DU24" s="61">
        <v>1</v>
      </c>
      <c r="DV24" s="62">
        <v>1</v>
      </c>
      <c r="DW24" s="443">
        <v>0</v>
      </c>
      <c r="DX24" s="61">
        <v>1</v>
      </c>
      <c r="DY24" s="61">
        <v>1</v>
      </c>
      <c r="DZ24" s="61">
        <v>0</v>
      </c>
      <c r="EA24" s="61">
        <v>0</v>
      </c>
      <c r="EB24" s="61">
        <v>1</v>
      </c>
      <c r="EC24" s="62">
        <v>3</v>
      </c>
      <c r="ED24" s="63">
        <v>4</v>
      </c>
      <c r="EE24" s="60">
        <v>0</v>
      </c>
      <c r="EF24" s="61">
        <v>1</v>
      </c>
      <c r="EG24" s="62">
        <v>1</v>
      </c>
      <c r="EH24" s="443">
        <v>0</v>
      </c>
      <c r="EI24" s="61">
        <v>1</v>
      </c>
      <c r="EJ24" s="61">
        <v>1</v>
      </c>
      <c r="EK24" s="61">
        <v>0</v>
      </c>
      <c r="EL24" s="61">
        <v>0</v>
      </c>
      <c r="EM24" s="61">
        <v>0</v>
      </c>
      <c r="EN24" s="62">
        <v>2</v>
      </c>
      <c r="EO24" s="63">
        <v>3</v>
      </c>
      <c r="EP24" s="60">
        <v>7</v>
      </c>
      <c r="EQ24" s="61">
        <v>2</v>
      </c>
      <c r="ER24" s="62">
        <v>9</v>
      </c>
      <c r="ES24" s="443">
        <v>0</v>
      </c>
      <c r="ET24" s="61">
        <v>2</v>
      </c>
      <c r="EU24" s="61">
        <v>2</v>
      </c>
      <c r="EV24" s="61">
        <v>0</v>
      </c>
      <c r="EW24" s="61">
        <v>3</v>
      </c>
      <c r="EX24" s="61">
        <v>0</v>
      </c>
      <c r="EY24" s="62">
        <v>7</v>
      </c>
      <c r="EZ24" s="63">
        <v>16</v>
      </c>
      <c r="FA24" s="60">
        <v>1</v>
      </c>
      <c r="FB24" s="61">
        <v>3</v>
      </c>
      <c r="FC24" s="62">
        <v>4</v>
      </c>
      <c r="FD24" s="443">
        <v>0</v>
      </c>
      <c r="FE24" s="61">
        <v>2</v>
      </c>
      <c r="FF24" s="61">
        <v>5</v>
      </c>
      <c r="FG24" s="61">
        <v>5</v>
      </c>
      <c r="FH24" s="61">
        <v>4</v>
      </c>
      <c r="FI24" s="61">
        <v>3</v>
      </c>
      <c r="FJ24" s="62">
        <v>19</v>
      </c>
      <c r="FK24" s="63">
        <v>23</v>
      </c>
      <c r="FL24" s="60">
        <v>3</v>
      </c>
      <c r="FM24" s="61">
        <v>0</v>
      </c>
      <c r="FN24" s="62">
        <v>3</v>
      </c>
      <c r="FO24" s="443">
        <v>0</v>
      </c>
      <c r="FP24" s="61">
        <v>8</v>
      </c>
      <c r="FQ24" s="61">
        <v>4</v>
      </c>
      <c r="FR24" s="61">
        <v>4</v>
      </c>
      <c r="FS24" s="61">
        <v>5</v>
      </c>
      <c r="FT24" s="61">
        <v>0</v>
      </c>
      <c r="FU24" s="62">
        <v>21</v>
      </c>
      <c r="FV24" s="63">
        <v>24</v>
      </c>
      <c r="FW24" s="60">
        <v>0</v>
      </c>
      <c r="FX24" s="61">
        <v>0</v>
      </c>
      <c r="FY24" s="62">
        <v>0</v>
      </c>
      <c r="FZ24" s="443">
        <v>0</v>
      </c>
      <c r="GA24" s="61">
        <v>0</v>
      </c>
      <c r="GB24" s="61">
        <v>0</v>
      </c>
      <c r="GC24" s="61">
        <v>0</v>
      </c>
      <c r="GD24" s="61">
        <v>0</v>
      </c>
      <c r="GE24" s="61">
        <v>0</v>
      </c>
      <c r="GF24" s="62">
        <v>0</v>
      </c>
      <c r="GG24" s="63">
        <v>0</v>
      </c>
      <c r="GH24" s="60">
        <v>11</v>
      </c>
      <c r="GI24" s="61">
        <v>7</v>
      </c>
      <c r="GJ24" s="62">
        <v>18</v>
      </c>
      <c r="GK24" s="443">
        <v>0</v>
      </c>
      <c r="GL24" s="61">
        <v>14</v>
      </c>
      <c r="GM24" s="61">
        <v>13</v>
      </c>
      <c r="GN24" s="61">
        <v>9</v>
      </c>
      <c r="GO24" s="61">
        <v>12</v>
      </c>
      <c r="GP24" s="61">
        <v>4</v>
      </c>
      <c r="GQ24" s="62">
        <v>52</v>
      </c>
      <c r="GR24" s="63">
        <v>70</v>
      </c>
      <c r="GS24" s="113">
        <v>44</v>
      </c>
      <c r="GT24" s="72">
        <v>41</v>
      </c>
      <c r="GU24" s="73">
        <v>85</v>
      </c>
      <c r="GV24" s="443">
        <v>0</v>
      </c>
      <c r="GW24" s="72">
        <v>61</v>
      </c>
      <c r="GX24" s="72">
        <v>43</v>
      </c>
      <c r="GY24" s="72">
        <v>34</v>
      </c>
      <c r="GZ24" s="72">
        <v>36</v>
      </c>
      <c r="HA24" s="72">
        <v>18</v>
      </c>
      <c r="HB24" s="74">
        <v>192</v>
      </c>
      <c r="HC24" s="75">
        <v>277</v>
      </c>
      <c r="HD24" s="60">
        <v>1</v>
      </c>
      <c r="HE24" s="61">
        <v>2</v>
      </c>
      <c r="HF24" s="62">
        <v>3</v>
      </c>
      <c r="HG24" s="443">
        <v>0</v>
      </c>
      <c r="HH24" s="61">
        <v>1</v>
      </c>
      <c r="HI24" s="61">
        <v>0</v>
      </c>
      <c r="HJ24" s="61">
        <v>3</v>
      </c>
      <c r="HK24" s="61">
        <v>1</v>
      </c>
      <c r="HL24" s="61">
        <v>3</v>
      </c>
      <c r="HM24" s="62">
        <v>8</v>
      </c>
      <c r="HN24" s="63">
        <v>11</v>
      </c>
      <c r="HO24" s="60">
        <v>4</v>
      </c>
      <c r="HP24" s="61">
        <v>6</v>
      </c>
      <c r="HQ24" s="62">
        <v>10</v>
      </c>
      <c r="HR24" s="443">
        <v>0</v>
      </c>
      <c r="HS24" s="61">
        <v>7</v>
      </c>
      <c r="HT24" s="61">
        <v>7</v>
      </c>
      <c r="HU24" s="61">
        <v>2</v>
      </c>
      <c r="HV24" s="61">
        <v>4</v>
      </c>
      <c r="HW24" s="61">
        <v>2</v>
      </c>
      <c r="HX24" s="62">
        <v>22</v>
      </c>
      <c r="HY24" s="63">
        <v>32</v>
      </c>
      <c r="HZ24" s="60">
        <v>3</v>
      </c>
      <c r="IA24" s="61">
        <v>7</v>
      </c>
      <c r="IB24" s="62">
        <v>10</v>
      </c>
      <c r="IC24" s="443">
        <v>0</v>
      </c>
      <c r="ID24" s="61">
        <v>9</v>
      </c>
      <c r="IE24" s="61">
        <v>5</v>
      </c>
      <c r="IF24" s="61">
        <v>3</v>
      </c>
      <c r="IG24" s="61">
        <v>3</v>
      </c>
      <c r="IH24" s="61">
        <v>1</v>
      </c>
      <c r="II24" s="62">
        <v>21</v>
      </c>
      <c r="IJ24" s="63">
        <v>31</v>
      </c>
      <c r="IK24" s="60">
        <v>12</v>
      </c>
      <c r="IL24" s="61">
        <v>10</v>
      </c>
      <c r="IM24" s="62">
        <v>22</v>
      </c>
      <c r="IN24" s="443">
        <v>0</v>
      </c>
      <c r="IO24" s="61">
        <v>14</v>
      </c>
      <c r="IP24" s="61">
        <v>7</v>
      </c>
      <c r="IQ24" s="61">
        <v>5</v>
      </c>
      <c r="IR24" s="61">
        <v>11</v>
      </c>
      <c r="IS24" s="61">
        <v>2</v>
      </c>
      <c r="IT24" s="62">
        <v>39</v>
      </c>
      <c r="IU24" s="63">
        <v>61</v>
      </c>
      <c r="IV24" s="60">
        <v>14</v>
      </c>
      <c r="IW24" s="61">
        <v>9</v>
      </c>
      <c r="IX24" s="62">
        <v>23</v>
      </c>
      <c r="IY24" s="443">
        <v>0</v>
      </c>
      <c r="IZ24" s="61">
        <v>17</v>
      </c>
      <c r="JA24" s="61">
        <v>14</v>
      </c>
      <c r="JB24" s="61">
        <v>8</v>
      </c>
      <c r="JC24" s="61">
        <v>11</v>
      </c>
      <c r="JD24" s="61">
        <v>6</v>
      </c>
      <c r="JE24" s="62">
        <v>56</v>
      </c>
      <c r="JF24" s="63">
        <v>79</v>
      </c>
      <c r="JG24" s="60">
        <v>10</v>
      </c>
      <c r="JH24" s="61">
        <v>7</v>
      </c>
      <c r="JI24" s="62">
        <v>17</v>
      </c>
      <c r="JJ24" s="443">
        <v>0</v>
      </c>
      <c r="JK24" s="61">
        <v>13</v>
      </c>
      <c r="JL24" s="61">
        <v>10</v>
      </c>
      <c r="JM24" s="61">
        <v>13</v>
      </c>
      <c r="JN24" s="61">
        <v>6</v>
      </c>
      <c r="JO24" s="61">
        <v>4</v>
      </c>
      <c r="JP24" s="62">
        <v>46</v>
      </c>
      <c r="JQ24" s="63">
        <v>63</v>
      </c>
      <c r="JR24" s="60">
        <v>0</v>
      </c>
      <c r="JS24" s="61">
        <v>0</v>
      </c>
      <c r="JT24" s="62">
        <v>0</v>
      </c>
      <c r="JU24" s="443">
        <v>0</v>
      </c>
      <c r="JV24" s="61">
        <v>0</v>
      </c>
      <c r="JW24" s="61">
        <v>0</v>
      </c>
      <c r="JX24" s="61">
        <v>0</v>
      </c>
      <c r="JY24" s="61">
        <v>0</v>
      </c>
      <c r="JZ24" s="61">
        <v>0</v>
      </c>
      <c r="KA24" s="62">
        <v>0</v>
      </c>
      <c r="KB24" s="63">
        <v>0</v>
      </c>
      <c r="KC24" s="60">
        <v>44</v>
      </c>
      <c r="KD24" s="61">
        <v>41</v>
      </c>
      <c r="KE24" s="62">
        <v>85</v>
      </c>
      <c r="KF24" s="443">
        <v>0</v>
      </c>
      <c r="KG24" s="61">
        <v>61</v>
      </c>
      <c r="KH24" s="61">
        <v>43</v>
      </c>
      <c r="KI24" s="61">
        <v>34</v>
      </c>
      <c r="KJ24" s="61">
        <v>36</v>
      </c>
      <c r="KK24" s="61">
        <v>18</v>
      </c>
      <c r="KL24" s="62">
        <v>192</v>
      </c>
      <c r="KM24" s="63">
        <v>277</v>
      </c>
    </row>
    <row r="25" spans="2:299" ht="21" customHeight="1" x14ac:dyDescent="0.2">
      <c r="B25" s="437" t="s">
        <v>22</v>
      </c>
      <c r="C25" s="287">
        <v>13</v>
      </c>
      <c r="D25" s="72">
        <v>8</v>
      </c>
      <c r="E25" s="73">
        <v>21</v>
      </c>
      <c r="F25" s="443">
        <v>0</v>
      </c>
      <c r="G25" s="72">
        <v>24</v>
      </c>
      <c r="H25" s="72">
        <v>25</v>
      </c>
      <c r="I25" s="72">
        <v>11</v>
      </c>
      <c r="J25" s="72">
        <v>9</v>
      </c>
      <c r="K25" s="72">
        <v>7</v>
      </c>
      <c r="L25" s="74">
        <v>76</v>
      </c>
      <c r="M25" s="75">
        <v>97</v>
      </c>
      <c r="N25" s="60">
        <v>1</v>
      </c>
      <c r="O25" s="61">
        <v>0</v>
      </c>
      <c r="P25" s="62">
        <v>1</v>
      </c>
      <c r="Q25" s="443">
        <v>0</v>
      </c>
      <c r="R25" s="61">
        <v>0</v>
      </c>
      <c r="S25" s="61">
        <v>0</v>
      </c>
      <c r="T25" s="61">
        <v>1</v>
      </c>
      <c r="U25" s="61">
        <v>0</v>
      </c>
      <c r="V25" s="61">
        <v>0</v>
      </c>
      <c r="W25" s="62">
        <v>1</v>
      </c>
      <c r="X25" s="63">
        <v>2</v>
      </c>
      <c r="Y25" s="60">
        <v>2</v>
      </c>
      <c r="Z25" s="61">
        <v>1</v>
      </c>
      <c r="AA25" s="62">
        <v>3</v>
      </c>
      <c r="AB25" s="443">
        <v>0</v>
      </c>
      <c r="AC25" s="61">
        <v>2</v>
      </c>
      <c r="AD25" s="61">
        <v>1</v>
      </c>
      <c r="AE25" s="61">
        <v>1</v>
      </c>
      <c r="AF25" s="61">
        <v>0</v>
      </c>
      <c r="AG25" s="61">
        <v>1</v>
      </c>
      <c r="AH25" s="62">
        <v>5</v>
      </c>
      <c r="AI25" s="63">
        <v>8</v>
      </c>
      <c r="AJ25" s="60">
        <v>0</v>
      </c>
      <c r="AK25" s="61">
        <v>1</v>
      </c>
      <c r="AL25" s="62">
        <v>1</v>
      </c>
      <c r="AM25" s="443">
        <v>0</v>
      </c>
      <c r="AN25" s="61">
        <v>3</v>
      </c>
      <c r="AO25" s="61">
        <v>1</v>
      </c>
      <c r="AP25" s="61">
        <v>1</v>
      </c>
      <c r="AQ25" s="61">
        <v>1</v>
      </c>
      <c r="AR25" s="61">
        <v>1</v>
      </c>
      <c r="AS25" s="62">
        <v>7</v>
      </c>
      <c r="AT25" s="63">
        <v>8</v>
      </c>
      <c r="AU25" s="60">
        <v>9</v>
      </c>
      <c r="AV25" s="61">
        <v>4</v>
      </c>
      <c r="AW25" s="62">
        <v>13</v>
      </c>
      <c r="AX25" s="443">
        <v>0</v>
      </c>
      <c r="AY25" s="61">
        <v>5</v>
      </c>
      <c r="AZ25" s="61">
        <v>8</v>
      </c>
      <c r="BA25" s="61">
        <v>2</v>
      </c>
      <c r="BB25" s="61">
        <v>3</v>
      </c>
      <c r="BC25" s="61">
        <v>2</v>
      </c>
      <c r="BD25" s="62">
        <v>20</v>
      </c>
      <c r="BE25" s="63">
        <v>33</v>
      </c>
      <c r="BF25" s="60">
        <v>0</v>
      </c>
      <c r="BG25" s="61">
        <v>0</v>
      </c>
      <c r="BH25" s="62">
        <v>0</v>
      </c>
      <c r="BI25" s="443">
        <v>0</v>
      </c>
      <c r="BJ25" s="61">
        <v>5</v>
      </c>
      <c r="BK25" s="61">
        <v>6</v>
      </c>
      <c r="BL25" s="61">
        <v>2</v>
      </c>
      <c r="BM25" s="61">
        <v>1</v>
      </c>
      <c r="BN25" s="61">
        <v>2</v>
      </c>
      <c r="BO25" s="62">
        <v>16</v>
      </c>
      <c r="BP25" s="63">
        <v>16</v>
      </c>
      <c r="BQ25" s="60">
        <v>1</v>
      </c>
      <c r="BR25" s="61">
        <v>2</v>
      </c>
      <c r="BS25" s="62">
        <v>3</v>
      </c>
      <c r="BT25" s="443">
        <v>0</v>
      </c>
      <c r="BU25" s="61">
        <v>9</v>
      </c>
      <c r="BV25" s="61">
        <v>9</v>
      </c>
      <c r="BW25" s="61">
        <v>4</v>
      </c>
      <c r="BX25" s="61">
        <v>4</v>
      </c>
      <c r="BY25" s="61">
        <v>1</v>
      </c>
      <c r="BZ25" s="62">
        <v>27</v>
      </c>
      <c r="CA25" s="63">
        <v>30</v>
      </c>
      <c r="CB25" s="60">
        <v>0</v>
      </c>
      <c r="CC25" s="61">
        <v>0</v>
      </c>
      <c r="CD25" s="62">
        <v>0</v>
      </c>
      <c r="CE25" s="443">
        <v>0</v>
      </c>
      <c r="CF25" s="61">
        <v>0</v>
      </c>
      <c r="CG25" s="61">
        <v>0</v>
      </c>
      <c r="CH25" s="61">
        <v>0</v>
      </c>
      <c r="CI25" s="61">
        <v>0</v>
      </c>
      <c r="CJ25" s="61">
        <v>0</v>
      </c>
      <c r="CK25" s="62">
        <v>0</v>
      </c>
      <c r="CL25" s="63">
        <v>0</v>
      </c>
      <c r="CM25" s="60">
        <v>13</v>
      </c>
      <c r="CN25" s="61">
        <v>8</v>
      </c>
      <c r="CO25" s="62">
        <v>21</v>
      </c>
      <c r="CP25" s="443">
        <v>0</v>
      </c>
      <c r="CQ25" s="61">
        <v>24</v>
      </c>
      <c r="CR25" s="61">
        <v>25</v>
      </c>
      <c r="CS25" s="61">
        <v>11</v>
      </c>
      <c r="CT25" s="61">
        <v>9</v>
      </c>
      <c r="CU25" s="61">
        <v>7</v>
      </c>
      <c r="CV25" s="62">
        <v>76</v>
      </c>
      <c r="CW25" s="63">
        <v>97</v>
      </c>
      <c r="CX25" s="113">
        <v>2</v>
      </c>
      <c r="CY25" s="72">
        <v>5</v>
      </c>
      <c r="CZ25" s="73">
        <v>7</v>
      </c>
      <c r="DA25" s="443">
        <v>0</v>
      </c>
      <c r="DB25" s="72">
        <v>5</v>
      </c>
      <c r="DC25" s="72">
        <v>6</v>
      </c>
      <c r="DD25" s="72">
        <v>2</v>
      </c>
      <c r="DE25" s="72">
        <v>3</v>
      </c>
      <c r="DF25" s="72">
        <v>4</v>
      </c>
      <c r="DG25" s="74">
        <v>20</v>
      </c>
      <c r="DH25" s="75">
        <v>27</v>
      </c>
      <c r="DI25" s="60">
        <v>0</v>
      </c>
      <c r="DJ25" s="61">
        <v>0</v>
      </c>
      <c r="DK25" s="62">
        <v>0</v>
      </c>
      <c r="DL25" s="443">
        <v>0</v>
      </c>
      <c r="DM25" s="61">
        <v>0</v>
      </c>
      <c r="DN25" s="61">
        <v>0</v>
      </c>
      <c r="DO25" s="61">
        <v>0</v>
      </c>
      <c r="DP25" s="61">
        <v>0</v>
      </c>
      <c r="DQ25" s="61">
        <v>0</v>
      </c>
      <c r="DR25" s="62">
        <v>0</v>
      </c>
      <c r="DS25" s="63">
        <v>0</v>
      </c>
      <c r="DT25" s="60">
        <v>0</v>
      </c>
      <c r="DU25" s="61">
        <v>0</v>
      </c>
      <c r="DV25" s="62">
        <v>0</v>
      </c>
      <c r="DW25" s="443">
        <v>0</v>
      </c>
      <c r="DX25" s="61">
        <v>0</v>
      </c>
      <c r="DY25" s="61">
        <v>0</v>
      </c>
      <c r="DZ25" s="61">
        <v>0</v>
      </c>
      <c r="EA25" s="61">
        <v>0</v>
      </c>
      <c r="EB25" s="61">
        <v>0</v>
      </c>
      <c r="EC25" s="62">
        <v>0</v>
      </c>
      <c r="ED25" s="63">
        <v>0</v>
      </c>
      <c r="EE25" s="60">
        <v>1</v>
      </c>
      <c r="EF25" s="61">
        <v>2</v>
      </c>
      <c r="EG25" s="62">
        <v>3</v>
      </c>
      <c r="EH25" s="443">
        <v>0</v>
      </c>
      <c r="EI25" s="61">
        <v>0</v>
      </c>
      <c r="EJ25" s="61">
        <v>1</v>
      </c>
      <c r="EK25" s="61">
        <v>0</v>
      </c>
      <c r="EL25" s="61">
        <v>0</v>
      </c>
      <c r="EM25" s="61">
        <v>0</v>
      </c>
      <c r="EN25" s="62">
        <v>1</v>
      </c>
      <c r="EO25" s="63">
        <v>4</v>
      </c>
      <c r="EP25" s="60">
        <v>1</v>
      </c>
      <c r="EQ25" s="61">
        <v>0</v>
      </c>
      <c r="ER25" s="62">
        <v>1</v>
      </c>
      <c r="ES25" s="443">
        <v>0</v>
      </c>
      <c r="ET25" s="61">
        <v>2</v>
      </c>
      <c r="EU25" s="61">
        <v>1</v>
      </c>
      <c r="EV25" s="61">
        <v>0</v>
      </c>
      <c r="EW25" s="61">
        <v>0</v>
      </c>
      <c r="EX25" s="61">
        <v>1</v>
      </c>
      <c r="EY25" s="62">
        <v>4</v>
      </c>
      <c r="EZ25" s="63">
        <v>5</v>
      </c>
      <c r="FA25" s="60">
        <v>0</v>
      </c>
      <c r="FB25" s="61">
        <v>1</v>
      </c>
      <c r="FC25" s="62">
        <v>1</v>
      </c>
      <c r="FD25" s="443">
        <v>0</v>
      </c>
      <c r="FE25" s="61">
        <v>1</v>
      </c>
      <c r="FF25" s="61">
        <v>2</v>
      </c>
      <c r="FG25" s="61">
        <v>1</v>
      </c>
      <c r="FH25" s="61">
        <v>2</v>
      </c>
      <c r="FI25" s="61">
        <v>0</v>
      </c>
      <c r="FJ25" s="62">
        <v>6</v>
      </c>
      <c r="FK25" s="63">
        <v>7</v>
      </c>
      <c r="FL25" s="60">
        <v>0</v>
      </c>
      <c r="FM25" s="61">
        <v>2</v>
      </c>
      <c r="FN25" s="62">
        <v>2</v>
      </c>
      <c r="FO25" s="443">
        <v>0</v>
      </c>
      <c r="FP25" s="61">
        <v>2</v>
      </c>
      <c r="FQ25" s="61">
        <v>2</v>
      </c>
      <c r="FR25" s="61">
        <v>1</v>
      </c>
      <c r="FS25" s="61">
        <v>1</v>
      </c>
      <c r="FT25" s="61">
        <v>3</v>
      </c>
      <c r="FU25" s="62">
        <v>9</v>
      </c>
      <c r="FV25" s="63">
        <v>11</v>
      </c>
      <c r="FW25" s="60">
        <v>0</v>
      </c>
      <c r="FX25" s="61">
        <v>0</v>
      </c>
      <c r="FY25" s="62">
        <v>0</v>
      </c>
      <c r="FZ25" s="443">
        <v>0</v>
      </c>
      <c r="GA25" s="61">
        <v>0</v>
      </c>
      <c r="GB25" s="61">
        <v>0</v>
      </c>
      <c r="GC25" s="61">
        <v>0</v>
      </c>
      <c r="GD25" s="61">
        <v>0</v>
      </c>
      <c r="GE25" s="61">
        <v>0</v>
      </c>
      <c r="GF25" s="62">
        <v>0</v>
      </c>
      <c r="GG25" s="63">
        <v>0</v>
      </c>
      <c r="GH25" s="60">
        <v>2</v>
      </c>
      <c r="GI25" s="61">
        <v>5</v>
      </c>
      <c r="GJ25" s="62">
        <v>7</v>
      </c>
      <c r="GK25" s="443">
        <v>0</v>
      </c>
      <c r="GL25" s="61">
        <v>5</v>
      </c>
      <c r="GM25" s="61">
        <v>6</v>
      </c>
      <c r="GN25" s="61">
        <v>2</v>
      </c>
      <c r="GO25" s="61">
        <v>3</v>
      </c>
      <c r="GP25" s="61">
        <v>4</v>
      </c>
      <c r="GQ25" s="62">
        <v>20</v>
      </c>
      <c r="GR25" s="63">
        <v>27</v>
      </c>
      <c r="GS25" s="113">
        <v>15</v>
      </c>
      <c r="GT25" s="72">
        <v>13</v>
      </c>
      <c r="GU25" s="73">
        <v>28</v>
      </c>
      <c r="GV25" s="443">
        <v>0</v>
      </c>
      <c r="GW25" s="72">
        <v>29</v>
      </c>
      <c r="GX25" s="72">
        <v>31</v>
      </c>
      <c r="GY25" s="72">
        <v>13</v>
      </c>
      <c r="GZ25" s="72">
        <v>12</v>
      </c>
      <c r="HA25" s="72">
        <v>11</v>
      </c>
      <c r="HB25" s="74">
        <v>96</v>
      </c>
      <c r="HC25" s="75">
        <v>124</v>
      </c>
      <c r="HD25" s="60">
        <v>1</v>
      </c>
      <c r="HE25" s="61">
        <v>0</v>
      </c>
      <c r="HF25" s="62">
        <v>1</v>
      </c>
      <c r="HG25" s="443">
        <v>0</v>
      </c>
      <c r="HH25" s="61">
        <v>0</v>
      </c>
      <c r="HI25" s="61">
        <v>0</v>
      </c>
      <c r="HJ25" s="61">
        <v>1</v>
      </c>
      <c r="HK25" s="61">
        <v>0</v>
      </c>
      <c r="HL25" s="61">
        <v>0</v>
      </c>
      <c r="HM25" s="62">
        <v>1</v>
      </c>
      <c r="HN25" s="63">
        <v>2</v>
      </c>
      <c r="HO25" s="60">
        <v>2</v>
      </c>
      <c r="HP25" s="61">
        <v>1</v>
      </c>
      <c r="HQ25" s="62">
        <v>3</v>
      </c>
      <c r="HR25" s="443">
        <v>0</v>
      </c>
      <c r="HS25" s="61">
        <v>2</v>
      </c>
      <c r="HT25" s="61">
        <v>1</v>
      </c>
      <c r="HU25" s="61">
        <v>1</v>
      </c>
      <c r="HV25" s="61">
        <v>0</v>
      </c>
      <c r="HW25" s="61">
        <v>1</v>
      </c>
      <c r="HX25" s="62">
        <v>5</v>
      </c>
      <c r="HY25" s="63">
        <v>8</v>
      </c>
      <c r="HZ25" s="60">
        <v>1</v>
      </c>
      <c r="IA25" s="61">
        <v>3</v>
      </c>
      <c r="IB25" s="62">
        <v>4</v>
      </c>
      <c r="IC25" s="443">
        <v>0</v>
      </c>
      <c r="ID25" s="61">
        <v>3</v>
      </c>
      <c r="IE25" s="61">
        <v>2</v>
      </c>
      <c r="IF25" s="61">
        <v>1</v>
      </c>
      <c r="IG25" s="61">
        <v>1</v>
      </c>
      <c r="IH25" s="61">
        <v>1</v>
      </c>
      <c r="II25" s="62">
        <v>8</v>
      </c>
      <c r="IJ25" s="63">
        <v>12</v>
      </c>
      <c r="IK25" s="60">
        <v>10</v>
      </c>
      <c r="IL25" s="61">
        <v>4</v>
      </c>
      <c r="IM25" s="62">
        <v>14</v>
      </c>
      <c r="IN25" s="443">
        <v>0</v>
      </c>
      <c r="IO25" s="61">
        <v>7</v>
      </c>
      <c r="IP25" s="61">
        <v>9</v>
      </c>
      <c r="IQ25" s="61">
        <v>2</v>
      </c>
      <c r="IR25" s="61">
        <v>3</v>
      </c>
      <c r="IS25" s="61">
        <v>3</v>
      </c>
      <c r="IT25" s="62">
        <v>24</v>
      </c>
      <c r="IU25" s="63">
        <v>38</v>
      </c>
      <c r="IV25" s="60">
        <v>0</v>
      </c>
      <c r="IW25" s="61">
        <v>1</v>
      </c>
      <c r="IX25" s="62">
        <v>1</v>
      </c>
      <c r="IY25" s="443">
        <v>0</v>
      </c>
      <c r="IZ25" s="61">
        <v>6</v>
      </c>
      <c r="JA25" s="61">
        <v>8</v>
      </c>
      <c r="JB25" s="61">
        <v>3</v>
      </c>
      <c r="JC25" s="61">
        <v>3</v>
      </c>
      <c r="JD25" s="61">
        <v>2</v>
      </c>
      <c r="JE25" s="62">
        <v>22</v>
      </c>
      <c r="JF25" s="63">
        <v>23</v>
      </c>
      <c r="JG25" s="60">
        <v>1</v>
      </c>
      <c r="JH25" s="61">
        <v>4</v>
      </c>
      <c r="JI25" s="62">
        <v>5</v>
      </c>
      <c r="JJ25" s="443">
        <v>0</v>
      </c>
      <c r="JK25" s="61">
        <v>11</v>
      </c>
      <c r="JL25" s="61">
        <v>11</v>
      </c>
      <c r="JM25" s="61">
        <v>5</v>
      </c>
      <c r="JN25" s="61">
        <v>5</v>
      </c>
      <c r="JO25" s="61">
        <v>4</v>
      </c>
      <c r="JP25" s="62">
        <v>36</v>
      </c>
      <c r="JQ25" s="63">
        <v>41</v>
      </c>
      <c r="JR25" s="60">
        <v>0</v>
      </c>
      <c r="JS25" s="61">
        <v>0</v>
      </c>
      <c r="JT25" s="62">
        <v>0</v>
      </c>
      <c r="JU25" s="443">
        <v>0</v>
      </c>
      <c r="JV25" s="61">
        <v>0</v>
      </c>
      <c r="JW25" s="61">
        <v>0</v>
      </c>
      <c r="JX25" s="61">
        <v>0</v>
      </c>
      <c r="JY25" s="61">
        <v>0</v>
      </c>
      <c r="JZ25" s="61">
        <v>0</v>
      </c>
      <c r="KA25" s="62">
        <v>0</v>
      </c>
      <c r="KB25" s="63">
        <v>0</v>
      </c>
      <c r="KC25" s="60">
        <v>15</v>
      </c>
      <c r="KD25" s="61">
        <v>13</v>
      </c>
      <c r="KE25" s="62">
        <v>28</v>
      </c>
      <c r="KF25" s="443">
        <v>0</v>
      </c>
      <c r="KG25" s="61">
        <v>29</v>
      </c>
      <c r="KH25" s="61">
        <v>31</v>
      </c>
      <c r="KI25" s="61">
        <v>13</v>
      </c>
      <c r="KJ25" s="61">
        <v>12</v>
      </c>
      <c r="KK25" s="61">
        <v>11</v>
      </c>
      <c r="KL25" s="62">
        <v>96</v>
      </c>
      <c r="KM25" s="63">
        <v>124</v>
      </c>
    </row>
    <row r="26" spans="2:299" ht="21" customHeight="1" x14ac:dyDescent="0.2">
      <c r="B26" s="437" t="s">
        <v>23</v>
      </c>
      <c r="C26" s="287">
        <v>15</v>
      </c>
      <c r="D26" s="72">
        <v>17</v>
      </c>
      <c r="E26" s="73">
        <v>32</v>
      </c>
      <c r="F26" s="443">
        <v>0</v>
      </c>
      <c r="G26" s="72">
        <v>22</v>
      </c>
      <c r="H26" s="72">
        <v>25</v>
      </c>
      <c r="I26" s="72">
        <v>19</v>
      </c>
      <c r="J26" s="72">
        <v>15</v>
      </c>
      <c r="K26" s="72">
        <v>12</v>
      </c>
      <c r="L26" s="74">
        <v>93</v>
      </c>
      <c r="M26" s="75">
        <v>125</v>
      </c>
      <c r="N26" s="60">
        <v>0</v>
      </c>
      <c r="O26" s="61">
        <v>2</v>
      </c>
      <c r="P26" s="62">
        <v>2</v>
      </c>
      <c r="Q26" s="443">
        <v>0</v>
      </c>
      <c r="R26" s="61">
        <v>0</v>
      </c>
      <c r="S26" s="61">
        <v>1</v>
      </c>
      <c r="T26" s="61">
        <v>0</v>
      </c>
      <c r="U26" s="61">
        <v>0</v>
      </c>
      <c r="V26" s="61">
        <v>0</v>
      </c>
      <c r="W26" s="62">
        <v>1</v>
      </c>
      <c r="X26" s="63">
        <v>3</v>
      </c>
      <c r="Y26" s="60">
        <v>2</v>
      </c>
      <c r="Z26" s="61">
        <v>1</v>
      </c>
      <c r="AA26" s="62">
        <v>3</v>
      </c>
      <c r="AB26" s="443">
        <v>0</v>
      </c>
      <c r="AC26" s="61">
        <v>0</v>
      </c>
      <c r="AD26" s="61">
        <v>3</v>
      </c>
      <c r="AE26" s="61">
        <v>1</v>
      </c>
      <c r="AF26" s="61">
        <v>1</v>
      </c>
      <c r="AG26" s="61">
        <v>2</v>
      </c>
      <c r="AH26" s="62">
        <v>7</v>
      </c>
      <c r="AI26" s="63">
        <v>10</v>
      </c>
      <c r="AJ26" s="60">
        <v>3</v>
      </c>
      <c r="AK26" s="61">
        <v>0</v>
      </c>
      <c r="AL26" s="62">
        <v>3</v>
      </c>
      <c r="AM26" s="443">
        <v>0</v>
      </c>
      <c r="AN26" s="61">
        <v>3</v>
      </c>
      <c r="AO26" s="61">
        <v>2</v>
      </c>
      <c r="AP26" s="61">
        <v>3</v>
      </c>
      <c r="AQ26" s="61">
        <v>0</v>
      </c>
      <c r="AR26" s="61">
        <v>4</v>
      </c>
      <c r="AS26" s="62">
        <v>12</v>
      </c>
      <c r="AT26" s="63">
        <v>15</v>
      </c>
      <c r="AU26" s="60">
        <v>4</v>
      </c>
      <c r="AV26" s="61">
        <v>7</v>
      </c>
      <c r="AW26" s="62">
        <v>11</v>
      </c>
      <c r="AX26" s="443">
        <v>0</v>
      </c>
      <c r="AY26" s="61">
        <v>8</v>
      </c>
      <c r="AZ26" s="61">
        <v>3</v>
      </c>
      <c r="BA26" s="61">
        <v>5</v>
      </c>
      <c r="BB26" s="61">
        <v>6</v>
      </c>
      <c r="BC26" s="61">
        <v>1</v>
      </c>
      <c r="BD26" s="62">
        <v>23</v>
      </c>
      <c r="BE26" s="63">
        <v>34</v>
      </c>
      <c r="BF26" s="60">
        <v>5</v>
      </c>
      <c r="BG26" s="61">
        <v>3</v>
      </c>
      <c r="BH26" s="62">
        <v>8</v>
      </c>
      <c r="BI26" s="443">
        <v>0</v>
      </c>
      <c r="BJ26" s="61">
        <v>7</v>
      </c>
      <c r="BK26" s="61">
        <v>6</v>
      </c>
      <c r="BL26" s="61">
        <v>8</v>
      </c>
      <c r="BM26" s="61">
        <v>4</v>
      </c>
      <c r="BN26" s="61">
        <v>4</v>
      </c>
      <c r="BO26" s="62">
        <v>29</v>
      </c>
      <c r="BP26" s="63">
        <v>37</v>
      </c>
      <c r="BQ26" s="60">
        <v>1</v>
      </c>
      <c r="BR26" s="61">
        <v>4</v>
      </c>
      <c r="BS26" s="62">
        <v>5</v>
      </c>
      <c r="BT26" s="443">
        <v>0</v>
      </c>
      <c r="BU26" s="61">
        <v>4</v>
      </c>
      <c r="BV26" s="61">
        <v>10</v>
      </c>
      <c r="BW26" s="61">
        <v>2</v>
      </c>
      <c r="BX26" s="61">
        <v>4</v>
      </c>
      <c r="BY26" s="61">
        <v>1</v>
      </c>
      <c r="BZ26" s="62">
        <v>21</v>
      </c>
      <c r="CA26" s="63">
        <v>26</v>
      </c>
      <c r="CB26" s="60">
        <v>0</v>
      </c>
      <c r="CC26" s="61">
        <v>0</v>
      </c>
      <c r="CD26" s="62">
        <v>0</v>
      </c>
      <c r="CE26" s="443">
        <v>0</v>
      </c>
      <c r="CF26" s="61">
        <v>0</v>
      </c>
      <c r="CG26" s="61">
        <v>0</v>
      </c>
      <c r="CH26" s="61">
        <v>0</v>
      </c>
      <c r="CI26" s="61">
        <v>0</v>
      </c>
      <c r="CJ26" s="61">
        <v>0</v>
      </c>
      <c r="CK26" s="62">
        <v>0</v>
      </c>
      <c r="CL26" s="63">
        <v>0</v>
      </c>
      <c r="CM26" s="60">
        <v>15</v>
      </c>
      <c r="CN26" s="61">
        <v>17</v>
      </c>
      <c r="CO26" s="62">
        <v>32</v>
      </c>
      <c r="CP26" s="443">
        <v>0</v>
      </c>
      <c r="CQ26" s="61">
        <v>22</v>
      </c>
      <c r="CR26" s="61">
        <v>25</v>
      </c>
      <c r="CS26" s="61">
        <v>19</v>
      </c>
      <c r="CT26" s="61">
        <v>15</v>
      </c>
      <c r="CU26" s="61">
        <v>12</v>
      </c>
      <c r="CV26" s="62">
        <v>93</v>
      </c>
      <c r="CW26" s="63">
        <v>125</v>
      </c>
      <c r="CX26" s="113">
        <v>8</v>
      </c>
      <c r="CY26" s="72">
        <v>8</v>
      </c>
      <c r="CZ26" s="73">
        <v>16</v>
      </c>
      <c r="DA26" s="443">
        <v>0</v>
      </c>
      <c r="DB26" s="72">
        <v>9</v>
      </c>
      <c r="DC26" s="72">
        <v>11</v>
      </c>
      <c r="DD26" s="72">
        <v>4</v>
      </c>
      <c r="DE26" s="72">
        <v>6</v>
      </c>
      <c r="DF26" s="72">
        <v>5</v>
      </c>
      <c r="DG26" s="74">
        <v>35</v>
      </c>
      <c r="DH26" s="75">
        <v>51</v>
      </c>
      <c r="DI26" s="60">
        <v>0</v>
      </c>
      <c r="DJ26" s="61">
        <v>1</v>
      </c>
      <c r="DK26" s="62">
        <v>1</v>
      </c>
      <c r="DL26" s="443">
        <v>0</v>
      </c>
      <c r="DM26" s="61">
        <v>0</v>
      </c>
      <c r="DN26" s="61">
        <v>0</v>
      </c>
      <c r="DO26" s="61">
        <v>0</v>
      </c>
      <c r="DP26" s="61">
        <v>0</v>
      </c>
      <c r="DQ26" s="61">
        <v>0</v>
      </c>
      <c r="DR26" s="62">
        <v>0</v>
      </c>
      <c r="DS26" s="63">
        <v>1</v>
      </c>
      <c r="DT26" s="60">
        <v>0</v>
      </c>
      <c r="DU26" s="61">
        <v>0</v>
      </c>
      <c r="DV26" s="62">
        <v>0</v>
      </c>
      <c r="DW26" s="443">
        <v>0</v>
      </c>
      <c r="DX26" s="61">
        <v>1</v>
      </c>
      <c r="DY26" s="61">
        <v>0</v>
      </c>
      <c r="DZ26" s="61">
        <v>0</v>
      </c>
      <c r="EA26" s="61">
        <v>0</v>
      </c>
      <c r="EB26" s="61">
        <v>0</v>
      </c>
      <c r="EC26" s="62">
        <v>1</v>
      </c>
      <c r="ED26" s="63">
        <v>1</v>
      </c>
      <c r="EE26" s="60">
        <v>1</v>
      </c>
      <c r="EF26" s="61">
        <v>2</v>
      </c>
      <c r="EG26" s="62">
        <v>3</v>
      </c>
      <c r="EH26" s="443">
        <v>0</v>
      </c>
      <c r="EI26" s="61">
        <v>0</v>
      </c>
      <c r="EJ26" s="61">
        <v>1</v>
      </c>
      <c r="EK26" s="61">
        <v>0</v>
      </c>
      <c r="EL26" s="61">
        <v>0</v>
      </c>
      <c r="EM26" s="61">
        <v>1</v>
      </c>
      <c r="EN26" s="62">
        <v>2</v>
      </c>
      <c r="EO26" s="63">
        <v>5</v>
      </c>
      <c r="EP26" s="60">
        <v>5</v>
      </c>
      <c r="EQ26" s="61">
        <v>3</v>
      </c>
      <c r="ER26" s="62">
        <v>8</v>
      </c>
      <c r="ES26" s="443">
        <v>0</v>
      </c>
      <c r="ET26" s="61">
        <v>1</v>
      </c>
      <c r="EU26" s="61">
        <v>2</v>
      </c>
      <c r="EV26" s="61">
        <v>2</v>
      </c>
      <c r="EW26" s="61">
        <v>1</v>
      </c>
      <c r="EX26" s="61">
        <v>1</v>
      </c>
      <c r="EY26" s="62">
        <v>7</v>
      </c>
      <c r="EZ26" s="63">
        <v>15</v>
      </c>
      <c r="FA26" s="60">
        <v>1</v>
      </c>
      <c r="FB26" s="61">
        <v>1</v>
      </c>
      <c r="FC26" s="62">
        <v>2</v>
      </c>
      <c r="FD26" s="443">
        <v>0</v>
      </c>
      <c r="FE26" s="61">
        <v>2</v>
      </c>
      <c r="FF26" s="61">
        <v>3</v>
      </c>
      <c r="FG26" s="61">
        <v>1</v>
      </c>
      <c r="FH26" s="61">
        <v>1</v>
      </c>
      <c r="FI26" s="61">
        <v>0</v>
      </c>
      <c r="FJ26" s="62">
        <v>7</v>
      </c>
      <c r="FK26" s="63">
        <v>9</v>
      </c>
      <c r="FL26" s="60">
        <v>1</v>
      </c>
      <c r="FM26" s="61">
        <v>1</v>
      </c>
      <c r="FN26" s="62">
        <v>2</v>
      </c>
      <c r="FO26" s="443">
        <v>0</v>
      </c>
      <c r="FP26" s="61">
        <v>5</v>
      </c>
      <c r="FQ26" s="61">
        <v>5</v>
      </c>
      <c r="FR26" s="61">
        <v>1</v>
      </c>
      <c r="FS26" s="61">
        <v>4</v>
      </c>
      <c r="FT26" s="61">
        <v>3</v>
      </c>
      <c r="FU26" s="62">
        <v>18</v>
      </c>
      <c r="FV26" s="63">
        <v>20</v>
      </c>
      <c r="FW26" s="60">
        <v>0</v>
      </c>
      <c r="FX26" s="61">
        <v>0</v>
      </c>
      <c r="FY26" s="62">
        <v>0</v>
      </c>
      <c r="FZ26" s="443">
        <v>0</v>
      </c>
      <c r="GA26" s="61">
        <v>0</v>
      </c>
      <c r="GB26" s="61">
        <v>0</v>
      </c>
      <c r="GC26" s="61">
        <v>0</v>
      </c>
      <c r="GD26" s="61">
        <v>0</v>
      </c>
      <c r="GE26" s="61">
        <v>0</v>
      </c>
      <c r="GF26" s="62">
        <v>0</v>
      </c>
      <c r="GG26" s="63">
        <v>0</v>
      </c>
      <c r="GH26" s="60">
        <v>8</v>
      </c>
      <c r="GI26" s="61">
        <v>8</v>
      </c>
      <c r="GJ26" s="62">
        <v>16</v>
      </c>
      <c r="GK26" s="443">
        <v>0</v>
      </c>
      <c r="GL26" s="61">
        <v>9</v>
      </c>
      <c r="GM26" s="61">
        <v>11</v>
      </c>
      <c r="GN26" s="61">
        <v>4</v>
      </c>
      <c r="GO26" s="61">
        <v>6</v>
      </c>
      <c r="GP26" s="61">
        <v>5</v>
      </c>
      <c r="GQ26" s="62">
        <v>35</v>
      </c>
      <c r="GR26" s="63">
        <v>51</v>
      </c>
      <c r="GS26" s="113">
        <v>23</v>
      </c>
      <c r="GT26" s="72">
        <v>25</v>
      </c>
      <c r="GU26" s="73">
        <v>48</v>
      </c>
      <c r="GV26" s="443">
        <v>0</v>
      </c>
      <c r="GW26" s="72">
        <v>31</v>
      </c>
      <c r="GX26" s="72">
        <v>36</v>
      </c>
      <c r="GY26" s="72">
        <v>23</v>
      </c>
      <c r="GZ26" s="72">
        <v>21</v>
      </c>
      <c r="HA26" s="72">
        <v>17</v>
      </c>
      <c r="HB26" s="74">
        <v>128</v>
      </c>
      <c r="HC26" s="75">
        <v>176</v>
      </c>
      <c r="HD26" s="60">
        <v>0</v>
      </c>
      <c r="HE26" s="61">
        <v>3</v>
      </c>
      <c r="HF26" s="62">
        <v>3</v>
      </c>
      <c r="HG26" s="443">
        <v>0</v>
      </c>
      <c r="HH26" s="61">
        <v>0</v>
      </c>
      <c r="HI26" s="61">
        <v>1</v>
      </c>
      <c r="HJ26" s="61">
        <v>0</v>
      </c>
      <c r="HK26" s="61">
        <v>0</v>
      </c>
      <c r="HL26" s="61">
        <v>0</v>
      </c>
      <c r="HM26" s="62">
        <v>1</v>
      </c>
      <c r="HN26" s="63">
        <v>4</v>
      </c>
      <c r="HO26" s="60">
        <v>2</v>
      </c>
      <c r="HP26" s="61">
        <v>1</v>
      </c>
      <c r="HQ26" s="62">
        <v>3</v>
      </c>
      <c r="HR26" s="443">
        <v>0</v>
      </c>
      <c r="HS26" s="61">
        <v>1</v>
      </c>
      <c r="HT26" s="61">
        <v>3</v>
      </c>
      <c r="HU26" s="61">
        <v>1</v>
      </c>
      <c r="HV26" s="61">
        <v>1</v>
      </c>
      <c r="HW26" s="61">
        <v>2</v>
      </c>
      <c r="HX26" s="62">
        <v>8</v>
      </c>
      <c r="HY26" s="63">
        <v>11</v>
      </c>
      <c r="HZ26" s="60">
        <v>4</v>
      </c>
      <c r="IA26" s="61">
        <v>2</v>
      </c>
      <c r="IB26" s="62">
        <v>6</v>
      </c>
      <c r="IC26" s="443">
        <v>0</v>
      </c>
      <c r="ID26" s="61">
        <v>3</v>
      </c>
      <c r="IE26" s="61">
        <v>3</v>
      </c>
      <c r="IF26" s="61">
        <v>3</v>
      </c>
      <c r="IG26" s="61">
        <v>0</v>
      </c>
      <c r="IH26" s="61">
        <v>5</v>
      </c>
      <c r="II26" s="62">
        <v>14</v>
      </c>
      <c r="IJ26" s="63">
        <v>20</v>
      </c>
      <c r="IK26" s="60">
        <v>9</v>
      </c>
      <c r="IL26" s="61">
        <v>10</v>
      </c>
      <c r="IM26" s="62">
        <v>19</v>
      </c>
      <c r="IN26" s="443">
        <v>0</v>
      </c>
      <c r="IO26" s="61">
        <v>9</v>
      </c>
      <c r="IP26" s="61">
        <v>5</v>
      </c>
      <c r="IQ26" s="61">
        <v>7</v>
      </c>
      <c r="IR26" s="61">
        <v>7</v>
      </c>
      <c r="IS26" s="61">
        <v>2</v>
      </c>
      <c r="IT26" s="62">
        <v>30</v>
      </c>
      <c r="IU26" s="63">
        <v>49</v>
      </c>
      <c r="IV26" s="60">
        <v>6</v>
      </c>
      <c r="IW26" s="61">
        <v>4</v>
      </c>
      <c r="IX26" s="62">
        <v>10</v>
      </c>
      <c r="IY26" s="443">
        <v>0</v>
      </c>
      <c r="IZ26" s="61">
        <v>9</v>
      </c>
      <c r="JA26" s="61">
        <v>9</v>
      </c>
      <c r="JB26" s="61">
        <v>9</v>
      </c>
      <c r="JC26" s="61">
        <v>5</v>
      </c>
      <c r="JD26" s="61">
        <v>4</v>
      </c>
      <c r="JE26" s="62">
        <v>36</v>
      </c>
      <c r="JF26" s="63">
        <v>46</v>
      </c>
      <c r="JG26" s="60">
        <v>2</v>
      </c>
      <c r="JH26" s="61">
        <v>5</v>
      </c>
      <c r="JI26" s="62">
        <v>7</v>
      </c>
      <c r="JJ26" s="443">
        <v>0</v>
      </c>
      <c r="JK26" s="61">
        <v>9</v>
      </c>
      <c r="JL26" s="61">
        <v>15</v>
      </c>
      <c r="JM26" s="61">
        <v>3</v>
      </c>
      <c r="JN26" s="61">
        <v>8</v>
      </c>
      <c r="JO26" s="61">
        <v>4</v>
      </c>
      <c r="JP26" s="62">
        <v>39</v>
      </c>
      <c r="JQ26" s="63">
        <v>46</v>
      </c>
      <c r="JR26" s="60">
        <v>0</v>
      </c>
      <c r="JS26" s="61">
        <v>0</v>
      </c>
      <c r="JT26" s="62">
        <v>0</v>
      </c>
      <c r="JU26" s="443">
        <v>0</v>
      </c>
      <c r="JV26" s="61">
        <v>0</v>
      </c>
      <c r="JW26" s="61">
        <v>0</v>
      </c>
      <c r="JX26" s="61">
        <v>0</v>
      </c>
      <c r="JY26" s="61">
        <v>0</v>
      </c>
      <c r="JZ26" s="61">
        <v>0</v>
      </c>
      <c r="KA26" s="62">
        <v>0</v>
      </c>
      <c r="KB26" s="63">
        <v>0</v>
      </c>
      <c r="KC26" s="60">
        <v>23</v>
      </c>
      <c r="KD26" s="61">
        <v>25</v>
      </c>
      <c r="KE26" s="62">
        <v>48</v>
      </c>
      <c r="KF26" s="443">
        <v>0</v>
      </c>
      <c r="KG26" s="61">
        <v>31</v>
      </c>
      <c r="KH26" s="61">
        <v>36</v>
      </c>
      <c r="KI26" s="61">
        <v>23</v>
      </c>
      <c r="KJ26" s="61">
        <v>21</v>
      </c>
      <c r="KK26" s="61">
        <v>17</v>
      </c>
      <c r="KL26" s="62">
        <v>128</v>
      </c>
      <c r="KM26" s="63">
        <v>176</v>
      </c>
    </row>
    <row r="27" spans="2:299" ht="21" customHeight="1" x14ac:dyDescent="0.2">
      <c r="B27" s="437" t="s">
        <v>24</v>
      </c>
      <c r="C27" s="287">
        <v>22</v>
      </c>
      <c r="D27" s="72">
        <v>21</v>
      </c>
      <c r="E27" s="73">
        <v>43</v>
      </c>
      <c r="F27" s="443">
        <v>0</v>
      </c>
      <c r="G27" s="72">
        <v>32</v>
      </c>
      <c r="H27" s="72">
        <v>19</v>
      </c>
      <c r="I27" s="72">
        <v>15</v>
      </c>
      <c r="J27" s="72">
        <v>13</v>
      </c>
      <c r="K27" s="72">
        <v>10</v>
      </c>
      <c r="L27" s="74">
        <v>89</v>
      </c>
      <c r="M27" s="75">
        <v>132</v>
      </c>
      <c r="N27" s="60">
        <v>0</v>
      </c>
      <c r="O27" s="61">
        <v>0</v>
      </c>
      <c r="P27" s="62">
        <v>0</v>
      </c>
      <c r="Q27" s="443">
        <v>0</v>
      </c>
      <c r="R27" s="61">
        <v>1</v>
      </c>
      <c r="S27" s="61">
        <v>0</v>
      </c>
      <c r="T27" s="61">
        <v>0</v>
      </c>
      <c r="U27" s="61">
        <v>0</v>
      </c>
      <c r="V27" s="61">
        <v>1</v>
      </c>
      <c r="W27" s="62">
        <v>2</v>
      </c>
      <c r="X27" s="63">
        <v>2</v>
      </c>
      <c r="Y27" s="60">
        <v>1</v>
      </c>
      <c r="Z27" s="61">
        <v>1</v>
      </c>
      <c r="AA27" s="62">
        <v>2</v>
      </c>
      <c r="AB27" s="443">
        <v>0</v>
      </c>
      <c r="AC27" s="61">
        <v>0</v>
      </c>
      <c r="AD27" s="61">
        <v>1</v>
      </c>
      <c r="AE27" s="61">
        <v>1</v>
      </c>
      <c r="AF27" s="61">
        <v>1</v>
      </c>
      <c r="AG27" s="61">
        <v>1</v>
      </c>
      <c r="AH27" s="62">
        <v>4</v>
      </c>
      <c r="AI27" s="63">
        <v>6</v>
      </c>
      <c r="AJ27" s="60">
        <v>0</v>
      </c>
      <c r="AK27" s="61">
        <v>1</v>
      </c>
      <c r="AL27" s="62">
        <v>1</v>
      </c>
      <c r="AM27" s="443">
        <v>0</v>
      </c>
      <c r="AN27" s="61">
        <v>3</v>
      </c>
      <c r="AO27" s="61">
        <v>2</v>
      </c>
      <c r="AP27" s="61">
        <v>2</v>
      </c>
      <c r="AQ27" s="61">
        <v>1</v>
      </c>
      <c r="AR27" s="61">
        <v>0</v>
      </c>
      <c r="AS27" s="62">
        <v>8</v>
      </c>
      <c r="AT27" s="63">
        <v>9</v>
      </c>
      <c r="AU27" s="60">
        <v>5</v>
      </c>
      <c r="AV27" s="61">
        <v>5</v>
      </c>
      <c r="AW27" s="62">
        <v>10</v>
      </c>
      <c r="AX27" s="443">
        <v>0</v>
      </c>
      <c r="AY27" s="61">
        <v>5</v>
      </c>
      <c r="AZ27" s="61">
        <v>3</v>
      </c>
      <c r="BA27" s="61">
        <v>2</v>
      </c>
      <c r="BB27" s="61">
        <v>4</v>
      </c>
      <c r="BC27" s="61">
        <v>2</v>
      </c>
      <c r="BD27" s="62">
        <v>16</v>
      </c>
      <c r="BE27" s="63">
        <v>26</v>
      </c>
      <c r="BF27" s="60">
        <v>7</v>
      </c>
      <c r="BG27" s="61">
        <v>5</v>
      </c>
      <c r="BH27" s="62">
        <v>12</v>
      </c>
      <c r="BI27" s="443">
        <v>0</v>
      </c>
      <c r="BJ27" s="61">
        <v>14</v>
      </c>
      <c r="BK27" s="61">
        <v>5</v>
      </c>
      <c r="BL27" s="61">
        <v>7</v>
      </c>
      <c r="BM27" s="61">
        <v>2</v>
      </c>
      <c r="BN27" s="61">
        <v>2</v>
      </c>
      <c r="BO27" s="62">
        <v>30</v>
      </c>
      <c r="BP27" s="63">
        <v>42</v>
      </c>
      <c r="BQ27" s="60">
        <v>9</v>
      </c>
      <c r="BR27" s="61">
        <v>9</v>
      </c>
      <c r="BS27" s="62">
        <v>18</v>
      </c>
      <c r="BT27" s="443">
        <v>0</v>
      </c>
      <c r="BU27" s="61">
        <v>9</v>
      </c>
      <c r="BV27" s="61">
        <v>8</v>
      </c>
      <c r="BW27" s="61">
        <v>3</v>
      </c>
      <c r="BX27" s="61">
        <v>5</v>
      </c>
      <c r="BY27" s="61">
        <v>4</v>
      </c>
      <c r="BZ27" s="62">
        <v>29</v>
      </c>
      <c r="CA27" s="63">
        <v>47</v>
      </c>
      <c r="CB27" s="60">
        <v>0</v>
      </c>
      <c r="CC27" s="61">
        <v>0</v>
      </c>
      <c r="CD27" s="62">
        <v>0</v>
      </c>
      <c r="CE27" s="443">
        <v>0</v>
      </c>
      <c r="CF27" s="61">
        <v>0</v>
      </c>
      <c r="CG27" s="61">
        <v>0</v>
      </c>
      <c r="CH27" s="61">
        <v>0</v>
      </c>
      <c r="CI27" s="61">
        <v>0</v>
      </c>
      <c r="CJ27" s="61">
        <v>0</v>
      </c>
      <c r="CK27" s="62">
        <v>0</v>
      </c>
      <c r="CL27" s="63">
        <v>0</v>
      </c>
      <c r="CM27" s="60">
        <v>22</v>
      </c>
      <c r="CN27" s="61">
        <v>21</v>
      </c>
      <c r="CO27" s="62">
        <v>43</v>
      </c>
      <c r="CP27" s="443">
        <v>0</v>
      </c>
      <c r="CQ27" s="61">
        <v>32</v>
      </c>
      <c r="CR27" s="61">
        <v>19</v>
      </c>
      <c r="CS27" s="61">
        <v>15</v>
      </c>
      <c r="CT27" s="61">
        <v>13</v>
      </c>
      <c r="CU27" s="61">
        <v>10</v>
      </c>
      <c r="CV27" s="62">
        <v>89</v>
      </c>
      <c r="CW27" s="63">
        <v>132</v>
      </c>
      <c r="CX27" s="113">
        <v>8</v>
      </c>
      <c r="CY27" s="72">
        <v>8</v>
      </c>
      <c r="CZ27" s="73">
        <v>16</v>
      </c>
      <c r="DA27" s="443">
        <v>0</v>
      </c>
      <c r="DB27" s="72">
        <v>9</v>
      </c>
      <c r="DC27" s="72">
        <v>8</v>
      </c>
      <c r="DD27" s="72">
        <v>3</v>
      </c>
      <c r="DE27" s="72">
        <v>5</v>
      </c>
      <c r="DF27" s="72">
        <v>3</v>
      </c>
      <c r="DG27" s="74">
        <v>28</v>
      </c>
      <c r="DH27" s="75">
        <v>44</v>
      </c>
      <c r="DI27" s="60">
        <v>0</v>
      </c>
      <c r="DJ27" s="61">
        <v>0</v>
      </c>
      <c r="DK27" s="62">
        <v>0</v>
      </c>
      <c r="DL27" s="443">
        <v>0</v>
      </c>
      <c r="DM27" s="61">
        <v>0</v>
      </c>
      <c r="DN27" s="61">
        <v>0</v>
      </c>
      <c r="DO27" s="61">
        <v>0</v>
      </c>
      <c r="DP27" s="61">
        <v>0</v>
      </c>
      <c r="DQ27" s="61">
        <v>0</v>
      </c>
      <c r="DR27" s="62">
        <v>0</v>
      </c>
      <c r="DS27" s="63">
        <v>0</v>
      </c>
      <c r="DT27" s="60">
        <v>1</v>
      </c>
      <c r="DU27" s="61">
        <v>0</v>
      </c>
      <c r="DV27" s="62">
        <v>1</v>
      </c>
      <c r="DW27" s="443">
        <v>0</v>
      </c>
      <c r="DX27" s="61">
        <v>1</v>
      </c>
      <c r="DY27" s="61">
        <v>0</v>
      </c>
      <c r="DZ27" s="61">
        <v>0</v>
      </c>
      <c r="EA27" s="61">
        <v>0</v>
      </c>
      <c r="EB27" s="61">
        <v>0</v>
      </c>
      <c r="EC27" s="62">
        <v>1</v>
      </c>
      <c r="ED27" s="63">
        <v>2</v>
      </c>
      <c r="EE27" s="60">
        <v>1</v>
      </c>
      <c r="EF27" s="61">
        <v>1</v>
      </c>
      <c r="EG27" s="62">
        <v>2</v>
      </c>
      <c r="EH27" s="443">
        <v>0</v>
      </c>
      <c r="EI27" s="61">
        <v>1</v>
      </c>
      <c r="EJ27" s="61">
        <v>2</v>
      </c>
      <c r="EK27" s="61">
        <v>0</v>
      </c>
      <c r="EL27" s="61">
        <v>0</v>
      </c>
      <c r="EM27" s="61">
        <v>0</v>
      </c>
      <c r="EN27" s="62">
        <v>3</v>
      </c>
      <c r="EO27" s="63">
        <v>5</v>
      </c>
      <c r="EP27" s="60">
        <v>3</v>
      </c>
      <c r="EQ27" s="61">
        <v>2</v>
      </c>
      <c r="ER27" s="62">
        <v>5</v>
      </c>
      <c r="ES27" s="443">
        <v>0</v>
      </c>
      <c r="ET27" s="61">
        <v>3</v>
      </c>
      <c r="EU27" s="61">
        <v>2</v>
      </c>
      <c r="EV27" s="61">
        <v>1</v>
      </c>
      <c r="EW27" s="61">
        <v>1</v>
      </c>
      <c r="EX27" s="61">
        <v>1</v>
      </c>
      <c r="EY27" s="62">
        <v>8</v>
      </c>
      <c r="EZ27" s="63">
        <v>13</v>
      </c>
      <c r="FA27" s="60">
        <v>2</v>
      </c>
      <c r="FB27" s="61">
        <v>2</v>
      </c>
      <c r="FC27" s="62">
        <v>4</v>
      </c>
      <c r="FD27" s="443">
        <v>0</v>
      </c>
      <c r="FE27" s="61">
        <v>3</v>
      </c>
      <c r="FF27" s="61">
        <v>2</v>
      </c>
      <c r="FG27" s="61">
        <v>0</v>
      </c>
      <c r="FH27" s="61">
        <v>0</v>
      </c>
      <c r="FI27" s="61">
        <v>1</v>
      </c>
      <c r="FJ27" s="62">
        <v>6</v>
      </c>
      <c r="FK27" s="63">
        <v>10</v>
      </c>
      <c r="FL27" s="60">
        <v>1</v>
      </c>
      <c r="FM27" s="61">
        <v>3</v>
      </c>
      <c r="FN27" s="62">
        <v>4</v>
      </c>
      <c r="FO27" s="443">
        <v>0</v>
      </c>
      <c r="FP27" s="61">
        <v>1</v>
      </c>
      <c r="FQ27" s="61">
        <v>2</v>
      </c>
      <c r="FR27" s="61">
        <v>2</v>
      </c>
      <c r="FS27" s="61">
        <v>4</v>
      </c>
      <c r="FT27" s="61">
        <v>1</v>
      </c>
      <c r="FU27" s="62">
        <v>10</v>
      </c>
      <c r="FV27" s="63">
        <v>14</v>
      </c>
      <c r="FW27" s="60">
        <v>0</v>
      </c>
      <c r="FX27" s="61">
        <v>0</v>
      </c>
      <c r="FY27" s="62">
        <v>0</v>
      </c>
      <c r="FZ27" s="443">
        <v>0</v>
      </c>
      <c r="GA27" s="61">
        <v>0</v>
      </c>
      <c r="GB27" s="61">
        <v>0</v>
      </c>
      <c r="GC27" s="61">
        <v>0</v>
      </c>
      <c r="GD27" s="61">
        <v>0</v>
      </c>
      <c r="GE27" s="61">
        <v>0</v>
      </c>
      <c r="GF27" s="62">
        <v>0</v>
      </c>
      <c r="GG27" s="63">
        <v>0</v>
      </c>
      <c r="GH27" s="60">
        <v>8</v>
      </c>
      <c r="GI27" s="61">
        <v>8</v>
      </c>
      <c r="GJ27" s="62">
        <v>16</v>
      </c>
      <c r="GK27" s="443">
        <v>0</v>
      </c>
      <c r="GL27" s="61">
        <v>9</v>
      </c>
      <c r="GM27" s="61">
        <v>8</v>
      </c>
      <c r="GN27" s="61">
        <v>3</v>
      </c>
      <c r="GO27" s="61">
        <v>5</v>
      </c>
      <c r="GP27" s="61">
        <v>3</v>
      </c>
      <c r="GQ27" s="62">
        <v>28</v>
      </c>
      <c r="GR27" s="63">
        <v>44</v>
      </c>
      <c r="GS27" s="113">
        <v>30</v>
      </c>
      <c r="GT27" s="72">
        <v>29</v>
      </c>
      <c r="GU27" s="73">
        <v>59</v>
      </c>
      <c r="GV27" s="443">
        <v>0</v>
      </c>
      <c r="GW27" s="72">
        <v>41</v>
      </c>
      <c r="GX27" s="72">
        <v>27</v>
      </c>
      <c r="GY27" s="72">
        <v>18</v>
      </c>
      <c r="GZ27" s="72">
        <v>18</v>
      </c>
      <c r="HA27" s="72">
        <v>13</v>
      </c>
      <c r="HB27" s="74">
        <v>117</v>
      </c>
      <c r="HC27" s="75">
        <v>176</v>
      </c>
      <c r="HD27" s="60">
        <v>0</v>
      </c>
      <c r="HE27" s="61">
        <v>0</v>
      </c>
      <c r="HF27" s="62">
        <v>0</v>
      </c>
      <c r="HG27" s="443">
        <v>0</v>
      </c>
      <c r="HH27" s="61">
        <v>1</v>
      </c>
      <c r="HI27" s="61">
        <v>0</v>
      </c>
      <c r="HJ27" s="61">
        <v>0</v>
      </c>
      <c r="HK27" s="61">
        <v>0</v>
      </c>
      <c r="HL27" s="61">
        <v>1</v>
      </c>
      <c r="HM27" s="62">
        <v>2</v>
      </c>
      <c r="HN27" s="63">
        <v>2</v>
      </c>
      <c r="HO27" s="60">
        <v>2</v>
      </c>
      <c r="HP27" s="61">
        <v>1</v>
      </c>
      <c r="HQ27" s="62">
        <v>3</v>
      </c>
      <c r="HR27" s="443">
        <v>0</v>
      </c>
      <c r="HS27" s="61">
        <v>1</v>
      </c>
      <c r="HT27" s="61">
        <v>1</v>
      </c>
      <c r="HU27" s="61">
        <v>1</v>
      </c>
      <c r="HV27" s="61">
        <v>1</v>
      </c>
      <c r="HW27" s="61">
        <v>1</v>
      </c>
      <c r="HX27" s="62">
        <v>5</v>
      </c>
      <c r="HY27" s="63">
        <v>8</v>
      </c>
      <c r="HZ27" s="60">
        <v>1</v>
      </c>
      <c r="IA27" s="61">
        <v>2</v>
      </c>
      <c r="IB27" s="62">
        <v>3</v>
      </c>
      <c r="IC27" s="443">
        <v>0</v>
      </c>
      <c r="ID27" s="61">
        <v>4</v>
      </c>
      <c r="IE27" s="61">
        <v>4</v>
      </c>
      <c r="IF27" s="61">
        <v>2</v>
      </c>
      <c r="IG27" s="61">
        <v>1</v>
      </c>
      <c r="IH27" s="61">
        <v>0</v>
      </c>
      <c r="II27" s="62">
        <v>11</v>
      </c>
      <c r="IJ27" s="63">
        <v>14</v>
      </c>
      <c r="IK27" s="60">
        <v>8</v>
      </c>
      <c r="IL27" s="61">
        <v>7</v>
      </c>
      <c r="IM27" s="62">
        <v>15</v>
      </c>
      <c r="IN27" s="443">
        <v>0</v>
      </c>
      <c r="IO27" s="61">
        <v>8</v>
      </c>
      <c r="IP27" s="61">
        <v>5</v>
      </c>
      <c r="IQ27" s="61">
        <v>3</v>
      </c>
      <c r="IR27" s="61">
        <v>5</v>
      </c>
      <c r="IS27" s="61">
        <v>3</v>
      </c>
      <c r="IT27" s="62">
        <v>24</v>
      </c>
      <c r="IU27" s="63">
        <v>39</v>
      </c>
      <c r="IV27" s="60">
        <v>9</v>
      </c>
      <c r="IW27" s="61">
        <v>7</v>
      </c>
      <c r="IX27" s="62">
        <v>16</v>
      </c>
      <c r="IY27" s="443">
        <v>0</v>
      </c>
      <c r="IZ27" s="61">
        <v>17</v>
      </c>
      <c r="JA27" s="61">
        <v>7</v>
      </c>
      <c r="JB27" s="61">
        <v>7</v>
      </c>
      <c r="JC27" s="61">
        <v>2</v>
      </c>
      <c r="JD27" s="61">
        <v>3</v>
      </c>
      <c r="JE27" s="62">
        <v>36</v>
      </c>
      <c r="JF27" s="63">
        <v>52</v>
      </c>
      <c r="JG27" s="60">
        <v>10</v>
      </c>
      <c r="JH27" s="61">
        <v>12</v>
      </c>
      <c r="JI27" s="62">
        <v>22</v>
      </c>
      <c r="JJ27" s="443">
        <v>0</v>
      </c>
      <c r="JK27" s="61">
        <v>10</v>
      </c>
      <c r="JL27" s="61">
        <v>10</v>
      </c>
      <c r="JM27" s="61">
        <v>5</v>
      </c>
      <c r="JN27" s="61">
        <v>9</v>
      </c>
      <c r="JO27" s="61">
        <v>5</v>
      </c>
      <c r="JP27" s="62">
        <v>39</v>
      </c>
      <c r="JQ27" s="63">
        <v>61</v>
      </c>
      <c r="JR27" s="60">
        <v>0</v>
      </c>
      <c r="JS27" s="61">
        <v>0</v>
      </c>
      <c r="JT27" s="62">
        <v>0</v>
      </c>
      <c r="JU27" s="443">
        <v>0</v>
      </c>
      <c r="JV27" s="61">
        <v>0</v>
      </c>
      <c r="JW27" s="61">
        <v>0</v>
      </c>
      <c r="JX27" s="61">
        <v>0</v>
      </c>
      <c r="JY27" s="61">
        <v>0</v>
      </c>
      <c r="JZ27" s="61">
        <v>0</v>
      </c>
      <c r="KA27" s="62">
        <v>0</v>
      </c>
      <c r="KB27" s="63">
        <v>0</v>
      </c>
      <c r="KC27" s="60">
        <v>30</v>
      </c>
      <c r="KD27" s="61">
        <v>29</v>
      </c>
      <c r="KE27" s="62">
        <v>59</v>
      </c>
      <c r="KF27" s="443">
        <v>0</v>
      </c>
      <c r="KG27" s="61">
        <v>41</v>
      </c>
      <c r="KH27" s="61">
        <v>27</v>
      </c>
      <c r="KI27" s="61">
        <v>18</v>
      </c>
      <c r="KJ27" s="61">
        <v>18</v>
      </c>
      <c r="KK27" s="61">
        <v>13</v>
      </c>
      <c r="KL27" s="62">
        <v>117</v>
      </c>
      <c r="KM27" s="63">
        <v>176</v>
      </c>
    </row>
    <row r="28" spans="2:299" ht="21" customHeight="1" x14ac:dyDescent="0.2">
      <c r="B28" s="437" t="s">
        <v>25</v>
      </c>
      <c r="C28" s="287">
        <v>12</v>
      </c>
      <c r="D28" s="72">
        <v>16</v>
      </c>
      <c r="E28" s="73">
        <v>28</v>
      </c>
      <c r="F28" s="443">
        <v>0</v>
      </c>
      <c r="G28" s="72">
        <v>8</v>
      </c>
      <c r="H28" s="72">
        <v>9</v>
      </c>
      <c r="I28" s="72">
        <v>8</v>
      </c>
      <c r="J28" s="72">
        <v>3</v>
      </c>
      <c r="K28" s="72">
        <v>6</v>
      </c>
      <c r="L28" s="74">
        <v>34</v>
      </c>
      <c r="M28" s="75">
        <v>62</v>
      </c>
      <c r="N28" s="60">
        <v>0</v>
      </c>
      <c r="O28" s="61">
        <v>2</v>
      </c>
      <c r="P28" s="62">
        <v>2</v>
      </c>
      <c r="Q28" s="443">
        <v>0</v>
      </c>
      <c r="R28" s="61">
        <v>0</v>
      </c>
      <c r="S28" s="61">
        <v>0</v>
      </c>
      <c r="T28" s="61">
        <v>0</v>
      </c>
      <c r="U28" s="61">
        <v>0</v>
      </c>
      <c r="V28" s="61">
        <v>0</v>
      </c>
      <c r="W28" s="62">
        <v>0</v>
      </c>
      <c r="X28" s="63">
        <v>2</v>
      </c>
      <c r="Y28" s="60">
        <v>3</v>
      </c>
      <c r="Z28" s="61">
        <v>1</v>
      </c>
      <c r="AA28" s="62">
        <v>4</v>
      </c>
      <c r="AB28" s="443">
        <v>0</v>
      </c>
      <c r="AC28" s="61">
        <v>2</v>
      </c>
      <c r="AD28" s="61">
        <v>1</v>
      </c>
      <c r="AE28" s="61">
        <v>0</v>
      </c>
      <c r="AF28" s="61">
        <v>0</v>
      </c>
      <c r="AG28" s="61">
        <v>1</v>
      </c>
      <c r="AH28" s="62">
        <v>4</v>
      </c>
      <c r="AI28" s="63">
        <v>8</v>
      </c>
      <c r="AJ28" s="60">
        <v>0</v>
      </c>
      <c r="AK28" s="61">
        <v>0</v>
      </c>
      <c r="AL28" s="62">
        <v>0</v>
      </c>
      <c r="AM28" s="443">
        <v>0</v>
      </c>
      <c r="AN28" s="61">
        <v>0</v>
      </c>
      <c r="AO28" s="61">
        <v>0</v>
      </c>
      <c r="AP28" s="61">
        <v>0</v>
      </c>
      <c r="AQ28" s="61">
        <v>1</v>
      </c>
      <c r="AR28" s="61">
        <v>0</v>
      </c>
      <c r="AS28" s="62">
        <v>1</v>
      </c>
      <c r="AT28" s="63">
        <v>1</v>
      </c>
      <c r="AU28" s="60">
        <v>4</v>
      </c>
      <c r="AV28" s="61">
        <v>6</v>
      </c>
      <c r="AW28" s="62">
        <v>10</v>
      </c>
      <c r="AX28" s="443">
        <v>0</v>
      </c>
      <c r="AY28" s="61">
        <v>3</v>
      </c>
      <c r="AZ28" s="61">
        <v>2</v>
      </c>
      <c r="BA28" s="61">
        <v>2</v>
      </c>
      <c r="BB28" s="61">
        <v>1</v>
      </c>
      <c r="BC28" s="61">
        <v>2</v>
      </c>
      <c r="BD28" s="62">
        <v>10</v>
      </c>
      <c r="BE28" s="63">
        <v>20</v>
      </c>
      <c r="BF28" s="60">
        <v>3</v>
      </c>
      <c r="BG28" s="61">
        <v>4</v>
      </c>
      <c r="BH28" s="62">
        <v>7</v>
      </c>
      <c r="BI28" s="443">
        <v>0</v>
      </c>
      <c r="BJ28" s="61">
        <v>1</v>
      </c>
      <c r="BK28" s="61">
        <v>0</v>
      </c>
      <c r="BL28" s="61">
        <v>4</v>
      </c>
      <c r="BM28" s="61">
        <v>1</v>
      </c>
      <c r="BN28" s="61">
        <v>2</v>
      </c>
      <c r="BO28" s="62">
        <v>8</v>
      </c>
      <c r="BP28" s="63">
        <v>15</v>
      </c>
      <c r="BQ28" s="60">
        <v>2</v>
      </c>
      <c r="BR28" s="61">
        <v>3</v>
      </c>
      <c r="BS28" s="62">
        <v>5</v>
      </c>
      <c r="BT28" s="443">
        <v>0</v>
      </c>
      <c r="BU28" s="61">
        <v>2</v>
      </c>
      <c r="BV28" s="61">
        <v>6</v>
      </c>
      <c r="BW28" s="61">
        <v>2</v>
      </c>
      <c r="BX28" s="61">
        <v>0</v>
      </c>
      <c r="BY28" s="61">
        <v>1</v>
      </c>
      <c r="BZ28" s="62">
        <v>11</v>
      </c>
      <c r="CA28" s="63">
        <v>16</v>
      </c>
      <c r="CB28" s="60">
        <v>0</v>
      </c>
      <c r="CC28" s="61">
        <v>0</v>
      </c>
      <c r="CD28" s="62">
        <v>0</v>
      </c>
      <c r="CE28" s="443">
        <v>0</v>
      </c>
      <c r="CF28" s="61">
        <v>0</v>
      </c>
      <c r="CG28" s="61">
        <v>0</v>
      </c>
      <c r="CH28" s="61">
        <v>0</v>
      </c>
      <c r="CI28" s="61">
        <v>0</v>
      </c>
      <c r="CJ28" s="61">
        <v>0</v>
      </c>
      <c r="CK28" s="62">
        <v>0</v>
      </c>
      <c r="CL28" s="63">
        <v>0</v>
      </c>
      <c r="CM28" s="60">
        <v>12</v>
      </c>
      <c r="CN28" s="61">
        <v>16</v>
      </c>
      <c r="CO28" s="62">
        <v>28</v>
      </c>
      <c r="CP28" s="443">
        <v>0</v>
      </c>
      <c r="CQ28" s="61">
        <v>8</v>
      </c>
      <c r="CR28" s="61">
        <v>9</v>
      </c>
      <c r="CS28" s="61">
        <v>8</v>
      </c>
      <c r="CT28" s="61">
        <v>3</v>
      </c>
      <c r="CU28" s="61">
        <v>6</v>
      </c>
      <c r="CV28" s="62">
        <v>34</v>
      </c>
      <c r="CW28" s="63">
        <v>62</v>
      </c>
      <c r="CX28" s="113">
        <v>6</v>
      </c>
      <c r="CY28" s="72">
        <v>10</v>
      </c>
      <c r="CZ28" s="73">
        <v>16</v>
      </c>
      <c r="DA28" s="443">
        <v>0</v>
      </c>
      <c r="DB28" s="72">
        <v>8</v>
      </c>
      <c r="DC28" s="72">
        <v>6</v>
      </c>
      <c r="DD28" s="72">
        <v>6</v>
      </c>
      <c r="DE28" s="72">
        <v>3</v>
      </c>
      <c r="DF28" s="72">
        <v>3</v>
      </c>
      <c r="DG28" s="74">
        <v>26</v>
      </c>
      <c r="DH28" s="75">
        <v>42</v>
      </c>
      <c r="DI28" s="60">
        <v>0</v>
      </c>
      <c r="DJ28" s="61">
        <v>0</v>
      </c>
      <c r="DK28" s="62">
        <v>0</v>
      </c>
      <c r="DL28" s="443">
        <v>0</v>
      </c>
      <c r="DM28" s="61">
        <v>0</v>
      </c>
      <c r="DN28" s="61">
        <v>0</v>
      </c>
      <c r="DO28" s="61">
        <v>0</v>
      </c>
      <c r="DP28" s="61">
        <v>0</v>
      </c>
      <c r="DQ28" s="61">
        <v>0</v>
      </c>
      <c r="DR28" s="62">
        <v>0</v>
      </c>
      <c r="DS28" s="63">
        <v>0</v>
      </c>
      <c r="DT28" s="60">
        <v>1</v>
      </c>
      <c r="DU28" s="61">
        <v>0</v>
      </c>
      <c r="DV28" s="62">
        <v>1</v>
      </c>
      <c r="DW28" s="443">
        <v>0</v>
      </c>
      <c r="DX28" s="61">
        <v>1</v>
      </c>
      <c r="DY28" s="61">
        <v>1</v>
      </c>
      <c r="DZ28" s="61">
        <v>0</v>
      </c>
      <c r="EA28" s="61">
        <v>0</v>
      </c>
      <c r="EB28" s="61">
        <v>1</v>
      </c>
      <c r="EC28" s="62">
        <v>3</v>
      </c>
      <c r="ED28" s="63">
        <v>4</v>
      </c>
      <c r="EE28" s="60">
        <v>1</v>
      </c>
      <c r="EF28" s="61">
        <v>1</v>
      </c>
      <c r="EG28" s="62">
        <v>2</v>
      </c>
      <c r="EH28" s="443">
        <v>0</v>
      </c>
      <c r="EI28" s="61">
        <v>0</v>
      </c>
      <c r="EJ28" s="61">
        <v>0</v>
      </c>
      <c r="EK28" s="61">
        <v>0</v>
      </c>
      <c r="EL28" s="61">
        <v>0</v>
      </c>
      <c r="EM28" s="61">
        <v>0</v>
      </c>
      <c r="EN28" s="62">
        <v>0</v>
      </c>
      <c r="EO28" s="63">
        <v>2</v>
      </c>
      <c r="EP28" s="60">
        <v>0</v>
      </c>
      <c r="EQ28" s="61">
        <v>3</v>
      </c>
      <c r="ER28" s="62">
        <v>3</v>
      </c>
      <c r="ES28" s="443">
        <v>0</v>
      </c>
      <c r="ET28" s="61">
        <v>1</v>
      </c>
      <c r="EU28" s="61">
        <v>1</v>
      </c>
      <c r="EV28" s="61">
        <v>0</v>
      </c>
      <c r="EW28" s="61">
        <v>0</v>
      </c>
      <c r="EX28" s="61">
        <v>0</v>
      </c>
      <c r="EY28" s="62">
        <v>2</v>
      </c>
      <c r="EZ28" s="63">
        <v>5</v>
      </c>
      <c r="FA28" s="60">
        <v>2</v>
      </c>
      <c r="FB28" s="61">
        <v>3</v>
      </c>
      <c r="FC28" s="62">
        <v>5</v>
      </c>
      <c r="FD28" s="443">
        <v>0</v>
      </c>
      <c r="FE28" s="61">
        <v>2</v>
      </c>
      <c r="FF28" s="61">
        <v>2</v>
      </c>
      <c r="FG28" s="61">
        <v>1</v>
      </c>
      <c r="FH28" s="61">
        <v>2</v>
      </c>
      <c r="FI28" s="61">
        <v>0</v>
      </c>
      <c r="FJ28" s="62">
        <v>7</v>
      </c>
      <c r="FK28" s="63">
        <v>12</v>
      </c>
      <c r="FL28" s="60">
        <v>2</v>
      </c>
      <c r="FM28" s="61">
        <v>3</v>
      </c>
      <c r="FN28" s="62">
        <v>5</v>
      </c>
      <c r="FO28" s="443">
        <v>0</v>
      </c>
      <c r="FP28" s="61">
        <v>4</v>
      </c>
      <c r="FQ28" s="61">
        <v>2</v>
      </c>
      <c r="FR28" s="61">
        <v>5</v>
      </c>
      <c r="FS28" s="61">
        <v>1</v>
      </c>
      <c r="FT28" s="61">
        <v>2</v>
      </c>
      <c r="FU28" s="62">
        <v>14</v>
      </c>
      <c r="FV28" s="63">
        <v>19</v>
      </c>
      <c r="FW28" s="60">
        <v>0</v>
      </c>
      <c r="FX28" s="61">
        <v>0</v>
      </c>
      <c r="FY28" s="62">
        <v>0</v>
      </c>
      <c r="FZ28" s="443">
        <v>0</v>
      </c>
      <c r="GA28" s="61">
        <v>0</v>
      </c>
      <c r="GB28" s="61">
        <v>0</v>
      </c>
      <c r="GC28" s="61">
        <v>0</v>
      </c>
      <c r="GD28" s="61">
        <v>0</v>
      </c>
      <c r="GE28" s="61">
        <v>0</v>
      </c>
      <c r="GF28" s="62">
        <v>0</v>
      </c>
      <c r="GG28" s="63">
        <v>0</v>
      </c>
      <c r="GH28" s="60">
        <v>6</v>
      </c>
      <c r="GI28" s="61">
        <v>10</v>
      </c>
      <c r="GJ28" s="62">
        <v>16</v>
      </c>
      <c r="GK28" s="443">
        <v>0</v>
      </c>
      <c r="GL28" s="61">
        <v>8</v>
      </c>
      <c r="GM28" s="61">
        <v>6</v>
      </c>
      <c r="GN28" s="61">
        <v>6</v>
      </c>
      <c r="GO28" s="61">
        <v>3</v>
      </c>
      <c r="GP28" s="61">
        <v>3</v>
      </c>
      <c r="GQ28" s="62">
        <v>26</v>
      </c>
      <c r="GR28" s="63">
        <v>42</v>
      </c>
      <c r="GS28" s="113">
        <v>18</v>
      </c>
      <c r="GT28" s="72">
        <v>26</v>
      </c>
      <c r="GU28" s="73">
        <v>44</v>
      </c>
      <c r="GV28" s="443">
        <v>0</v>
      </c>
      <c r="GW28" s="72">
        <v>16</v>
      </c>
      <c r="GX28" s="72">
        <v>15</v>
      </c>
      <c r="GY28" s="72">
        <v>14</v>
      </c>
      <c r="GZ28" s="72">
        <v>6</v>
      </c>
      <c r="HA28" s="72">
        <v>9</v>
      </c>
      <c r="HB28" s="74">
        <v>60</v>
      </c>
      <c r="HC28" s="75">
        <v>104</v>
      </c>
      <c r="HD28" s="60">
        <v>0</v>
      </c>
      <c r="HE28" s="61">
        <v>2</v>
      </c>
      <c r="HF28" s="62">
        <v>2</v>
      </c>
      <c r="HG28" s="443">
        <v>0</v>
      </c>
      <c r="HH28" s="61">
        <v>0</v>
      </c>
      <c r="HI28" s="61">
        <v>0</v>
      </c>
      <c r="HJ28" s="61">
        <v>0</v>
      </c>
      <c r="HK28" s="61">
        <v>0</v>
      </c>
      <c r="HL28" s="61">
        <v>0</v>
      </c>
      <c r="HM28" s="62">
        <v>0</v>
      </c>
      <c r="HN28" s="63">
        <v>2</v>
      </c>
      <c r="HO28" s="60">
        <v>4</v>
      </c>
      <c r="HP28" s="61">
        <v>1</v>
      </c>
      <c r="HQ28" s="62">
        <v>5</v>
      </c>
      <c r="HR28" s="443">
        <v>0</v>
      </c>
      <c r="HS28" s="61">
        <v>3</v>
      </c>
      <c r="HT28" s="61">
        <v>2</v>
      </c>
      <c r="HU28" s="61">
        <v>0</v>
      </c>
      <c r="HV28" s="61">
        <v>0</v>
      </c>
      <c r="HW28" s="61">
        <v>2</v>
      </c>
      <c r="HX28" s="62">
        <v>7</v>
      </c>
      <c r="HY28" s="63">
        <v>12</v>
      </c>
      <c r="HZ28" s="60">
        <v>1</v>
      </c>
      <c r="IA28" s="61">
        <v>1</v>
      </c>
      <c r="IB28" s="62">
        <v>2</v>
      </c>
      <c r="IC28" s="443">
        <v>0</v>
      </c>
      <c r="ID28" s="61">
        <v>0</v>
      </c>
      <c r="IE28" s="61">
        <v>0</v>
      </c>
      <c r="IF28" s="61">
        <v>0</v>
      </c>
      <c r="IG28" s="61">
        <v>1</v>
      </c>
      <c r="IH28" s="61">
        <v>0</v>
      </c>
      <c r="II28" s="62">
        <v>1</v>
      </c>
      <c r="IJ28" s="63">
        <v>3</v>
      </c>
      <c r="IK28" s="60">
        <v>4</v>
      </c>
      <c r="IL28" s="61">
        <v>9</v>
      </c>
      <c r="IM28" s="62">
        <v>13</v>
      </c>
      <c r="IN28" s="443">
        <v>0</v>
      </c>
      <c r="IO28" s="61">
        <v>4</v>
      </c>
      <c r="IP28" s="61">
        <v>3</v>
      </c>
      <c r="IQ28" s="61">
        <v>2</v>
      </c>
      <c r="IR28" s="61">
        <v>1</v>
      </c>
      <c r="IS28" s="61">
        <v>2</v>
      </c>
      <c r="IT28" s="62">
        <v>12</v>
      </c>
      <c r="IU28" s="63">
        <v>25</v>
      </c>
      <c r="IV28" s="60">
        <v>5</v>
      </c>
      <c r="IW28" s="61">
        <v>7</v>
      </c>
      <c r="IX28" s="62">
        <v>12</v>
      </c>
      <c r="IY28" s="443">
        <v>0</v>
      </c>
      <c r="IZ28" s="61">
        <v>3</v>
      </c>
      <c r="JA28" s="61">
        <v>2</v>
      </c>
      <c r="JB28" s="61">
        <v>5</v>
      </c>
      <c r="JC28" s="61">
        <v>3</v>
      </c>
      <c r="JD28" s="61">
        <v>2</v>
      </c>
      <c r="JE28" s="62">
        <v>15</v>
      </c>
      <c r="JF28" s="63">
        <v>27</v>
      </c>
      <c r="JG28" s="60">
        <v>4</v>
      </c>
      <c r="JH28" s="61">
        <v>6</v>
      </c>
      <c r="JI28" s="62">
        <v>10</v>
      </c>
      <c r="JJ28" s="443">
        <v>0</v>
      </c>
      <c r="JK28" s="61">
        <v>6</v>
      </c>
      <c r="JL28" s="61">
        <v>8</v>
      </c>
      <c r="JM28" s="61">
        <v>7</v>
      </c>
      <c r="JN28" s="61">
        <v>1</v>
      </c>
      <c r="JO28" s="61">
        <v>3</v>
      </c>
      <c r="JP28" s="62">
        <v>25</v>
      </c>
      <c r="JQ28" s="63">
        <v>35</v>
      </c>
      <c r="JR28" s="60">
        <v>0</v>
      </c>
      <c r="JS28" s="61">
        <v>0</v>
      </c>
      <c r="JT28" s="62">
        <v>0</v>
      </c>
      <c r="JU28" s="443">
        <v>0</v>
      </c>
      <c r="JV28" s="61">
        <v>0</v>
      </c>
      <c r="JW28" s="61">
        <v>0</v>
      </c>
      <c r="JX28" s="61">
        <v>0</v>
      </c>
      <c r="JY28" s="61">
        <v>0</v>
      </c>
      <c r="JZ28" s="61">
        <v>0</v>
      </c>
      <c r="KA28" s="62">
        <v>0</v>
      </c>
      <c r="KB28" s="63">
        <v>0</v>
      </c>
      <c r="KC28" s="60">
        <v>18</v>
      </c>
      <c r="KD28" s="61">
        <v>26</v>
      </c>
      <c r="KE28" s="62">
        <v>44</v>
      </c>
      <c r="KF28" s="443">
        <v>0</v>
      </c>
      <c r="KG28" s="61">
        <v>16</v>
      </c>
      <c r="KH28" s="61">
        <v>15</v>
      </c>
      <c r="KI28" s="61">
        <v>14</v>
      </c>
      <c r="KJ28" s="61">
        <v>6</v>
      </c>
      <c r="KK28" s="61">
        <v>9</v>
      </c>
      <c r="KL28" s="62">
        <v>60</v>
      </c>
      <c r="KM28" s="63">
        <v>104</v>
      </c>
    </row>
    <row r="29" spans="2:299" ht="21" customHeight="1" x14ac:dyDescent="0.2">
      <c r="B29" s="437" t="s">
        <v>26</v>
      </c>
      <c r="C29" s="287">
        <v>8</v>
      </c>
      <c r="D29" s="72">
        <v>12</v>
      </c>
      <c r="E29" s="73">
        <v>20</v>
      </c>
      <c r="F29" s="443">
        <v>0</v>
      </c>
      <c r="G29" s="72">
        <v>27</v>
      </c>
      <c r="H29" s="72">
        <v>19</v>
      </c>
      <c r="I29" s="72">
        <v>8</v>
      </c>
      <c r="J29" s="72">
        <v>5</v>
      </c>
      <c r="K29" s="72">
        <v>7</v>
      </c>
      <c r="L29" s="74">
        <v>66</v>
      </c>
      <c r="M29" s="75">
        <v>86</v>
      </c>
      <c r="N29" s="60">
        <v>0</v>
      </c>
      <c r="O29" s="61">
        <v>0</v>
      </c>
      <c r="P29" s="62">
        <v>0</v>
      </c>
      <c r="Q29" s="443">
        <v>0</v>
      </c>
      <c r="R29" s="61">
        <v>1</v>
      </c>
      <c r="S29" s="61">
        <v>0</v>
      </c>
      <c r="T29" s="61">
        <v>1</v>
      </c>
      <c r="U29" s="61">
        <v>0</v>
      </c>
      <c r="V29" s="61">
        <v>0</v>
      </c>
      <c r="W29" s="62">
        <v>2</v>
      </c>
      <c r="X29" s="63">
        <v>2</v>
      </c>
      <c r="Y29" s="60">
        <v>0</v>
      </c>
      <c r="Z29" s="61">
        <v>2</v>
      </c>
      <c r="AA29" s="62">
        <v>2</v>
      </c>
      <c r="AB29" s="443">
        <v>0</v>
      </c>
      <c r="AC29" s="61">
        <v>2</v>
      </c>
      <c r="AD29" s="61">
        <v>1</v>
      </c>
      <c r="AE29" s="61">
        <v>0</v>
      </c>
      <c r="AF29" s="61">
        <v>0</v>
      </c>
      <c r="AG29" s="61">
        <v>1</v>
      </c>
      <c r="AH29" s="62">
        <v>4</v>
      </c>
      <c r="AI29" s="63">
        <v>6</v>
      </c>
      <c r="AJ29" s="60">
        <v>0</v>
      </c>
      <c r="AK29" s="61">
        <v>1</v>
      </c>
      <c r="AL29" s="62">
        <v>1</v>
      </c>
      <c r="AM29" s="443">
        <v>0</v>
      </c>
      <c r="AN29" s="61">
        <v>4</v>
      </c>
      <c r="AO29" s="61">
        <v>4</v>
      </c>
      <c r="AP29" s="61">
        <v>0</v>
      </c>
      <c r="AQ29" s="61">
        <v>0</v>
      </c>
      <c r="AR29" s="61">
        <v>1</v>
      </c>
      <c r="AS29" s="62">
        <v>9</v>
      </c>
      <c r="AT29" s="63">
        <v>10</v>
      </c>
      <c r="AU29" s="60">
        <v>3</v>
      </c>
      <c r="AV29" s="61">
        <v>2</v>
      </c>
      <c r="AW29" s="62">
        <v>5</v>
      </c>
      <c r="AX29" s="443">
        <v>0</v>
      </c>
      <c r="AY29" s="61">
        <v>4</v>
      </c>
      <c r="AZ29" s="61">
        <v>6</v>
      </c>
      <c r="BA29" s="61">
        <v>3</v>
      </c>
      <c r="BB29" s="61">
        <v>2</v>
      </c>
      <c r="BC29" s="61">
        <v>1</v>
      </c>
      <c r="BD29" s="62">
        <v>16</v>
      </c>
      <c r="BE29" s="63">
        <v>21</v>
      </c>
      <c r="BF29" s="60">
        <v>2</v>
      </c>
      <c r="BG29" s="61">
        <v>2</v>
      </c>
      <c r="BH29" s="62">
        <v>4</v>
      </c>
      <c r="BI29" s="443">
        <v>0</v>
      </c>
      <c r="BJ29" s="61">
        <v>8</v>
      </c>
      <c r="BK29" s="61">
        <v>3</v>
      </c>
      <c r="BL29" s="61">
        <v>3</v>
      </c>
      <c r="BM29" s="61">
        <v>2</v>
      </c>
      <c r="BN29" s="61">
        <v>2</v>
      </c>
      <c r="BO29" s="62">
        <v>18</v>
      </c>
      <c r="BP29" s="63">
        <v>22</v>
      </c>
      <c r="BQ29" s="60">
        <v>3</v>
      </c>
      <c r="BR29" s="61">
        <v>5</v>
      </c>
      <c r="BS29" s="62">
        <v>8</v>
      </c>
      <c r="BT29" s="443">
        <v>0</v>
      </c>
      <c r="BU29" s="61">
        <v>8</v>
      </c>
      <c r="BV29" s="61">
        <v>5</v>
      </c>
      <c r="BW29" s="61">
        <v>1</v>
      </c>
      <c r="BX29" s="61">
        <v>1</v>
      </c>
      <c r="BY29" s="61">
        <v>2</v>
      </c>
      <c r="BZ29" s="62">
        <v>17</v>
      </c>
      <c r="CA29" s="63">
        <v>25</v>
      </c>
      <c r="CB29" s="60">
        <v>0</v>
      </c>
      <c r="CC29" s="61">
        <v>0</v>
      </c>
      <c r="CD29" s="62">
        <v>0</v>
      </c>
      <c r="CE29" s="443">
        <v>0</v>
      </c>
      <c r="CF29" s="61">
        <v>0</v>
      </c>
      <c r="CG29" s="61">
        <v>0</v>
      </c>
      <c r="CH29" s="61">
        <v>0</v>
      </c>
      <c r="CI29" s="61">
        <v>0</v>
      </c>
      <c r="CJ29" s="61">
        <v>0</v>
      </c>
      <c r="CK29" s="62">
        <v>0</v>
      </c>
      <c r="CL29" s="63">
        <v>0</v>
      </c>
      <c r="CM29" s="60">
        <v>8</v>
      </c>
      <c r="CN29" s="61">
        <v>12</v>
      </c>
      <c r="CO29" s="62">
        <v>20</v>
      </c>
      <c r="CP29" s="443">
        <v>0</v>
      </c>
      <c r="CQ29" s="61">
        <v>27</v>
      </c>
      <c r="CR29" s="61">
        <v>19</v>
      </c>
      <c r="CS29" s="61">
        <v>8</v>
      </c>
      <c r="CT29" s="61">
        <v>5</v>
      </c>
      <c r="CU29" s="61">
        <v>7</v>
      </c>
      <c r="CV29" s="62">
        <v>66</v>
      </c>
      <c r="CW29" s="63">
        <v>86</v>
      </c>
      <c r="CX29" s="113">
        <v>4</v>
      </c>
      <c r="CY29" s="72">
        <v>5</v>
      </c>
      <c r="CZ29" s="73">
        <v>9</v>
      </c>
      <c r="DA29" s="443">
        <v>0</v>
      </c>
      <c r="DB29" s="72">
        <v>9</v>
      </c>
      <c r="DC29" s="72">
        <v>6</v>
      </c>
      <c r="DD29" s="72">
        <v>5</v>
      </c>
      <c r="DE29" s="72">
        <v>3</v>
      </c>
      <c r="DF29" s="72">
        <v>1</v>
      </c>
      <c r="DG29" s="74">
        <v>24</v>
      </c>
      <c r="DH29" s="75">
        <v>33</v>
      </c>
      <c r="DI29" s="60">
        <v>1</v>
      </c>
      <c r="DJ29" s="61">
        <v>0</v>
      </c>
      <c r="DK29" s="62">
        <v>1</v>
      </c>
      <c r="DL29" s="443">
        <v>0</v>
      </c>
      <c r="DM29" s="61">
        <v>0</v>
      </c>
      <c r="DN29" s="61">
        <v>0</v>
      </c>
      <c r="DO29" s="61">
        <v>0</v>
      </c>
      <c r="DP29" s="61">
        <v>0</v>
      </c>
      <c r="DQ29" s="61">
        <v>0</v>
      </c>
      <c r="DR29" s="62">
        <v>0</v>
      </c>
      <c r="DS29" s="63">
        <v>1</v>
      </c>
      <c r="DT29" s="60">
        <v>0</v>
      </c>
      <c r="DU29" s="61">
        <v>0</v>
      </c>
      <c r="DV29" s="62">
        <v>0</v>
      </c>
      <c r="DW29" s="443">
        <v>0</v>
      </c>
      <c r="DX29" s="61">
        <v>0</v>
      </c>
      <c r="DY29" s="61">
        <v>0</v>
      </c>
      <c r="DZ29" s="61">
        <v>0</v>
      </c>
      <c r="EA29" s="61">
        <v>1</v>
      </c>
      <c r="EB29" s="61">
        <v>0</v>
      </c>
      <c r="EC29" s="62">
        <v>1</v>
      </c>
      <c r="ED29" s="63">
        <v>1</v>
      </c>
      <c r="EE29" s="60">
        <v>0</v>
      </c>
      <c r="EF29" s="61">
        <v>3</v>
      </c>
      <c r="EG29" s="62">
        <v>3</v>
      </c>
      <c r="EH29" s="443">
        <v>0</v>
      </c>
      <c r="EI29" s="61">
        <v>1</v>
      </c>
      <c r="EJ29" s="61">
        <v>0</v>
      </c>
      <c r="EK29" s="61">
        <v>1</v>
      </c>
      <c r="EL29" s="61">
        <v>0</v>
      </c>
      <c r="EM29" s="61">
        <v>0</v>
      </c>
      <c r="EN29" s="62">
        <v>2</v>
      </c>
      <c r="EO29" s="63">
        <v>5</v>
      </c>
      <c r="EP29" s="60">
        <v>1</v>
      </c>
      <c r="EQ29" s="61">
        <v>0</v>
      </c>
      <c r="ER29" s="62">
        <v>1</v>
      </c>
      <c r="ES29" s="443">
        <v>0</v>
      </c>
      <c r="ET29" s="61">
        <v>0</v>
      </c>
      <c r="EU29" s="61">
        <v>0</v>
      </c>
      <c r="EV29" s="61">
        <v>1</v>
      </c>
      <c r="EW29" s="61">
        <v>0</v>
      </c>
      <c r="EX29" s="61">
        <v>0</v>
      </c>
      <c r="EY29" s="62">
        <v>1</v>
      </c>
      <c r="EZ29" s="63">
        <v>2</v>
      </c>
      <c r="FA29" s="60">
        <v>2</v>
      </c>
      <c r="FB29" s="61">
        <v>1</v>
      </c>
      <c r="FC29" s="62">
        <v>3</v>
      </c>
      <c r="FD29" s="443">
        <v>0</v>
      </c>
      <c r="FE29" s="61">
        <v>6</v>
      </c>
      <c r="FF29" s="61">
        <v>1</v>
      </c>
      <c r="FG29" s="61">
        <v>1</v>
      </c>
      <c r="FH29" s="61">
        <v>0</v>
      </c>
      <c r="FI29" s="61">
        <v>0</v>
      </c>
      <c r="FJ29" s="62">
        <v>8</v>
      </c>
      <c r="FK29" s="63">
        <v>11</v>
      </c>
      <c r="FL29" s="60">
        <v>0</v>
      </c>
      <c r="FM29" s="61">
        <v>1</v>
      </c>
      <c r="FN29" s="62">
        <v>1</v>
      </c>
      <c r="FO29" s="443">
        <v>0</v>
      </c>
      <c r="FP29" s="61">
        <v>2</v>
      </c>
      <c r="FQ29" s="61">
        <v>5</v>
      </c>
      <c r="FR29" s="61">
        <v>2</v>
      </c>
      <c r="FS29" s="61">
        <v>2</v>
      </c>
      <c r="FT29" s="61">
        <v>1</v>
      </c>
      <c r="FU29" s="62">
        <v>12</v>
      </c>
      <c r="FV29" s="63">
        <v>13</v>
      </c>
      <c r="FW29" s="60">
        <v>0</v>
      </c>
      <c r="FX29" s="61">
        <v>0</v>
      </c>
      <c r="FY29" s="62">
        <v>0</v>
      </c>
      <c r="FZ29" s="443">
        <v>0</v>
      </c>
      <c r="GA29" s="61">
        <v>0</v>
      </c>
      <c r="GB29" s="61">
        <v>0</v>
      </c>
      <c r="GC29" s="61">
        <v>0</v>
      </c>
      <c r="GD29" s="61">
        <v>0</v>
      </c>
      <c r="GE29" s="61">
        <v>0</v>
      </c>
      <c r="GF29" s="62">
        <v>0</v>
      </c>
      <c r="GG29" s="63">
        <v>0</v>
      </c>
      <c r="GH29" s="60">
        <v>4</v>
      </c>
      <c r="GI29" s="61">
        <v>5</v>
      </c>
      <c r="GJ29" s="62">
        <v>9</v>
      </c>
      <c r="GK29" s="443">
        <v>0</v>
      </c>
      <c r="GL29" s="61">
        <v>9</v>
      </c>
      <c r="GM29" s="61">
        <v>6</v>
      </c>
      <c r="GN29" s="61">
        <v>5</v>
      </c>
      <c r="GO29" s="61">
        <v>3</v>
      </c>
      <c r="GP29" s="61">
        <v>1</v>
      </c>
      <c r="GQ29" s="62">
        <v>24</v>
      </c>
      <c r="GR29" s="63">
        <v>33</v>
      </c>
      <c r="GS29" s="113">
        <v>12</v>
      </c>
      <c r="GT29" s="72">
        <v>17</v>
      </c>
      <c r="GU29" s="73">
        <v>29</v>
      </c>
      <c r="GV29" s="443">
        <v>0</v>
      </c>
      <c r="GW29" s="72">
        <v>36</v>
      </c>
      <c r="GX29" s="72">
        <v>25</v>
      </c>
      <c r="GY29" s="72">
        <v>13</v>
      </c>
      <c r="GZ29" s="72">
        <v>8</v>
      </c>
      <c r="HA29" s="72">
        <v>8</v>
      </c>
      <c r="HB29" s="74">
        <v>90</v>
      </c>
      <c r="HC29" s="75">
        <v>119</v>
      </c>
      <c r="HD29" s="60">
        <v>1</v>
      </c>
      <c r="HE29" s="61">
        <v>0</v>
      </c>
      <c r="HF29" s="62">
        <v>1</v>
      </c>
      <c r="HG29" s="443">
        <v>0</v>
      </c>
      <c r="HH29" s="61">
        <v>1</v>
      </c>
      <c r="HI29" s="61">
        <v>0</v>
      </c>
      <c r="HJ29" s="61">
        <v>1</v>
      </c>
      <c r="HK29" s="61">
        <v>0</v>
      </c>
      <c r="HL29" s="61">
        <v>0</v>
      </c>
      <c r="HM29" s="62">
        <v>2</v>
      </c>
      <c r="HN29" s="63">
        <v>3</v>
      </c>
      <c r="HO29" s="60">
        <v>0</v>
      </c>
      <c r="HP29" s="61">
        <v>2</v>
      </c>
      <c r="HQ29" s="62">
        <v>2</v>
      </c>
      <c r="HR29" s="443">
        <v>0</v>
      </c>
      <c r="HS29" s="61">
        <v>2</v>
      </c>
      <c r="HT29" s="61">
        <v>1</v>
      </c>
      <c r="HU29" s="61">
        <v>0</v>
      </c>
      <c r="HV29" s="61">
        <v>1</v>
      </c>
      <c r="HW29" s="61">
        <v>1</v>
      </c>
      <c r="HX29" s="62">
        <v>5</v>
      </c>
      <c r="HY29" s="63">
        <v>7</v>
      </c>
      <c r="HZ29" s="60">
        <v>0</v>
      </c>
      <c r="IA29" s="61">
        <v>4</v>
      </c>
      <c r="IB29" s="62">
        <v>4</v>
      </c>
      <c r="IC29" s="443">
        <v>0</v>
      </c>
      <c r="ID29" s="61">
        <v>5</v>
      </c>
      <c r="IE29" s="61">
        <v>4</v>
      </c>
      <c r="IF29" s="61">
        <v>1</v>
      </c>
      <c r="IG29" s="61">
        <v>0</v>
      </c>
      <c r="IH29" s="61">
        <v>1</v>
      </c>
      <c r="II29" s="62">
        <v>11</v>
      </c>
      <c r="IJ29" s="63">
        <v>15</v>
      </c>
      <c r="IK29" s="60">
        <v>4</v>
      </c>
      <c r="IL29" s="61">
        <v>2</v>
      </c>
      <c r="IM29" s="62">
        <v>6</v>
      </c>
      <c r="IN29" s="443">
        <v>0</v>
      </c>
      <c r="IO29" s="61">
        <v>4</v>
      </c>
      <c r="IP29" s="61">
        <v>6</v>
      </c>
      <c r="IQ29" s="61">
        <v>4</v>
      </c>
      <c r="IR29" s="61">
        <v>2</v>
      </c>
      <c r="IS29" s="61">
        <v>1</v>
      </c>
      <c r="IT29" s="62">
        <v>17</v>
      </c>
      <c r="IU29" s="63">
        <v>23</v>
      </c>
      <c r="IV29" s="60">
        <v>4</v>
      </c>
      <c r="IW29" s="61">
        <v>3</v>
      </c>
      <c r="IX29" s="62">
        <v>7</v>
      </c>
      <c r="IY29" s="443">
        <v>0</v>
      </c>
      <c r="IZ29" s="61">
        <v>14</v>
      </c>
      <c r="JA29" s="61">
        <v>4</v>
      </c>
      <c r="JB29" s="61">
        <v>4</v>
      </c>
      <c r="JC29" s="61">
        <v>2</v>
      </c>
      <c r="JD29" s="61">
        <v>2</v>
      </c>
      <c r="JE29" s="62">
        <v>26</v>
      </c>
      <c r="JF29" s="63">
        <v>33</v>
      </c>
      <c r="JG29" s="60">
        <v>3</v>
      </c>
      <c r="JH29" s="61">
        <v>6</v>
      </c>
      <c r="JI29" s="62">
        <v>9</v>
      </c>
      <c r="JJ29" s="443">
        <v>0</v>
      </c>
      <c r="JK29" s="61">
        <v>10</v>
      </c>
      <c r="JL29" s="61">
        <v>10</v>
      </c>
      <c r="JM29" s="61">
        <v>3</v>
      </c>
      <c r="JN29" s="61">
        <v>3</v>
      </c>
      <c r="JO29" s="61">
        <v>3</v>
      </c>
      <c r="JP29" s="62">
        <v>29</v>
      </c>
      <c r="JQ29" s="63">
        <v>38</v>
      </c>
      <c r="JR29" s="60">
        <v>0</v>
      </c>
      <c r="JS29" s="61">
        <v>0</v>
      </c>
      <c r="JT29" s="62">
        <v>0</v>
      </c>
      <c r="JU29" s="443">
        <v>0</v>
      </c>
      <c r="JV29" s="61">
        <v>0</v>
      </c>
      <c r="JW29" s="61">
        <v>0</v>
      </c>
      <c r="JX29" s="61">
        <v>0</v>
      </c>
      <c r="JY29" s="61">
        <v>0</v>
      </c>
      <c r="JZ29" s="61">
        <v>0</v>
      </c>
      <c r="KA29" s="62">
        <v>0</v>
      </c>
      <c r="KB29" s="63">
        <v>0</v>
      </c>
      <c r="KC29" s="60">
        <v>12</v>
      </c>
      <c r="KD29" s="61">
        <v>17</v>
      </c>
      <c r="KE29" s="62">
        <v>29</v>
      </c>
      <c r="KF29" s="443">
        <v>0</v>
      </c>
      <c r="KG29" s="61">
        <v>36</v>
      </c>
      <c r="KH29" s="61">
        <v>25</v>
      </c>
      <c r="KI29" s="61">
        <v>13</v>
      </c>
      <c r="KJ29" s="61">
        <v>8</v>
      </c>
      <c r="KK29" s="61">
        <v>8</v>
      </c>
      <c r="KL29" s="62">
        <v>90</v>
      </c>
      <c r="KM29" s="63">
        <v>119</v>
      </c>
    </row>
    <row r="30" spans="2:299" ht="21" customHeight="1" x14ac:dyDescent="0.2">
      <c r="B30" s="437" t="s">
        <v>27</v>
      </c>
      <c r="C30" s="287">
        <v>15</v>
      </c>
      <c r="D30" s="72">
        <v>19</v>
      </c>
      <c r="E30" s="73">
        <v>34</v>
      </c>
      <c r="F30" s="443">
        <v>0</v>
      </c>
      <c r="G30" s="72">
        <v>12</v>
      </c>
      <c r="H30" s="72">
        <v>13</v>
      </c>
      <c r="I30" s="72">
        <v>14</v>
      </c>
      <c r="J30" s="72">
        <v>6</v>
      </c>
      <c r="K30" s="72">
        <v>3</v>
      </c>
      <c r="L30" s="74">
        <v>48</v>
      </c>
      <c r="M30" s="75">
        <v>82</v>
      </c>
      <c r="N30" s="60">
        <v>0</v>
      </c>
      <c r="O30" s="61">
        <v>2</v>
      </c>
      <c r="P30" s="62">
        <v>2</v>
      </c>
      <c r="Q30" s="443">
        <v>0</v>
      </c>
      <c r="R30" s="61">
        <v>0</v>
      </c>
      <c r="S30" s="61">
        <v>0</v>
      </c>
      <c r="T30" s="61">
        <v>0</v>
      </c>
      <c r="U30" s="61">
        <v>0</v>
      </c>
      <c r="V30" s="61">
        <v>0</v>
      </c>
      <c r="W30" s="62">
        <v>0</v>
      </c>
      <c r="X30" s="63">
        <v>2</v>
      </c>
      <c r="Y30" s="60">
        <v>0</v>
      </c>
      <c r="Z30" s="61">
        <v>3</v>
      </c>
      <c r="AA30" s="62">
        <v>3</v>
      </c>
      <c r="AB30" s="443">
        <v>0</v>
      </c>
      <c r="AC30" s="61">
        <v>0</v>
      </c>
      <c r="AD30" s="61">
        <v>1</v>
      </c>
      <c r="AE30" s="61">
        <v>1</v>
      </c>
      <c r="AF30" s="61">
        <v>0</v>
      </c>
      <c r="AG30" s="61">
        <v>1</v>
      </c>
      <c r="AH30" s="62">
        <v>3</v>
      </c>
      <c r="AI30" s="63">
        <v>6</v>
      </c>
      <c r="AJ30" s="60">
        <v>2</v>
      </c>
      <c r="AK30" s="61">
        <v>1</v>
      </c>
      <c r="AL30" s="62">
        <v>3</v>
      </c>
      <c r="AM30" s="443">
        <v>0</v>
      </c>
      <c r="AN30" s="61">
        <v>0</v>
      </c>
      <c r="AO30" s="61">
        <v>1</v>
      </c>
      <c r="AP30" s="61">
        <v>0</v>
      </c>
      <c r="AQ30" s="61">
        <v>0</v>
      </c>
      <c r="AR30" s="61">
        <v>0</v>
      </c>
      <c r="AS30" s="62">
        <v>1</v>
      </c>
      <c r="AT30" s="63">
        <v>4</v>
      </c>
      <c r="AU30" s="60">
        <v>6</v>
      </c>
      <c r="AV30" s="61">
        <v>5</v>
      </c>
      <c r="AW30" s="62">
        <v>11</v>
      </c>
      <c r="AX30" s="443">
        <v>0</v>
      </c>
      <c r="AY30" s="61">
        <v>4</v>
      </c>
      <c r="AZ30" s="61">
        <v>6</v>
      </c>
      <c r="BA30" s="61">
        <v>4</v>
      </c>
      <c r="BB30" s="61">
        <v>0</v>
      </c>
      <c r="BC30" s="61">
        <v>1</v>
      </c>
      <c r="BD30" s="62">
        <v>15</v>
      </c>
      <c r="BE30" s="63">
        <v>26</v>
      </c>
      <c r="BF30" s="60">
        <v>5</v>
      </c>
      <c r="BG30" s="61">
        <v>5</v>
      </c>
      <c r="BH30" s="62">
        <v>10</v>
      </c>
      <c r="BI30" s="443">
        <v>0</v>
      </c>
      <c r="BJ30" s="61">
        <v>2</v>
      </c>
      <c r="BK30" s="61">
        <v>2</v>
      </c>
      <c r="BL30" s="61">
        <v>4</v>
      </c>
      <c r="BM30" s="61">
        <v>4</v>
      </c>
      <c r="BN30" s="61">
        <v>1</v>
      </c>
      <c r="BO30" s="62">
        <v>13</v>
      </c>
      <c r="BP30" s="63">
        <v>23</v>
      </c>
      <c r="BQ30" s="60">
        <v>2</v>
      </c>
      <c r="BR30" s="61">
        <v>3</v>
      </c>
      <c r="BS30" s="62">
        <v>5</v>
      </c>
      <c r="BT30" s="443">
        <v>0</v>
      </c>
      <c r="BU30" s="61">
        <v>6</v>
      </c>
      <c r="BV30" s="61">
        <v>3</v>
      </c>
      <c r="BW30" s="61">
        <v>5</v>
      </c>
      <c r="BX30" s="61">
        <v>2</v>
      </c>
      <c r="BY30" s="61">
        <v>0</v>
      </c>
      <c r="BZ30" s="62">
        <v>16</v>
      </c>
      <c r="CA30" s="63">
        <v>21</v>
      </c>
      <c r="CB30" s="60">
        <v>0</v>
      </c>
      <c r="CC30" s="61">
        <v>0</v>
      </c>
      <c r="CD30" s="62">
        <v>0</v>
      </c>
      <c r="CE30" s="443">
        <v>0</v>
      </c>
      <c r="CF30" s="61">
        <v>0</v>
      </c>
      <c r="CG30" s="61">
        <v>0</v>
      </c>
      <c r="CH30" s="61">
        <v>0</v>
      </c>
      <c r="CI30" s="61">
        <v>0</v>
      </c>
      <c r="CJ30" s="61">
        <v>0</v>
      </c>
      <c r="CK30" s="62">
        <v>0</v>
      </c>
      <c r="CL30" s="63">
        <v>0</v>
      </c>
      <c r="CM30" s="60">
        <v>15</v>
      </c>
      <c r="CN30" s="61">
        <v>19</v>
      </c>
      <c r="CO30" s="62">
        <v>34</v>
      </c>
      <c r="CP30" s="443">
        <v>0</v>
      </c>
      <c r="CQ30" s="61">
        <v>12</v>
      </c>
      <c r="CR30" s="61">
        <v>13</v>
      </c>
      <c r="CS30" s="61">
        <v>14</v>
      </c>
      <c r="CT30" s="61">
        <v>6</v>
      </c>
      <c r="CU30" s="61">
        <v>3</v>
      </c>
      <c r="CV30" s="62">
        <v>48</v>
      </c>
      <c r="CW30" s="63">
        <v>82</v>
      </c>
      <c r="CX30" s="113">
        <v>5</v>
      </c>
      <c r="CY30" s="72">
        <v>3</v>
      </c>
      <c r="CZ30" s="73">
        <v>8</v>
      </c>
      <c r="DA30" s="443">
        <v>0</v>
      </c>
      <c r="DB30" s="72">
        <v>10</v>
      </c>
      <c r="DC30" s="72">
        <v>3</v>
      </c>
      <c r="DD30" s="72">
        <v>5</v>
      </c>
      <c r="DE30" s="72">
        <v>1</v>
      </c>
      <c r="DF30" s="72">
        <v>1</v>
      </c>
      <c r="DG30" s="74">
        <v>20</v>
      </c>
      <c r="DH30" s="75">
        <v>28</v>
      </c>
      <c r="DI30" s="60">
        <v>1</v>
      </c>
      <c r="DJ30" s="61">
        <v>0</v>
      </c>
      <c r="DK30" s="62">
        <v>1</v>
      </c>
      <c r="DL30" s="443">
        <v>0</v>
      </c>
      <c r="DM30" s="61">
        <v>0</v>
      </c>
      <c r="DN30" s="61">
        <v>0</v>
      </c>
      <c r="DO30" s="61">
        <v>0</v>
      </c>
      <c r="DP30" s="61">
        <v>0</v>
      </c>
      <c r="DQ30" s="61">
        <v>0</v>
      </c>
      <c r="DR30" s="62">
        <v>0</v>
      </c>
      <c r="DS30" s="63">
        <v>1</v>
      </c>
      <c r="DT30" s="60">
        <v>0</v>
      </c>
      <c r="DU30" s="61">
        <v>0</v>
      </c>
      <c r="DV30" s="62">
        <v>0</v>
      </c>
      <c r="DW30" s="443">
        <v>0</v>
      </c>
      <c r="DX30" s="61">
        <v>0</v>
      </c>
      <c r="DY30" s="61">
        <v>0</v>
      </c>
      <c r="DZ30" s="61">
        <v>0</v>
      </c>
      <c r="EA30" s="61">
        <v>0</v>
      </c>
      <c r="EB30" s="61">
        <v>0</v>
      </c>
      <c r="EC30" s="62">
        <v>0</v>
      </c>
      <c r="ED30" s="63">
        <v>0</v>
      </c>
      <c r="EE30" s="60">
        <v>0</v>
      </c>
      <c r="EF30" s="61">
        <v>0</v>
      </c>
      <c r="EG30" s="62">
        <v>0</v>
      </c>
      <c r="EH30" s="443">
        <v>0</v>
      </c>
      <c r="EI30" s="61">
        <v>0</v>
      </c>
      <c r="EJ30" s="61">
        <v>1</v>
      </c>
      <c r="EK30" s="61">
        <v>0</v>
      </c>
      <c r="EL30" s="61">
        <v>0</v>
      </c>
      <c r="EM30" s="61">
        <v>0</v>
      </c>
      <c r="EN30" s="62">
        <v>1</v>
      </c>
      <c r="EO30" s="63">
        <v>1</v>
      </c>
      <c r="EP30" s="60">
        <v>4</v>
      </c>
      <c r="EQ30" s="61">
        <v>0</v>
      </c>
      <c r="ER30" s="62">
        <v>4</v>
      </c>
      <c r="ES30" s="443">
        <v>0</v>
      </c>
      <c r="ET30" s="61">
        <v>2</v>
      </c>
      <c r="EU30" s="61">
        <v>1</v>
      </c>
      <c r="EV30" s="61">
        <v>0</v>
      </c>
      <c r="EW30" s="61">
        <v>0</v>
      </c>
      <c r="EX30" s="61">
        <v>0</v>
      </c>
      <c r="EY30" s="62">
        <v>3</v>
      </c>
      <c r="EZ30" s="63">
        <v>7</v>
      </c>
      <c r="FA30" s="60">
        <v>0</v>
      </c>
      <c r="FB30" s="61">
        <v>1</v>
      </c>
      <c r="FC30" s="62">
        <v>1</v>
      </c>
      <c r="FD30" s="443">
        <v>0</v>
      </c>
      <c r="FE30" s="61">
        <v>4</v>
      </c>
      <c r="FF30" s="61">
        <v>0</v>
      </c>
      <c r="FG30" s="61">
        <v>1</v>
      </c>
      <c r="FH30" s="61">
        <v>1</v>
      </c>
      <c r="FI30" s="61">
        <v>0</v>
      </c>
      <c r="FJ30" s="62">
        <v>6</v>
      </c>
      <c r="FK30" s="63">
        <v>7</v>
      </c>
      <c r="FL30" s="60">
        <v>0</v>
      </c>
      <c r="FM30" s="61">
        <v>2</v>
      </c>
      <c r="FN30" s="62">
        <v>2</v>
      </c>
      <c r="FO30" s="443">
        <v>0</v>
      </c>
      <c r="FP30" s="61">
        <v>4</v>
      </c>
      <c r="FQ30" s="61">
        <v>1</v>
      </c>
      <c r="FR30" s="61">
        <v>4</v>
      </c>
      <c r="FS30" s="61">
        <v>0</v>
      </c>
      <c r="FT30" s="61">
        <v>1</v>
      </c>
      <c r="FU30" s="62">
        <v>10</v>
      </c>
      <c r="FV30" s="63">
        <v>12</v>
      </c>
      <c r="FW30" s="60">
        <v>0</v>
      </c>
      <c r="FX30" s="61">
        <v>0</v>
      </c>
      <c r="FY30" s="62">
        <v>0</v>
      </c>
      <c r="FZ30" s="443">
        <v>0</v>
      </c>
      <c r="GA30" s="61">
        <v>0</v>
      </c>
      <c r="GB30" s="61">
        <v>0</v>
      </c>
      <c r="GC30" s="61">
        <v>0</v>
      </c>
      <c r="GD30" s="61">
        <v>0</v>
      </c>
      <c r="GE30" s="61">
        <v>0</v>
      </c>
      <c r="GF30" s="62">
        <v>0</v>
      </c>
      <c r="GG30" s="63">
        <v>0</v>
      </c>
      <c r="GH30" s="60">
        <v>5</v>
      </c>
      <c r="GI30" s="61">
        <v>3</v>
      </c>
      <c r="GJ30" s="62">
        <v>8</v>
      </c>
      <c r="GK30" s="443">
        <v>0</v>
      </c>
      <c r="GL30" s="61">
        <v>10</v>
      </c>
      <c r="GM30" s="61">
        <v>3</v>
      </c>
      <c r="GN30" s="61">
        <v>5</v>
      </c>
      <c r="GO30" s="61">
        <v>1</v>
      </c>
      <c r="GP30" s="61">
        <v>1</v>
      </c>
      <c r="GQ30" s="62">
        <v>20</v>
      </c>
      <c r="GR30" s="63">
        <v>28</v>
      </c>
      <c r="GS30" s="113">
        <v>20</v>
      </c>
      <c r="GT30" s="72">
        <v>22</v>
      </c>
      <c r="GU30" s="73">
        <v>42</v>
      </c>
      <c r="GV30" s="443">
        <v>0</v>
      </c>
      <c r="GW30" s="72">
        <v>22</v>
      </c>
      <c r="GX30" s="72">
        <v>16</v>
      </c>
      <c r="GY30" s="72">
        <v>19</v>
      </c>
      <c r="GZ30" s="72">
        <v>7</v>
      </c>
      <c r="HA30" s="72">
        <v>4</v>
      </c>
      <c r="HB30" s="74">
        <v>68</v>
      </c>
      <c r="HC30" s="75">
        <v>110</v>
      </c>
      <c r="HD30" s="60">
        <v>1</v>
      </c>
      <c r="HE30" s="61">
        <v>2</v>
      </c>
      <c r="HF30" s="62">
        <v>3</v>
      </c>
      <c r="HG30" s="443">
        <v>0</v>
      </c>
      <c r="HH30" s="61">
        <v>0</v>
      </c>
      <c r="HI30" s="61">
        <v>0</v>
      </c>
      <c r="HJ30" s="61">
        <v>0</v>
      </c>
      <c r="HK30" s="61">
        <v>0</v>
      </c>
      <c r="HL30" s="61">
        <v>0</v>
      </c>
      <c r="HM30" s="62">
        <v>0</v>
      </c>
      <c r="HN30" s="63">
        <v>3</v>
      </c>
      <c r="HO30" s="60">
        <v>0</v>
      </c>
      <c r="HP30" s="61">
        <v>3</v>
      </c>
      <c r="HQ30" s="62">
        <v>3</v>
      </c>
      <c r="HR30" s="443">
        <v>0</v>
      </c>
      <c r="HS30" s="61">
        <v>0</v>
      </c>
      <c r="HT30" s="61">
        <v>1</v>
      </c>
      <c r="HU30" s="61">
        <v>1</v>
      </c>
      <c r="HV30" s="61">
        <v>0</v>
      </c>
      <c r="HW30" s="61">
        <v>1</v>
      </c>
      <c r="HX30" s="62">
        <v>3</v>
      </c>
      <c r="HY30" s="63">
        <v>6</v>
      </c>
      <c r="HZ30" s="60">
        <v>2</v>
      </c>
      <c r="IA30" s="61">
        <v>1</v>
      </c>
      <c r="IB30" s="62">
        <v>3</v>
      </c>
      <c r="IC30" s="443">
        <v>0</v>
      </c>
      <c r="ID30" s="61">
        <v>0</v>
      </c>
      <c r="IE30" s="61">
        <v>2</v>
      </c>
      <c r="IF30" s="61">
        <v>0</v>
      </c>
      <c r="IG30" s="61">
        <v>0</v>
      </c>
      <c r="IH30" s="61">
        <v>0</v>
      </c>
      <c r="II30" s="62">
        <v>2</v>
      </c>
      <c r="IJ30" s="63">
        <v>5</v>
      </c>
      <c r="IK30" s="60">
        <v>10</v>
      </c>
      <c r="IL30" s="61">
        <v>5</v>
      </c>
      <c r="IM30" s="62">
        <v>15</v>
      </c>
      <c r="IN30" s="443">
        <v>0</v>
      </c>
      <c r="IO30" s="61">
        <v>6</v>
      </c>
      <c r="IP30" s="61">
        <v>7</v>
      </c>
      <c r="IQ30" s="61">
        <v>4</v>
      </c>
      <c r="IR30" s="61">
        <v>0</v>
      </c>
      <c r="IS30" s="61">
        <v>1</v>
      </c>
      <c r="IT30" s="62">
        <v>18</v>
      </c>
      <c r="IU30" s="63">
        <v>33</v>
      </c>
      <c r="IV30" s="60">
        <v>5</v>
      </c>
      <c r="IW30" s="61">
        <v>6</v>
      </c>
      <c r="IX30" s="62">
        <v>11</v>
      </c>
      <c r="IY30" s="443">
        <v>0</v>
      </c>
      <c r="IZ30" s="61">
        <v>6</v>
      </c>
      <c r="JA30" s="61">
        <v>2</v>
      </c>
      <c r="JB30" s="61">
        <v>5</v>
      </c>
      <c r="JC30" s="61">
        <v>5</v>
      </c>
      <c r="JD30" s="61">
        <v>1</v>
      </c>
      <c r="JE30" s="62">
        <v>19</v>
      </c>
      <c r="JF30" s="63">
        <v>30</v>
      </c>
      <c r="JG30" s="60">
        <v>2</v>
      </c>
      <c r="JH30" s="61">
        <v>5</v>
      </c>
      <c r="JI30" s="62">
        <v>7</v>
      </c>
      <c r="JJ30" s="443">
        <v>0</v>
      </c>
      <c r="JK30" s="61">
        <v>10</v>
      </c>
      <c r="JL30" s="61">
        <v>4</v>
      </c>
      <c r="JM30" s="61">
        <v>9</v>
      </c>
      <c r="JN30" s="61">
        <v>2</v>
      </c>
      <c r="JO30" s="61">
        <v>1</v>
      </c>
      <c r="JP30" s="62">
        <v>26</v>
      </c>
      <c r="JQ30" s="63">
        <v>33</v>
      </c>
      <c r="JR30" s="60">
        <v>0</v>
      </c>
      <c r="JS30" s="61">
        <v>0</v>
      </c>
      <c r="JT30" s="62">
        <v>0</v>
      </c>
      <c r="JU30" s="443">
        <v>0</v>
      </c>
      <c r="JV30" s="61">
        <v>0</v>
      </c>
      <c r="JW30" s="61">
        <v>0</v>
      </c>
      <c r="JX30" s="61">
        <v>0</v>
      </c>
      <c r="JY30" s="61">
        <v>0</v>
      </c>
      <c r="JZ30" s="61">
        <v>0</v>
      </c>
      <c r="KA30" s="62">
        <v>0</v>
      </c>
      <c r="KB30" s="63">
        <v>0</v>
      </c>
      <c r="KC30" s="60">
        <v>20</v>
      </c>
      <c r="KD30" s="61">
        <v>22</v>
      </c>
      <c r="KE30" s="62">
        <v>42</v>
      </c>
      <c r="KF30" s="443">
        <v>0</v>
      </c>
      <c r="KG30" s="61">
        <v>22</v>
      </c>
      <c r="KH30" s="61">
        <v>16</v>
      </c>
      <c r="KI30" s="61">
        <v>19</v>
      </c>
      <c r="KJ30" s="61">
        <v>7</v>
      </c>
      <c r="KK30" s="61">
        <v>4</v>
      </c>
      <c r="KL30" s="62">
        <v>68</v>
      </c>
      <c r="KM30" s="63">
        <v>110</v>
      </c>
    </row>
    <row r="31" spans="2:299" ht="21" customHeight="1" x14ac:dyDescent="0.2">
      <c r="B31" s="437" t="s">
        <v>28</v>
      </c>
      <c r="C31" s="287">
        <v>0</v>
      </c>
      <c r="D31" s="72">
        <v>2</v>
      </c>
      <c r="E31" s="73">
        <v>2</v>
      </c>
      <c r="F31" s="443">
        <v>0</v>
      </c>
      <c r="G31" s="72">
        <v>7</v>
      </c>
      <c r="H31" s="72">
        <v>3</v>
      </c>
      <c r="I31" s="72">
        <v>4</v>
      </c>
      <c r="J31" s="72">
        <v>2</v>
      </c>
      <c r="K31" s="72">
        <v>1</v>
      </c>
      <c r="L31" s="74">
        <v>17</v>
      </c>
      <c r="M31" s="75">
        <v>19</v>
      </c>
      <c r="N31" s="60">
        <v>0</v>
      </c>
      <c r="O31" s="61">
        <v>1</v>
      </c>
      <c r="P31" s="62">
        <v>1</v>
      </c>
      <c r="Q31" s="443">
        <v>0</v>
      </c>
      <c r="R31" s="61">
        <v>1</v>
      </c>
      <c r="S31" s="61">
        <v>0</v>
      </c>
      <c r="T31" s="61">
        <v>1</v>
      </c>
      <c r="U31" s="61">
        <v>0</v>
      </c>
      <c r="V31" s="61">
        <v>0</v>
      </c>
      <c r="W31" s="62">
        <v>2</v>
      </c>
      <c r="X31" s="63">
        <v>3</v>
      </c>
      <c r="Y31" s="60">
        <v>0</v>
      </c>
      <c r="Z31" s="61">
        <v>1</v>
      </c>
      <c r="AA31" s="62">
        <v>1</v>
      </c>
      <c r="AB31" s="443">
        <v>0</v>
      </c>
      <c r="AC31" s="61">
        <v>2</v>
      </c>
      <c r="AD31" s="61">
        <v>0</v>
      </c>
      <c r="AE31" s="61">
        <v>0</v>
      </c>
      <c r="AF31" s="61">
        <v>0</v>
      </c>
      <c r="AG31" s="61">
        <v>0</v>
      </c>
      <c r="AH31" s="62">
        <v>2</v>
      </c>
      <c r="AI31" s="63">
        <v>3</v>
      </c>
      <c r="AJ31" s="60">
        <v>0</v>
      </c>
      <c r="AK31" s="61">
        <v>0</v>
      </c>
      <c r="AL31" s="62">
        <v>0</v>
      </c>
      <c r="AM31" s="443">
        <v>0</v>
      </c>
      <c r="AN31" s="61">
        <v>1</v>
      </c>
      <c r="AO31" s="61">
        <v>0</v>
      </c>
      <c r="AP31" s="61">
        <v>1</v>
      </c>
      <c r="AQ31" s="61">
        <v>0</v>
      </c>
      <c r="AR31" s="61">
        <v>0</v>
      </c>
      <c r="AS31" s="62">
        <v>2</v>
      </c>
      <c r="AT31" s="63">
        <v>2</v>
      </c>
      <c r="AU31" s="60">
        <v>0</v>
      </c>
      <c r="AV31" s="61">
        <v>0</v>
      </c>
      <c r="AW31" s="62">
        <v>0</v>
      </c>
      <c r="AX31" s="443">
        <v>0</v>
      </c>
      <c r="AY31" s="61">
        <v>2</v>
      </c>
      <c r="AZ31" s="61">
        <v>2</v>
      </c>
      <c r="BA31" s="61">
        <v>0</v>
      </c>
      <c r="BB31" s="61">
        <v>1</v>
      </c>
      <c r="BC31" s="61">
        <v>0</v>
      </c>
      <c r="BD31" s="62">
        <v>5</v>
      </c>
      <c r="BE31" s="63">
        <v>5</v>
      </c>
      <c r="BF31" s="60">
        <v>0</v>
      </c>
      <c r="BG31" s="61">
        <v>0</v>
      </c>
      <c r="BH31" s="62">
        <v>0</v>
      </c>
      <c r="BI31" s="443">
        <v>0</v>
      </c>
      <c r="BJ31" s="61">
        <v>1</v>
      </c>
      <c r="BK31" s="61">
        <v>1</v>
      </c>
      <c r="BL31" s="61">
        <v>1</v>
      </c>
      <c r="BM31" s="61">
        <v>0</v>
      </c>
      <c r="BN31" s="61">
        <v>0</v>
      </c>
      <c r="BO31" s="62">
        <v>3</v>
      </c>
      <c r="BP31" s="63">
        <v>3</v>
      </c>
      <c r="BQ31" s="60">
        <v>0</v>
      </c>
      <c r="BR31" s="61">
        <v>0</v>
      </c>
      <c r="BS31" s="62">
        <v>0</v>
      </c>
      <c r="BT31" s="443">
        <v>0</v>
      </c>
      <c r="BU31" s="61">
        <v>0</v>
      </c>
      <c r="BV31" s="61">
        <v>0</v>
      </c>
      <c r="BW31" s="61">
        <v>1</v>
      </c>
      <c r="BX31" s="61">
        <v>1</v>
      </c>
      <c r="BY31" s="61">
        <v>1</v>
      </c>
      <c r="BZ31" s="62">
        <v>3</v>
      </c>
      <c r="CA31" s="63">
        <v>3</v>
      </c>
      <c r="CB31" s="60">
        <v>0</v>
      </c>
      <c r="CC31" s="61">
        <v>0</v>
      </c>
      <c r="CD31" s="62">
        <v>0</v>
      </c>
      <c r="CE31" s="443">
        <v>0</v>
      </c>
      <c r="CF31" s="61">
        <v>0</v>
      </c>
      <c r="CG31" s="61">
        <v>0</v>
      </c>
      <c r="CH31" s="61">
        <v>0</v>
      </c>
      <c r="CI31" s="61">
        <v>0</v>
      </c>
      <c r="CJ31" s="61">
        <v>0</v>
      </c>
      <c r="CK31" s="62">
        <v>0</v>
      </c>
      <c r="CL31" s="63">
        <v>0</v>
      </c>
      <c r="CM31" s="60">
        <v>0</v>
      </c>
      <c r="CN31" s="61">
        <v>2</v>
      </c>
      <c r="CO31" s="62">
        <v>2</v>
      </c>
      <c r="CP31" s="443">
        <v>0</v>
      </c>
      <c r="CQ31" s="61">
        <v>7</v>
      </c>
      <c r="CR31" s="61">
        <v>3</v>
      </c>
      <c r="CS31" s="61">
        <v>4</v>
      </c>
      <c r="CT31" s="61">
        <v>2</v>
      </c>
      <c r="CU31" s="61">
        <v>1</v>
      </c>
      <c r="CV31" s="62">
        <v>17</v>
      </c>
      <c r="CW31" s="63">
        <v>19</v>
      </c>
      <c r="CX31" s="113">
        <v>0</v>
      </c>
      <c r="CY31" s="72">
        <v>1</v>
      </c>
      <c r="CZ31" s="73">
        <v>1</v>
      </c>
      <c r="DA31" s="443">
        <v>0</v>
      </c>
      <c r="DB31" s="72">
        <v>1</v>
      </c>
      <c r="DC31" s="72">
        <v>2</v>
      </c>
      <c r="DD31" s="72">
        <v>2</v>
      </c>
      <c r="DE31" s="72">
        <v>1</v>
      </c>
      <c r="DF31" s="72">
        <v>0</v>
      </c>
      <c r="DG31" s="74">
        <v>6</v>
      </c>
      <c r="DH31" s="75">
        <v>7</v>
      </c>
      <c r="DI31" s="60">
        <v>0</v>
      </c>
      <c r="DJ31" s="61">
        <v>0</v>
      </c>
      <c r="DK31" s="62">
        <v>0</v>
      </c>
      <c r="DL31" s="443">
        <v>0</v>
      </c>
      <c r="DM31" s="61">
        <v>0</v>
      </c>
      <c r="DN31" s="61">
        <v>0</v>
      </c>
      <c r="DO31" s="61">
        <v>0</v>
      </c>
      <c r="DP31" s="61">
        <v>0</v>
      </c>
      <c r="DQ31" s="61">
        <v>0</v>
      </c>
      <c r="DR31" s="62">
        <v>0</v>
      </c>
      <c r="DS31" s="63">
        <v>0</v>
      </c>
      <c r="DT31" s="60">
        <v>0</v>
      </c>
      <c r="DU31" s="61">
        <v>1</v>
      </c>
      <c r="DV31" s="62">
        <v>1</v>
      </c>
      <c r="DW31" s="443">
        <v>0</v>
      </c>
      <c r="DX31" s="61">
        <v>0</v>
      </c>
      <c r="DY31" s="61">
        <v>0</v>
      </c>
      <c r="DZ31" s="61">
        <v>1</v>
      </c>
      <c r="EA31" s="61">
        <v>0</v>
      </c>
      <c r="EB31" s="61">
        <v>0</v>
      </c>
      <c r="EC31" s="62">
        <v>1</v>
      </c>
      <c r="ED31" s="63">
        <v>2</v>
      </c>
      <c r="EE31" s="60">
        <v>0</v>
      </c>
      <c r="EF31" s="61">
        <v>0</v>
      </c>
      <c r="EG31" s="62">
        <v>0</v>
      </c>
      <c r="EH31" s="443">
        <v>0</v>
      </c>
      <c r="EI31" s="61">
        <v>0</v>
      </c>
      <c r="EJ31" s="61">
        <v>0</v>
      </c>
      <c r="EK31" s="61">
        <v>0</v>
      </c>
      <c r="EL31" s="61">
        <v>0</v>
      </c>
      <c r="EM31" s="61">
        <v>0</v>
      </c>
      <c r="EN31" s="62">
        <v>0</v>
      </c>
      <c r="EO31" s="63">
        <v>0</v>
      </c>
      <c r="EP31" s="60">
        <v>0</v>
      </c>
      <c r="EQ31" s="61">
        <v>0</v>
      </c>
      <c r="ER31" s="62">
        <v>0</v>
      </c>
      <c r="ES31" s="443">
        <v>0</v>
      </c>
      <c r="ET31" s="61">
        <v>0</v>
      </c>
      <c r="EU31" s="61">
        <v>1</v>
      </c>
      <c r="EV31" s="61">
        <v>0</v>
      </c>
      <c r="EW31" s="61">
        <v>0</v>
      </c>
      <c r="EX31" s="61">
        <v>0</v>
      </c>
      <c r="EY31" s="62">
        <v>1</v>
      </c>
      <c r="EZ31" s="63">
        <v>1</v>
      </c>
      <c r="FA31" s="60">
        <v>0</v>
      </c>
      <c r="FB31" s="61">
        <v>0</v>
      </c>
      <c r="FC31" s="62">
        <v>0</v>
      </c>
      <c r="FD31" s="443">
        <v>0</v>
      </c>
      <c r="FE31" s="61">
        <v>1</v>
      </c>
      <c r="FF31" s="61">
        <v>0</v>
      </c>
      <c r="FG31" s="61">
        <v>1</v>
      </c>
      <c r="FH31" s="61">
        <v>1</v>
      </c>
      <c r="FI31" s="61">
        <v>0</v>
      </c>
      <c r="FJ31" s="62">
        <v>3</v>
      </c>
      <c r="FK31" s="63">
        <v>3</v>
      </c>
      <c r="FL31" s="60">
        <v>0</v>
      </c>
      <c r="FM31" s="61">
        <v>0</v>
      </c>
      <c r="FN31" s="62">
        <v>0</v>
      </c>
      <c r="FO31" s="443">
        <v>0</v>
      </c>
      <c r="FP31" s="61">
        <v>0</v>
      </c>
      <c r="FQ31" s="61">
        <v>1</v>
      </c>
      <c r="FR31" s="61">
        <v>0</v>
      </c>
      <c r="FS31" s="61">
        <v>0</v>
      </c>
      <c r="FT31" s="61">
        <v>0</v>
      </c>
      <c r="FU31" s="62">
        <v>1</v>
      </c>
      <c r="FV31" s="63">
        <v>1</v>
      </c>
      <c r="FW31" s="60">
        <v>0</v>
      </c>
      <c r="FX31" s="61">
        <v>0</v>
      </c>
      <c r="FY31" s="62">
        <v>0</v>
      </c>
      <c r="FZ31" s="443">
        <v>0</v>
      </c>
      <c r="GA31" s="61">
        <v>0</v>
      </c>
      <c r="GB31" s="61">
        <v>0</v>
      </c>
      <c r="GC31" s="61">
        <v>0</v>
      </c>
      <c r="GD31" s="61">
        <v>0</v>
      </c>
      <c r="GE31" s="61">
        <v>0</v>
      </c>
      <c r="GF31" s="62">
        <v>0</v>
      </c>
      <c r="GG31" s="63">
        <v>0</v>
      </c>
      <c r="GH31" s="60">
        <v>0</v>
      </c>
      <c r="GI31" s="61">
        <v>1</v>
      </c>
      <c r="GJ31" s="62">
        <v>1</v>
      </c>
      <c r="GK31" s="443">
        <v>0</v>
      </c>
      <c r="GL31" s="61">
        <v>1</v>
      </c>
      <c r="GM31" s="61">
        <v>2</v>
      </c>
      <c r="GN31" s="61">
        <v>2</v>
      </c>
      <c r="GO31" s="61">
        <v>1</v>
      </c>
      <c r="GP31" s="61">
        <v>0</v>
      </c>
      <c r="GQ31" s="62">
        <v>6</v>
      </c>
      <c r="GR31" s="63">
        <v>7</v>
      </c>
      <c r="GS31" s="113">
        <v>0</v>
      </c>
      <c r="GT31" s="72">
        <v>3</v>
      </c>
      <c r="GU31" s="73">
        <v>3</v>
      </c>
      <c r="GV31" s="443">
        <v>0</v>
      </c>
      <c r="GW31" s="72">
        <v>8</v>
      </c>
      <c r="GX31" s="72">
        <v>5</v>
      </c>
      <c r="GY31" s="72">
        <v>6</v>
      </c>
      <c r="GZ31" s="72">
        <v>3</v>
      </c>
      <c r="HA31" s="72">
        <v>1</v>
      </c>
      <c r="HB31" s="74">
        <v>23</v>
      </c>
      <c r="HC31" s="75">
        <v>26</v>
      </c>
      <c r="HD31" s="60">
        <v>0</v>
      </c>
      <c r="HE31" s="61">
        <v>1</v>
      </c>
      <c r="HF31" s="62">
        <v>1</v>
      </c>
      <c r="HG31" s="443">
        <v>0</v>
      </c>
      <c r="HH31" s="61">
        <v>1</v>
      </c>
      <c r="HI31" s="61">
        <v>0</v>
      </c>
      <c r="HJ31" s="61">
        <v>1</v>
      </c>
      <c r="HK31" s="61">
        <v>0</v>
      </c>
      <c r="HL31" s="61">
        <v>0</v>
      </c>
      <c r="HM31" s="62">
        <v>2</v>
      </c>
      <c r="HN31" s="63">
        <v>3</v>
      </c>
      <c r="HO31" s="60">
        <v>0</v>
      </c>
      <c r="HP31" s="61">
        <v>2</v>
      </c>
      <c r="HQ31" s="62">
        <v>2</v>
      </c>
      <c r="HR31" s="443">
        <v>0</v>
      </c>
      <c r="HS31" s="61">
        <v>2</v>
      </c>
      <c r="HT31" s="61">
        <v>0</v>
      </c>
      <c r="HU31" s="61">
        <v>1</v>
      </c>
      <c r="HV31" s="61">
        <v>0</v>
      </c>
      <c r="HW31" s="61">
        <v>0</v>
      </c>
      <c r="HX31" s="62">
        <v>3</v>
      </c>
      <c r="HY31" s="63">
        <v>5</v>
      </c>
      <c r="HZ31" s="60">
        <v>0</v>
      </c>
      <c r="IA31" s="61">
        <v>0</v>
      </c>
      <c r="IB31" s="62">
        <v>0</v>
      </c>
      <c r="IC31" s="443">
        <v>0</v>
      </c>
      <c r="ID31" s="61">
        <v>1</v>
      </c>
      <c r="IE31" s="61">
        <v>0</v>
      </c>
      <c r="IF31" s="61">
        <v>1</v>
      </c>
      <c r="IG31" s="61">
        <v>0</v>
      </c>
      <c r="IH31" s="61">
        <v>0</v>
      </c>
      <c r="II31" s="62">
        <v>2</v>
      </c>
      <c r="IJ31" s="63">
        <v>2</v>
      </c>
      <c r="IK31" s="60">
        <v>0</v>
      </c>
      <c r="IL31" s="61">
        <v>0</v>
      </c>
      <c r="IM31" s="62">
        <v>0</v>
      </c>
      <c r="IN31" s="443">
        <v>0</v>
      </c>
      <c r="IO31" s="61">
        <v>2</v>
      </c>
      <c r="IP31" s="61">
        <v>3</v>
      </c>
      <c r="IQ31" s="61">
        <v>0</v>
      </c>
      <c r="IR31" s="61">
        <v>1</v>
      </c>
      <c r="IS31" s="61">
        <v>0</v>
      </c>
      <c r="IT31" s="62">
        <v>6</v>
      </c>
      <c r="IU31" s="63">
        <v>6</v>
      </c>
      <c r="IV31" s="60">
        <v>0</v>
      </c>
      <c r="IW31" s="61">
        <v>0</v>
      </c>
      <c r="IX31" s="62">
        <v>0</v>
      </c>
      <c r="IY31" s="443">
        <v>0</v>
      </c>
      <c r="IZ31" s="61">
        <v>2</v>
      </c>
      <c r="JA31" s="61">
        <v>1</v>
      </c>
      <c r="JB31" s="61">
        <v>2</v>
      </c>
      <c r="JC31" s="61">
        <v>1</v>
      </c>
      <c r="JD31" s="61">
        <v>0</v>
      </c>
      <c r="JE31" s="62">
        <v>6</v>
      </c>
      <c r="JF31" s="63">
        <v>6</v>
      </c>
      <c r="JG31" s="60">
        <v>0</v>
      </c>
      <c r="JH31" s="61">
        <v>0</v>
      </c>
      <c r="JI31" s="62">
        <v>0</v>
      </c>
      <c r="JJ31" s="443">
        <v>0</v>
      </c>
      <c r="JK31" s="61">
        <v>0</v>
      </c>
      <c r="JL31" s="61">
        <v>1</v>
      </c>
      <c r="JM31" s="61">
        <v>1</v>
      </c>
      <c r="JN31" s="61">
        <v>1</v>
      </c>
      <c r="JO31" s="61">
        <v>1</v>
      </c>
      <c r="JP31" s="62">
        <v>4</v>
      </c>
      <c r="JQ31" s="63">
        <v>4</v>
      </c>
      <c r="JR31" s="60">
        <v>0</v>
      </c>
      <c r="JS31" s="61">
        <v>0</v>
      </c>
      <c r="JT31" s="62">
        <v>0</v>
      </c>
      <c r="JU31" s="443">
        <v>0</v>
      </c>
      <c r="JV31" s="61">
        <v>0</v>
      </c>
      <c r="JW31" s="61">
        <v>0</v>
      </c>
      <c r="JX31" s="61">
        <v>0</v>
      </c>
      <c r="JY31" s="61">
        <v>0</v>
      </c>
      <c r="JZ31" s="61">
        <v>0</v>
      </c>
      <c r="KA31" s="62">
        <v>0</v>
      </c>
      <c r="KB31" s="63">
        <v>0</v>
      </c>
      <c r="KC31" s="60">
        <v>0</v>
      </c>
      <c r="KD31" s="61">
        <v>3</v>
      </c>
      <c r="KE31" s="62">
        <v>3</v>
      </c>
      <c r="KF31" s="443">
        <v>0</v>
      </c>
      <c r="KG31" s="61">
        <v>8</v>
      </c>
      <c r="KH31" s="61">
        <v>5</v>
      </c>
      <c r="KI31" s="61">
        <v>6</v>
      </c>
      <c r="KJ31" s="61">
        <v>3</v>
      </c>
      <c r="KK31" s="61">
        <v>1</v>
      </c>
      <c r="KL31" s="62">
        <v>23</v>
      </c>
      <c r="KM31" s="63">
        <v>26</v>
      </c>
    </row>
    <row r="32" spans="2:299" ht="21" customHeight="1" x14ac:dyDescent="0.2">
      <c r="B32" s="437" t="s">
        <v>29</v>
      </c>
      <c r="C32" s="287">
        <v>3</v>
      </c>
      <c r="D32" s="72">
        <v>3</v>
      </c>
      <c r="E32" s="73">
        <v>6</v>
      </c>
      <c r="F32" s="443">
        <v>0</v>
      </c>
      <c r="G32" s="72">
        <v>3</v>
      </c>
      <c r="H32" s="72">
        <v>4</v>
      </c>
      <c r="I32" s="72">
        <v>3</v>
      </c>
      <c r="J32" s="72">
        <v>4</v>
      </c>
      <c r="K32" s="72">
        <v>3</v>
      </c>
      <c r="L32" s="74">
        <v>17</v>
      </c>
      <c r="M32" s="75">
        <v>23</v>
      </c>
      <c r="N32" s="60">
        <v>0</v>
      </c>
      <c r="O32" s="61">
        <v>0</v>
      </c>
      <c r="P32" s="62">
        <v>0</v>
      </c>
      <c r="Q32" s="443">
        <v>0</v>
      </c>
      <c r="R32" s="61">
        <v>0</v>
      </c>
      <c r="S32" s="61">
        <v>0</v>
      </c>
      <c r="T32" s="61">
        <v>1</v>
      </c>
      <c r="U32" s="61">
        <v>0</v>
      </c>
      <c r="V32" s="61">
        <v>0</v>
      </c>
      <c r="W32" s="62">
        <v>1</v>
      </c>
      <c r="X32" s="63">
        <v>1</v>
      </c>
      <c r="Y32" s="60">
        <v>0</v>
      </c>
      <c r="Z32" s="61">
        <v>0</v>
      </c>
      <c r="AA32" s="62">
        <v>0</v>
      </c>
      <c r="AB32" s="443">
        <v>0</v>
      </c>
      <c r="AC32" s="61">
        <v>0</v>
      </c>
      <c r="AD32" s="61">
        <v>0</v>
      </c>
      <c r="AE32" s="61">
        <v>0</v>
      </c>
      <c r="AF32" s="61">
        <v>0</v>
      </c>
      <c r="AG32" s="61">
        <v>0</v>
      </c>
      <c r="AH32" s="62">
        <v>0</v>
      </c>
      <c r="AI32" s="63">
        <v>0</v>
      </c>
      <c r="AJ32" s="60">
        <v>0</v>
      </c>
      <c r="AK32" s="61">
        <v>0</v>
      </c>
      <c r="AL32" s="62">
        <v>0</v>
      </c>
      <c r="AM32" s="443">
        <v>0</v>
      </c>
      <c r="AN32" s="61">
        <v>1</v>
      </c>
      <c r="AO32" s="61">
        <v>0</v>
      </c>
      <c r="AP32" s="61">
        <v>0</v>
      </c>
      <c r="AQ32" s="61">
        <v>1</v>
      </c>
      <c r="AR32" s="61">
        <v>0</v>
      </c>
      <c r="AS32" s="62">
        <v>2</v>
      </c>
      <c r="AT32" s="63">
        <v>2</v>
      </c>
      <c r="AU32" s="60">
        <v>0</v>
      </c>
      <c r="AV32" s="61">
        <v>2</v>
      </c>
      <c r="AW32" s="62">
        <v>2</v>
      </c>
      <c r="AX32" s="443">
        <v>0</v>
      </c>
      <c r="AY32" s="61">
        <v>1</v>
      </c>
      <c r="AZ32" s="61">
        <v>0</v>
      </c>
      <c r="BA32" s="61">
        <v>0</v>
      </c>
      <c r="BB32" s="61">
        <v>2</v>
      </c>
      <c r="BC32" s="61">
        <v>0</v>
      </c>
      <c r="BD32" s="62">
        <v>3</v>
      </c>
      <c r="BE32" s="63">
        <v>5</v>
      </c>
      <c r="BF32" s="60">
        <v>3</v>
      </c>
      <c r="BG32" s="61">
        <v>0</v>
      </c>
      <c r="BH32" s="62">
        <v>3</v>
      </c>
      <c r="BI32" s="443">
        <v>0</v>
      </c>
      <c r="BJ32" s="61">
        <v>1</v>
      </c>
      <c r="BK32" s="61">
        <v>0</v>
      </c>
      <c r="BL32" s="61">
        <v>2</v>
      </c>
      <c r="BM32" s="61">
        <v>0</v>
      </c>
      <c r="BN32" s="61">
        <v>0</v>
      </c>
      <c r="BO32" s="62">
        <v>3</v>
      </c>
      <c r="BP32" s="63">
        <v>6</v>
      </c>
      <c r="BQ32" s="60">
        <v>0</v>
      </c>
      <c r="BR32" s="61">
        <v>1</v>
      </c>
      <c r="BS32" s="62">
        <v>1</v>
      </c>
      <c r="BT32" s="443">
        <v>0</v>
      </c>
      <c r="BU32" s="61">
        <v>0</v>
      </c>
      <c r="BV32" s="61">
        <v>4</v>
      </c>
      <c r="BW32" s="61">
        <v>0</v>
      </c>
      <c r="BX32" s="61">
        <v>1</v>
      </c>
      <c r="BY32" s="61">
        <v>3</v>
      </c>
      <c r="BZ32" s="62">
        <v>8</v>
      </c>
      <c r="CA32" s="63">
        <v>9</v>
      </c>
      <c r="CB32" s="60">
        <v>0</v>
      </c>
      <c r="CC32" s="61">
        <v>0</v>
      </c>
      <c r="CD32" s="62">
        <v>0</v>
      </c>
      <c r="CE32" s="443">
        <v>0</v>
      </c>
      <c r="CF32" s="61">
        <v>0</v>
      </c>
      <c r="CG32" s="61">
        <v>0</v>
      </c>
      <c r="CH32" s="61">
        <v>0</v>
      </c>
      <c r="CI32" s="61">
        <v>0</v>
      </c>
      <c r="CJ32" s="61">
        <v>0</v>
      </c>
      <c r="CK32" s="62">
        <v>0</v>
      </c>
      <c r="CL32" s="63">
        <v>0</v>
      </c>
      <c r="CM32" s="60">
        <v>3</v>
      </c>
      <c r="CN32" s="61">
        <v>3</v>
      </c>
      <c r="CO32" s="62">
        <v>6</v>
      </c>
      <c r="CP32" s="443">
        <v>0</v>
      </c>
      <c r="CQ32" s="61">
        <v>3</v>
      </c>
      <c r="CR32" s="61">
        <v>4</v>
      </c>
      <c r="CS32" s="61">
        <v>3</v>
      </c>
      <c r="CT32" s="61">
        <v>4</v>
      </c>
      <c r="CU32" s="61">
        <v>3</v>
      </c>
      <c r="CV32" s="62">
        <v>17</v>
      </c>
      <c r="CW32" s="63">
        <v>23</v>
      </c>
      <c r="CX32" s="113">
        <v>1</v>
      </c>
      <c r="CY32" s="72">
        <v>2</v>
      </c>
      <c r="CZ32" s="73">
        <v>3</v>
      </c>
      <c r="DA32" s="443">
        <v>0</v>
      </c>
      <c r="DB32" s="72">
        <v>6</v>
      </c>
      <c r="DC32" s="72">
        <v>3</v>
      </c>
      <c r="DD32" s="72">
        <v>0</v>
      </c>
      <c r="DE32" s="72">
        <v>2</v>
      </c>
      <c r="DF32" s="72">
        <v>0</v>
      </c>
      <c r="DG32" s="74">
        <v>11</v>
      </c>
      <c r="DH32" s="75">
        <v>14</v>
      </c>
      <c r="DI32" s="60">
        <v>0</v>
      </c>
      <c r="DJ32" s="61">
        <v>0</v>
      </c>
      <c r="DK32" s="62">
        <v>0</v>
      </c>
      <c r="DL32" s="443">
        <v>0</v>
      </c>
      <c r="DM32" s="61">
        <v>0</v>
      </c>
      <c r="DN32" s="61">
        <v>0</v>
      </c>
      <c r="DO32" s="61">
        <v>0</v>
      </c>
      <c r="DP32" s="61">
        <v>0</v>
      </c>
      <c r="DQ32" s="61">
        <v>0</v>
      </c>
      <c r="DR32" s="62">
        <v>0</v>
      </c>
      <c r="DS32" s="63">
        <v>0</v>
      </c>
      <c r="DT32" s="60">
        <v>0</v>
      </c>
      <c r="DU32" s="61">
        <v>0</v>
      </c>
      <c r="DV32" s="62">
        <v>0</v>
      </c>
      <c r="DW32" s="443">
        <v>0</v>
      </c>
      <c r="DX32" s="61">
        <v>0</v>
      </c>
      <c r="DY32" s="61">
        <v>1</v>
      </c>
      <c r="DZ32" s="61">
        <v>0</v>
      </c>
      <c r="EA32" s="61">
        <v>0</v>
      </c>
      <c r="EB32" s="61">
        <v>0</v>
      </c>
      <c r="EC32" s="62">
        <v>1</v>
      </c>
      <c r="ED32" s="63">
        <v>1</v>
      </c>
      <c r="EE32" s="60">
        <v>1</v>
      </c>
      <c r="EF32" s="61">
        <v>0</v>
      </c>
      <c r="EG32" s="62">
        <v>1</v>
      </c>
      <c r="EH32" s="443">
        <v>0</v>
      </c>
      <c r="EI32" s="61">
        <v>0</v>
      </c>
      <c r="EJ32" s="61">
        <v>1</v>
      </c>
      <c r="EK32" s="61">
        <v>0</v>
      </c>
      <c r="EL32" s="61">
        <v>0</v>
      </c>
      <c r="EM32" s="61">
        <v>0</v>
      </c>
      <c r="EN32" s="62">
        <v>1</v>
      </c>
      <c r="EO32" s="63">
        <v>2</v>
      </c>
      <c r="EP32" s="60">
        <v>0</v>
      </c>
      <c r="EQ32" s="61">
        <v>0</v>
      </c>
      <c r="ER32" s="62">
        <v>0</v>
      </c>
      <c r="ES32" s="443">
        <v>0</v>
      </c>
      <c r="ET32" s="61">
        <v>3</v>
      </c>
      <c r="EU32" s="61">
        <v>0</v>
      </c>
      <c r="EV32" s="61">
        <v>0</v>
      </c>
      <c r="EW32" s="61">
        <v>1</v>
      </c>
      <c r="EX32" s="61">
        <v>0</v>
      </c>
      <c r="EY32" s="62">
        <v>4</v>
      </c>
      <c r="EZ32" s="63">
        <v>4</v>
      </c>
      <c r="FA32" s="60">
        <v>0</v>
      </c>
      <c r="FB32" s="61">
        <v>1</v>
      </c>
      <c r="FC32" s="62">
        <v>1</v>
      </c>
      <c r="FD32" s="443">
        <v>0</v>
      </c>
      <c r="FE32" s="61">
        <v>1</v>
      </c>
      <c r="FF32" s="61">
        <v>0</v>
      </c>
      <c r="FG32" s="61">
        <v>0</v>
      </c>
      <c r="FH32" s="61">
        <v>0</v>
      </c>
      <c r="FI32" s="61">
        <v>0</v>
      </c>
      <c r="FJ32" s="62">
        <v>1</v>
      </c>
      <c r="FK32" s="63">
        <v>2</v>
      </c>
      <c r="FL32" s="60">
        <v>0</v>
      </c>
      <c r="FM32" s="61">
        <v>1</v>
      </c>
      <c r="FN32" s="62">
        <v>1</v>
      </c>
      <c r="FO32" s="443">
        <v>0</v>
      </c>
      <c r="FP32" s="61">
        <v>2</v>
      </c>
      <c r="FQ32" s="61">
        <v>1</v>
      </c>
      <c r="FR32" s="61">
        <v>0</v>
      </c>
      <c r="FS32" s="61">
        <v>1</v>
      </c>
      <c r="FT32" s="61">
        <v>0</v>
      </c>
      <c r="FU32" s="62">
        <v>4</v>
      </c>
      <c r="FV32" s="63">
        <v>5</v>
      </c>
      <c r="FW32" s="60">
        <v>0</v>
      </c>
      <c r="FX32" s="61">
        <v>0</v>
      </c>
      <c r="FY32" s="62">
        <v>0</v>
      </c>
      <c r="FZ32" s="443">
        <v>0</v>
      </c>
      <c r="GA32" s="61">
        <v>0</v>
      </c>
      <c r="GB32" s="61">
        <v>0</v>
      </c>
      <c r="GC32" s="61">
        <v>0</v>
      </c>
      <c r="GD32" s="61">
        <v>0</v>
      </c>
      <c r="GE32" s="61">
        <v>0</v>
      </c>
      <c r="GF32" s="62">
        <v>0</v>
      </c>
      <c r="GG32" s="63">
        <v>0</v>
      </c>
      <c r="GH32" s="60">
        <v>1</v>
      </c>
      <c r="GI32" s="61">
        <v>2</v>
      </c>
      <c r="GJ32" s="62">
        <v>3</v>
      </c>
      <c r="GK32" s="443">
        <v>0</v>
      </c>
      <c r="GL32" s="61">
        <v>6</v>
      </c>
      <c r="GM32" s="61">
        <v>3</v>
      </c>
      <c r="GN32" s="61">
        <v>0</v>
      </c>
      <c r="GO32" s="61">
        <v>2</v>
      </c>
      <c r="GP32" s="61">
        <v>0</v>
      </c>
      <c r="GQ32" s="62">
        <v>11</v>
      </c>
      <c r="GR32" s="63">
        <v>14</v>
      </c>
      <c r="GS32" s="113">
        <v>4</v>
      </c>
      <c r="GT32" s="72">
        <v>5</v>
      </c>
      <c r="GU32" s="73">
        <v>9</v>
      </c>
      <c r="GV32" s="443">
        <v>0</v>
      </c>
      <c r="GW32" s="72">
        <v>9</v>
      </c>
      <c r="GX32" s="72">
        <v>7</v>
      </c>
      <c r="GY32" s="72">
        <v>3</v>
      </c>
      <c r="GZ32" s="72">
        <v>6</v>
      </c>
      <c r="HA32" s="72">
        <v>3</v>
      </c>
      <c r="HB32" s="74">
        <v>28</v>
      </c>
      <c r="HC32" s="75">
        <v>37</v>
      </c>
      <c r="HD32" s="60">
        <v>0</v>
      </c>
      <c r="HE32" s="61">
        <v>0</v>
      </c>
      <c r="HF32" s="62">
        <v>0</v>
      </c>
      <c r="HG32" s="443">
        <v>0</v>
      </c>
      <c r="HH32" s="61">
        <v>0</v>
      </c>
      <c r="HI32" s="61">
        <v>0</v>
      </c>
      <c r="HJ32" s="61">
        <v>1</v>
      </c>
      <c r="HK32" s="61">
        <v>0</v>
      </c>
      <c r="HL32" s="61">
        <v>0</v>
      </c>
      <c r="HM32" s="62">
        <v>1</v>
      </c>
      <c r="HN32" s="63">
        <v>1</v>
      </c>
      <c r="HO32" s="60">
        <v>0</v>
      </c>
      <c r="HP32" s="61">
        <v>0</v>
      </c>
      <c r="HQ32" s="62">
        <v>0</v>
      </c>
      <c r="HR32" s="443">
        <v>0</v>
      </c>
      <c r="HS32" s="61">
        <v>0</v>
      </c>
      <c r="HT32" s="61">
        <v>1</v>
      </c>
      <c r="HU32" s="61">
        <v>0</v>
      </c>
      <c r="HV32" s="61">
        <v>0</v>
      </c>
      <c r="HW32" s="61">
        <v>0</v>
      </c>
      <c r="HX32" s="62">
        <v>1</v>
      </c>
      <c r="HY32" s="63">
        <v>1</v>
      </c>
      <c r="HZ32" s="60">
        <v>1</v>
      </c>
      <c r="IA32" s="61">
        <v>0</v>
      </c>
      <c r="IB32" s="62">
        <v>1</v>
      </c>
      <c r="IC32" s="443">
        <v>0</v>
      </c>
      <c r="ID32" s="61">
        <v>1</v>
      </c>
      <c r="IE32" s="61">
        <v>1</v>
      </c>
      <c r="IF32" s="61">
        <v>0</v>
      </c>
      <c r="IG32" s="61">
        <v>1</v>
      </c>
      <c r="IH32" s="61">
        <v>0</v>
      </c>
      <c r="II32" s="62">
        <v>3</v>
      </c>
      <c r="IJ32" s="63">
        <v>4</v>
      </c>
      <c r="IK32" s="60">
        <v>0</v>
      </c>
      <c r="IL32" s="61">
        <v>2</v>
      </c>
      <c r="IM32" s="62">
        <v>2</v>
      </c>
      <c r="IN32" s="443">
        <v>0</v>
      </c>
      <c r="IO32" s="61">
        <v>4</v>
      </c>
      <c r="IP32" s="61">
        <v>0</v>
      </c>
      <c r="IQ32" s="61">
        <v>0</v>
      </c>
      <c r="IR32" s="61">
        <v>3</v>
      </c>
      <c r="IS32" s="61">
        <v>0</v>
      </c>
      <c r="IT32" s="62">
        <v>7</v>
      </c>
      <c r="IU32" s="63">
        <v>9</v>
      </c>
      <c r="IV32" s="60">
        <v>3</v>
      </c>
      <c r="IW32" s="61">
        <v>1</v>
      </c>
      <c r="IX32" s="62">
        <v>4</v>
      </c>
      <c r="IY32" s="443">
        <v>0</v>
      </c>
      <c r="IZ32" s="61">
        <v>2</v>
      </c>
      <c r="JA32" s="61">
        <v>0</v>
      </c>
      <c r="JB32" s="61">
        <v>2</v>
      </c>
      <c r="JC32" s="61">
        <v>0</v>
      </c>
      <c r="JD32" s="61">
        <v>0</v>
      </c>
      <c r="JE32" s="62">
        <v>4</v>
      </c>
      <c r="JF32" s="63">
        <v>8</v>
      </c>
      <c r="JG32" s="60">
        <v>0</v>
      </c>
      <c r="JH32" s="61">
        <v>2</v>
      </c>
      <c r="JI32" s="62">
        <v>2</v>
      </c>
      <c r="JJ32" s="443">
        <v>0</v>
      </c>
      <c r="JK32" s="61">
        <v>2</v>
      </c>
      <c r="JL32" s="61">
        <v>5</v>
      </c>
      <c r="JM32" s="61">
        <v>0</v>
      </c>
      <c r="JN32" s="61">
        <v>2</v>
      </c>
      <c r="JO32" s="61">
        <v>3</v>
      </c>
      <c r="JP32" s="62">
        <v>12</v>
      </c>
      <c r="JQ32" s="63">
        <v>14</v>
      </c>
      <c r="JR32" s="60">
        <v>0</v>
      </c>
      <c r="JS32" s="61">
        <v>0</v>
      </c>
      <c r="JT32" s="62">
        <v>0</v>
      </c>
      <c r="JU32" s="443">
        <v>0</v>
      </c>
      <c r="JV32" s="61">
        <v>0</v>
      </c>
      <c r="JW32" s="61">
        <v>0</v>
      </c>
      <c r="JX32" s="61">
        <v>0</v>
      </c>
      <c r="JY32" s="61">
        <v>0</v>
      </c>
      <c r="JZ32" s="61">
        <v>0</v>
      </c>
      <c r="KA32" s="62">
        <v>0</v>
      </c>
      <c r="KB32" s="63">
        <v>0</v>
      </c>
      <c r="KC32" s="60">
        <v>4</v>
      </c>
      <c r="KD32" s="61">
        <v>5</v>
      </c>
      <c r="KE32" s="62">
        <v>9</v>
      </c>
      <c r="KF32" s="443">
        <v>0</v>
      </c>
      <c r="KG32" s="61">
        <v>9</v>
      </c>
      <c r="KH32" s="61">
        <v>7</v>
      </c>
      <c r="KI32" s="61">
        <v>3</v>
      </c>
      <c r="KJ32" s="61">
        <v>6</v>
      </c>
      <c r="KK32" s="61">
        <v>3</v>
      </c>
      <c r="KL32" s="62">
        <v>28</v>
      </c>
      <c r="KM32" s="63">
        <v>37</v>
      </c>
    </row>
    <row r="33" spans="2:299" ht="21" customHeight="1" x14ac:dyDescent="0.2">
      <c r="B33" s="437" t="s">
        <v>30</v>
      </c>
      <c r="C33" s="287">
        <v>2</v>
      </c>
      <c r="D33" s="72">
        <v>1</v>
      </c>
      <c r="E33" s="73">
        <v>3</v>
      </c>
      <c r="F33" s="443">
        <v>0</v>
      </c>
      <c r="G33" s="72">
        <v>6</v>
      </c>
      <c r="H33" s="72">
        <v>3</v>
      </c>
      <c r="I33" s="72">
        <v>4</v>
      </c>
      <c r="J33" s="72">
        <v>3</v>
      </c>
      <c r="K33" s="72">
        <v>2</v>
      </c>
      <c r="L33" s="74">
        <v>18</v>
      </c>
      <c r="M33" s="75">
        <v>21</v>
      </c>
      <c r="N33" s="60">
        <v>0</v>
      </c>
      <c r="O33" s="61">
        <v>0</v>
      </c>
      <c r="P33" s="62">
        <v>0</v>
      </c>
      <c r="Q33" s="443">
        <v>0</v>
      </c>
      <c r="R33" s="61">
        <v>0</v>
      </c>
      <c r="S33" s="61">
        <v>0</v>
      </c>
      <c r="T33" s="61">
        <v>0</v>
      </c>
      <c r="U33" s="61">
        <v>1</v>
      </c>
      <c r="V33" s="61">
        <v>0</v>
      </c>
      <c r="W33" s="62">
        <v>1</v>
      </c>
      <c r="X33" s="63">
        <v>1</v>
      </c>
      <c r="Y33" s="60">
        <v>0</v>
      </c>
      <c r="Z33" s="61">
        <v>0</v>
      </c>
      <c r="AA33" s="62">
        <v>0</v>
      </c>
      <c r="AB33" s="443">
        <v>0</v>
      </c>
      <c r="AC33" s="61">
        <v>0</v>
      </c>
      <c r="AD33" s="61">
        <v>0</v>
      </c>
      <c r="AE33" s="61">
        <v>1</v>
      </c>
      <c r="AF33" s="61">
        <v>0</v>
      </c>
      <c r="AG33" s="61">
        <v>0</v>
      </c>
      <c r="AH33" s="62">
        <v>1</v>
      </c>
      <c r="AI33" s="63">
        <v>1</v>
      </c>
      <c r="AJ33" s="60">
        <v>0</v>
      </c>
      <c r="AK33" s="61">
        <v>0</v>
      </c>
      <c r="AL33" s="62">
        <v>0</v>
      </c>
      <c r="AM33" s="443">
        <v>0</v>
      </c>
      <c r="AN33" s="61">
        <v>1</v>
      </c>
      <c r="AO33" s="61">
        <v>0</v>
      </c>
      <c r="AP33" s="61">
        <v>0</v>
      </c>
      <c r="AQ33" s="61">
        <v>0</v>
      </c>
      <c r="AR33" s="61">
        <v>0</v>
      </c>
      <c r="AS33" s="62">
        <v>1</v>
      </c>
      <c r="AT33" s="63">
        <v>1</v>
      </c>
      <c r="AU33" s="60">
        <v>0</v>
      </c>
      <c r="AV33" s="61">
        <v>0</v>
      </c>
      <c r="AW33" s="62">
        <v>0</v>
      </c>
      <c r="AX33" s="443">
        <v>0</v>
      </c>
      <c r="AY33" s="61">
        <v>3</v>
      </c>
      <c r="AZ33" s="61">
        <v>1</v>
      </c>
      <c r="BA33" s="61">
        <v>0</v>
      </c>
      <c r="BB33" s="61">
        <v>0</v>
      </c>
      <c r="BC33" s="61">
        <v>0</v>
      </c>
      <c r="BD33" s="62">
        <v>4</v>
      </c>
      <c r="BE33" s="63">
        <v>4</v>
      </c>
      <c r="BF33" s="60">
        <v>0</v>
      </c>
      <c r="BG33" s="61">
        <v>0</v>
      </c>
      <c r="BH33" s="62">
        <v>0</v>
      </c>
      <c r="BI33" s="443">
        <v>0</v>
      </c>
      <c r="BJ33" s="61">
        <v>1</v>
      </c>
      <c r="BK33" s="61">
        <v>1</v>
      </c>
      <c r="BL33" s="61">
        <v>3</v>
      </c>
      <c r="BM33" s="61">
        <v>0</v>
      </c>
      <c r="BN33" s="61">
        <v>1</v>
      </c>
      <c r="BO33" s="62">
        <v>6</v>
      </c>
      <c r="BP33" s="63">
        <v>6</v>
      </c>
      <c r="BQ33" s="60">
        <v>2</v>
      </c>
      <c r="BR33" s="61">
        <v>1</v>
      </c>
      <c r="BS33" s="62">
        <v>3</v>
      </c>
      <c r="BT33" s="443">
        <v>0</v>
      </c>
      <c r="BU33" s="61">
        <v>1</v>
      </c>
      <c r="BV33" s="61">
        <v>1</v>
      </c>
      <c r="BW33" s="61">
        <v>0</v>
      </c>
      <c r="BX33" s="61">
        <v>2</v>
      </c>
      <c r="BY33" s="61">
        <v>1</v>
      </c>
      <c r="BZ33" s="62">
        <v>5</v>
      </c>
      <c r="CA33" s="63">
        <v>8</v>
      </c>
      <c r="CB33" s="60">
        <v>0</v>
      </c>
      <c r="CC33" s="61">
        <v>0</v>
      </c>
      <c r="CD33" s="62">
        <v>0</v>
      </c>
      <c r="CE33" s="443">
        <v>0</v>
      </c>
      <c r="CF33" s="61">
        <v>0</v>
      </c>
      <c r="CG33" s="61">
        <v>0</v>
      </c>
      <c r="CH33" s="61">
        <v>0</v>
      </c>
      <c r="CI33" s="61">
        <v>0</v>
      </c>
      <c r="CJ33" s="61">
        <v>0</v>
      </c>
      <c r="CK33" s="62">
        <v>0</v>
      </c>
      <c r="CL33" s="63">
        <v>0</v>
      </c>
      <c r="CM33" s="60">
        <v>2</v>
      </c>
      <c r="CN33" s="61">
        <v>1</v>
      </c>
      <c r="CO33" s="62">
        <v>3</v>
      </c>
      <c r="CP33" s="443">
        <v>0</v>
      </c>
      <c r="CQ33" s="61">
        <v>6</v>
      </c>
      <c r="CR33" s="61">
        <v>3</v>
      </c>
      <c r="CS33" s="61">
        <v>4</v>
      </c>
      <c r="CT33" s="61">
        <v>3</v>
      </c>
      <c r="CU33" s="61">
        <v>2</v>
      </c>
      <c r="CV33" s="62">
        <v>18</v>
      </c>
      <c r="CW33" s="63">
        <v>21</v>
      </c>
      <c r="CX33" s="113">
        <v>0</v>
      </c>
      <c r="CY33" s="72">
        <v>2</v>
      </c>
      <c r="CZ33" s="73">
        <v>2</v>
      </c>
      <c r="DA33" s="443">
        <v>0</v>
      </c>
      <c r="DB33" s="72">
        <v>2</v>
      </c>
      <c r="DC33" s="72">
        <v>1</v>
      </c>
      <c r="DD33" s="72">
        <v>2</v>
      </c>
      <c r="DE33" s="72">
        <v>0</v>
      </c>
      <c r="DF33" s="72">
        <v>0</v>
      </c>
      <c r="DG33" s="74">
        <v>5</v>
      </c>
      <c r="DH33" s="75">
        <v>7</v>
      </c>
      <c r="DI33" s="60">
        <v>0</v>
      </c>
      <c r="DJ33" s="61">
        <v>0</v>
      </c>
      <c r="DK33" s="62">
        <v>0</v>
      </c>
      <c r="DL33" s="443">
        <v>0</v>
      </c>
      <c r="DM33" s="61">
        <v>0</v>
      </c>
      <c r="DN33" s="61">
        <v>0</v>
      </c>
      <c r="DO33" s="61">
        <v>0</v>
      </c>
      <c r="DP33" s="61">
        <v>0</v>
      </c>
      <c r="DQ33" s="61">
        <v>0</v>
      </c>
      <c r="DR33" s="62">
        <v>0</v>
      </c>
      <c r="DS33" s="63">
        <v>0</v>
      </c>
      <c r="DT33" s="60">
        <v>0</v>
      </c>
      <c r="DU33" s="61">
        <v>0</v>
      </c>
      <c r="DV33" s="62">
        <v>0</v>
      </c>
      <c r="DW33" s="443">
        <v>0</v>
      </c>
      <c r="DX33" s="61">
        <v>0</v>
      </c>
      <c r="DY33" s="61">
        <v>0</v>
      </c>
      <c r="DZ33" s="61">
        <v>1</v>
      </c>
      <c r="EA33" s="61">
        <v>0</v>
      </c>
      <c r="EB33" s="61">
        <v>0</v>
      </c>
      <c r="EC33" s="62">
        <v>1</v>
      </c>
      <c r="ED33" s="63">
        <v>1</v>
      </c>
      <c r="EE33" s="60">
        <v>0</v>
      </c>
      <c r="EF33" s="61">
        <v>0</v>
      </c>
      <c r="EG33" s="62">
        <v>0</v>
      </c>
      <c r="EH33" s="443">
        <v>0</v>
      </c>
      <c r="EI33" s="61">
        <v>0</v>
      </c>
      <c r="EJ33" s="61">
        <v>0</v>
      </c>
      <c r="EK33" s="61">
        <v>0</v>
      </c>
      <c r="EL33" s="61">
        <v>0</v>
      </c>
      <c r="EM33" s="61">
        <v>0</v>
      </c>
      <c r="EN33" s="62">
        <v>0</v>
      </c>
      <c r="EO33" s="63">
        <v>0</v>
      </c>
      <c r="EP33" s="60">
        <v>0</v>
      </c>
      <c r="EQ33" s="61">
        <v>1</v>
      </c>
      <c r="ER33" s="62">
        <v>1</v>
      </c>
      <c r="ES33" s="443">
        <v>0</v>
      </c>
      <c r="ET33" s="61">
        <v>0</v>
      </c>
      <c r="EU33" s="61">
        <v>0</v>
      </c>
      <c r="EV33" s="61">
        <v>0</v>
      </c>
      <c r="EW33" s="61">
        <v>0</v>
      </c>
      <c r="EX33" s="61">
        <v>0</v>
      </c>
      <c r="EY33" s="62">
        <v>0</v>
      </c>
      <c r="EZ33" s="63">
        <v>1</v>
      </c>
      <c r="FA33" s="60">
        <v>0</v>
      </c>
      <c r="FB33" s="61">
        <v>0</v>
      </c>
      <c r="FC33" s="62">
        <v>0</v>
      </c>
      <c r="FD33" s="443">
        <v>0</v>
      </c>
      <c r="FE33" s="61">
        <v>2</v>
      </c>
      <c r="FF33" s="61">
        <v>0</v>
      </c>
      <c r="FG33" s="61">
        <v>0</v>
      </c>
      <c r="FH33" s="61">
        <v>0</v>
      </c>
      <c r="FI33" s="61">
        <v>0</v>
      </c>
      <c r="FJ33" s="62">
        <v>2</v>
      </c>
      <c r="FK33" s="63">
        <v>2</v>
      </c>
      <c r="FL33" s="60">
        <v>0</v>
      </c>
      <c r="FM33" s="61">
        <v>1</v>
      </c>
      <c r="FN33" s="62">
        <v>1</v>
      </c>
      <c r="FO33" s="443">
        <v>0</v>
      </c>
      <c r="FP33" s="61">
        <v>0</v>
      </c>
      <c r="FQ33" s="61">
        <v>1</v>
      </c>
      <c r="FR33" s="61">
        <v>1</v>
      </c>
      <c r="FS33" s="61">
        <v>0</v>
      </c>
      <c r="FT33" s="61">
        <v>0</v>
      </c>
      <c r="FU33" s="62">
        <v>2</v>
      </c>
      <c r="FV33" s="63">
        <v>3</v>
      </c>
      <c r="FW33" s="60">
        <v>0</v>
      </c>
      <c r="FX33" s="61">
        <v>0</v>
      </c>
      <c r="FY33" s="62">
        <v>0</v>
      </c>
      <c r="FZ33" s="443">
        <v>0</v>
      </c>
      <c r="GA33" s="61">
        <v>0</v>
      </c>
      <c r="GB33" s="61">
        <v>0</v>
      </c>
      <c r="GC33" s="61">
        <v>0</v>
      </c>
      <c r="GD33" s="61">
        <v>0</v>
      </c>
      <c r="GE33" s="61">
        <v>0</v>
      </c>
      <c r="GF33" s="62">
        <v>0</v>
      </c>
      <c r="GG33" s="63">
        <v>0</v>
      </c>
      <c r="GH33" s="60">
        <v>0</v>
      </c>
      <c r="GI33" s="61">
        <v>2</v>
      </c>
      <c r="GJ33" s="62">
        <v>2</v>
      </c>
      <c r="GK33" s="443">
        <v>0</v>
      </c>
      <c r="GL33" s="61">
        <v>2</v>
      </c>
      <c r="GM33" s="61">
        <v>1</v>
      </c>
      <c r="GN33" s="61">
        <v>2</v>
      </c>
      <c r="GO33" s="61">
        <v>0</v>
      </c>
      <c r="GP33" s="61">
        <v>0</v>
      </c>
      <c r="GQ33" s="62">
        <v>5</v>
      </c>
      <c r="GR33" s="63">
        <v>7</v>
      </c>
      <c r="GS33" s="113">
        <v>2</v>
      </c>
      <c r="GT33" s="72">
        <v>3</v>
      </c>
      <c r="GU33" s="73">
        <v>5</v>
      </c>
      <c r="GV33" s="443">
        <v>0</v>
      </c>
      <c r="GW33" s="72">
        <v>8</v>
      </c>
      <c r="GX33" s="72">
        <v>4</v>
      </c>
      <c r="GY33" s="72">
        <v>6</v>
      </c>
      <c r="GZ33" s="72">
        <v>3</v>
      </c>
      <c r="HA33" s="72">
        <v>2</v>
      </c>
      <c r="HB33" s="74">
        <v>23</v>
      </c>
      <c r="HC33" s="75">
        <v>28</v>
      </c>
      <c r="HD33" s="60">
        <v>0</v>
      </c>
      <c r="HE33" s="61">
        <v>0</v>
      </c>
      <c r="HF33" s="62">
        <v>0</v>
      </c>
      <c r="HG33" s="443">
        <v>0</v>
      </c>
      <c r="HH33" s="61">
        <v>0</v>
      </c>
      <c r="HI33" s="61">
        <v>0</v>
      </c>
      <c r="HJ33" s="61">
        <v>0</v>
      </c>
      <c r="HK33" s="61">
        <v>1</v>
      </c>
      <c r="HL33" s="61">
        <v>0</v>
      </c>
      <c r="HM33" s="62">
        <v>1</v>
      </c>
      <c r="HN33" s="63">
        <v>1</v>
      </c>
      <c r="HO33" s="60">
        <v>0</v>
      </c>
      <c r="HP33" s="61">
        <v>0</v>
      </c>
      <c r="HQ33" s="62">
        <v>0</v>
      </c>
      <c r="HR33" s="443">
        <v>0</v>
      </c>
      <c r="HS33" s="61">
        <v>0</v>
      </c>
      <c r="HT33" s="61">
        <v>0</v>
      </c>
      <c r="HU33" s="61">
        <v>2</v>
      </c>
      <c r="HV33" s="61">
        <v>0</v>
      </c>
      <c r="HW33" s="61">
        <v>0</v>
      </c>
      <c r="HX33" s="62">
        <v>2</v>
      </c>
      <c r="HY33" s="63">
        <v>2</v>
      </c>
      <c r="HZ33" s="60">
        <v>0</v>
      </c>
      <c r="IA33" s="61">
        <v>0</v>
      </c>
      <c r="IB33" s="62">
        <v>0</v>
      </c>
      <c r="IC33" s="443">
        <v>0</v>
      </c>
      <c r="ID33" s="61">
        <v>1</v>
      </c>
      <c r="IE33" s="61">
        <v>0</v>
      </c>
      <c r="IF33" s="61">
        <v>0</v>
      </c>
      <c r="IG33" s="61">
        <v>0</v>
      </c>
      <c r="IH33" s="61">
        <v>0</v>
      </c>
      <c r="II33" s="62">
        <v>1</v>
      </c>
      <c r="IJ33" s="63">
        <v>1</v>
      </c>
      <c r="IK33" s="60">
        <v>0</v>
      </c>
      <c r="IL33" s="61">
        <v>1</v>
      </c>
      <c r="IM33" s="62">
        <v>1</v>
      </c>
      <c r="IN33" s="443">
        <v>0</v>
      </c>
      <c r="IO33" s="61">
        <v>3</v>
      </c>
      <c r="IP33" s="61">
        <v>1</v>
      </c>
      <c r="IQ33" s="61">
        <v>0</v>
      </c>
      <c r="IR33" s="61">
        <v>0</v>
      </c>
      <c r="IS33" s="61">
        <v>0</v>
      </c>
      <c r="IT33" s="62">
        <v>4</v>
      </c>
      <c r="IU33" s="63">
        <v>5</v>
      </c>
      <c r="IV33" s="60">
        <v>0</v>
      </c>
      <c r="IW33" s="61">
        <v>0</v>
      </c>
      <c r="IX33" s="62">
        <v>0</v>
      </c>
      <c r="IY33" s="443">
        <v>0</v>
      </c>
      <c r="IZ33" s="61">
        <v>3</v>
      </c>
      <c r="JA33" s="61">
        <v>1</v>
      </c>
      <c r="JB33" s="61">
        <v>3</v>
      </c>
      <c r="JC33" s="61">
        <v>0</v>
      </c>
      <c r="JD33" s="61">
        <v>1</v>
      </c>
      <c r="JE33" s="62">
        <v>8</v>
      </c>
      <c r="JF33" s="63">
        <v>8</v>
      </c>
      <c r="JG33" s="60">
        <v>2</v>
      </c>
      <c r="JH33" s="61">
        <v>2</v>
      </c>
      <c r="JI33" s="62">
        <v>4</v>
      </c>
      <c r="JJ33" s="443">
        <v>0</v>
      </c>
      <c r="JK33" s="61">
        <v>1</v>
      </c>
      <c r="JL33" s="61">
        <v>2</v>
      </c>
      <c r="JM33" s="61">
        <v>1</v>
      </c>
      <c r="JN33" s="61">
        <v>2</v>
      </c>
      <c r="JO33" s="61">
        <v>1</v>
      </c>
      <c r="JP33" s="62">
        <v>7</v>
      </c>
      <c r="JQ33" s="63">
        <v>11</v>
      </c>
      <c r="JR33" s="60">
        <v>0</v>
      </c>
      <c r="JS33" s="61">
        <v>0</v>
      </c>
      <c r="JT33" s="62">
        <v>0</v>
      </c>
      <c r="JU33" s="443">
        <v>0</v>
      </c>
      <c r="JV33" s="61">
        <v>0</v>
      </c>
      <c r="JW33" s="61">
        <v>0</v>
      </c>
      <c r="JX33" s="61">
        <v>0</v>
      </c>
      <c r="JY33" s="61">
        <v>0</v>
      </c>
      <c r="JZ33" s="61">
        <v>0</v>
      </c>
      <c r="KA33" s="62">
        <v>0</v>
      </c>
      <c r="KB33" s="63">
        <v>0</v>
      </c>
      <c r="KC33" s="60">
        <v>2</v>
      </c>
      <c r="KD33" s="61">
        <v>3</v>
      </c>
      <c r="KE33" s="62">
        <v>5</v>
      </c>
      <c r="KF33" s="443">
        <v>0</v>
      </c>
      <c r="KG33" s="61">
        <v>8</v>
      </c>
      <c r="KH33" s="61">
        <v>4</v>
      </c>
      <c r="KI33" s="61">
        <v>6</v>
      </c>
      <c r="KJ33" s="61">
        <v>3</v>
      </c>
      <c r="KK33" s="61">
        <v>2</v>
      </c>
      <c r="KL33" s="62">
        <v>23</v>
      </c>
      <c r="KM33" s="63">
        <v>28</v>
      </c>
    </row>
    <row r="34" spans="2:299" ht="21" customHeight="1" x14ac:dyDescent="0.2">
      <c r="B34" s="437" t="s">
        <v>31</v>
      </c>
      <c r="C34" s="287">
        <v>3</v>
      </c>
      <c r="D34" s="72">
        <v>5</v>
      </c>
      <c r="E34" s="73">
        <v>8</v>
      </c>
      <c r="F34" s="443">
        <v>0</v>
      </c>
      <c r="G34" s="72">
        <v>7</v>
      </c>
      <c r="H34" s="72">
        <v>6</v>
      </c>
      <c r="I34" s="72">
        <v>8</v>
      </c>
      <c r="J34" s="72">
        <v>1</v>
      </c>
      <c r="K34" s="72">
        <v>4</v>
      </c>
      <c r="L34" s="74">
        <v>26</v>
      </c>
      <c r="M34" s="75">
        <v>34</v>
      </c>
      <c r="N34" s="60">
        <v>0</v>
      </c>
      <c r="O34" s="61">
        <v>0</v>
      </c>
      <c r="P34" s="62">
        <v>0</v>
      </c>
      <c r="Q34" s="443">
        <v>0</v>
      </c>
      <c r="R34" s="61">
        <v>0</v>
      </c>
      <c r="S34" s="61">
        <v>3</v>
      </c>
      <c r="T34" s="61">
        <v>0</v>
      </c>
      <c r="U34" s="61">
        <v>0</v>
      </c>
      <c r="V34" s="61">
        <v>0</v>
      </c>
      <c r="W34" s="62">
        <v>3</v>
      </c>
      <c r="X34" s="63">
        <v>3</v>
      </c>
      <c r="Y34" s="60">
        <v>1</v>
      </c>
      <c r="Z34" s="61">
        <v>0</v>
      </c>
      <c r="AA34" s="62">
        <v>1</v>
      </c>
      <c r="AB34" s="443">
        <v>0</v>
      </c>
      <c r="AC34" s="61">
        <v>2</v>
      </c>
      <c r="AD34" s="61">
        <v>0</v>
      </c>
      <c r="AE34" s="61">
        <v>2</v>
      </c>
      <c r="AF34" s="61">
        <v>1</v>
      </c>
      <c r="AG34" s="61">
        <v>2</v>
      </c>
      <c r="AH34" s="62">
        <v>7</v>
      </c>
      <c r="AI34" s="63">
        <v>8</v>
      </c>
      <c r="AJ34" s="60">
        <v>0</v>
      </c>
      <c r="AK34" s="61">
        <v>1</v>
      </c>
      <c r="AL34" s="62">
        <v>1</v>
      </c>
      <c r="AM34" s="443">
        <v>0</v>
      </c>
      <c r="AN34" s="61">
        <v>1</v>
      </c>
      <c r="AO34" s="61">
        <v>1</v>
      </c>
      <c r="AP34" s="61">
        <v>1</v>
      </c>
      <c r="AQ34" s="61">
        <v>0</v>
      </c>
      <c r="AR34" s="61">
        <v>0</v>
      </c>
      <c r="AS34" s="62">
        <v>3</v>
      </c>
      <c r="AT34" s="63">
        <v>4</v>
      </c>
      <c r="AU34" s="60">
        <v>1</v>
      </c>
      <c r="AV34" s="61">
        <v>1</v>
      </c>
      <c r="AW34" s="62">
        <v>2</v>
      </c>
      <c r="AX34" s="443">
        <v>0</v>
      </c>
      <c r="AY34" s="61">
        <v>0</v>
      </c>
      <c r="AZ34" s="61">
        <v>0</v>
      </c>
      <c r="BA34" s="61">
        <v>0</v>
      </c>
      <c r="BB34" s="61">
        <v>0</v>
      </c>
      <c r="BC34" s="61">
        <v>0</v>
      </c>
      <c r="BD34" s="62">
        <v>0</v>
      </c>
      <c r="BE34" s="63">
        <v>2</v>
      </c>
      <c r="BF34" s="60">
        <v>0</v>
      </c>
      <c r="BG34" s="61">
        <v>2</v>
      </c>
      <c r="BH34" s="62">
        <v>2</v>
      </c>
      <c r="BI34" s="443">
        <v>0</v>
      </c>
      <c r="BJ34" s="61">
        <v>2</v>
      </c>
      <c r="BK34" s="61">
        <v>0</v>
      </c>
      <c r="BL34" s="61">
        <v>2</v>
      </c>
      <c r="BM34" s="61">
        <v>0</v>
      </c>
      <c r="BN34" s="61">
        <v>1</v>
      </c>
      <c r="BO34" s="62">
        <v>5</v>
      </c>
      <c r="BP34" s="63">
        <v>7</v>
      </c>
      <c r="BQ34" s="60">
        <v>1</v>
      </c>
      <c r="BR34" s="61">
        <v>1</v>
      </c>
      <c r="BS34" s="62">
        <v>2</v>
      </c>
      <c r="BT34" s="443">
        <v>0</v>
      </c>
      <c r="BU34" s="61">
        <v>2</v>
      </c>
      <c r="BV34" s="61">
        <v>2</v>
      </c>
      <c r="BW34" s="61">
        <v>3</v>
      </c>
      <c r="BX34" s="61">
        <v>0</v>
      </c>
      <c r="BY34" s="61">
        <v>1</v>
      </c>
      <c r="BZ34" s="62">
        <v>8</v>
      </c>
      <c r="CA34" s="63">
        <v>10</v>
      </c>
      <c r="CB34" s="60">
        <v>0</v>
      </c>
      <c r="CC34" s="61">
        <v>0</v>
      </c>
      <c r="CD34" s="62">
        <v>0</v>
      </c>
      <c r="CE34" s="443">
        <v>0</v>
      </c>
      <c r="CF34" s="61">
        <v>0</v>
      </c>
      <c r="CG34" s="61">
        <v>0</v>
      </c>
      <c r="CH34" s="61">
        <v>0</v>
      </c>
      <c r="CI34" s="61">
        <v>0</v>
      </c>
      <c r="CJ34" s="61">
        <v>0</v>
      </c>
      <c r="CK34" s="62">
        <v>0</v>
      </c>
      <c r="CL34" s="63">
        <v>0</v>
      </c>
      <c r="CM34" s="60">
        <v>3</v>
      </c>
      <c r="CN34" s="61">
        <v>5</v>
      </c>
      <c r="CO34" s="62">
        <v>8</v>
      </c>
      <c r="CP34" s="443">
        <v>0</v>
      </c>
      <c r="CQ34" s="61">
        <v>7</v>
      </c>
      <c r="CR34" s="61">
        <v>6</v>
      </c>
      <c r="CS34" s="61">
        <v>8</v>
      </c>
      <c r="CT34" s="61">
        <v>1</v>
      </c>
      <c r="CU34" s="61">
        <v>4</v>
      </c>
      <c r="CV34" s="62">
        <v>26</v>
      </c>
      <c r="CW34" s="63">
        <v>34</v>
      </c>
      <c r="CX34" s="113">
        <v>1</v>
      </c>
      <c r="CY34" s="72">
        <v>1</v>
      </c>
      <c r="CZ34" s="73">
        <v>2</v>
      </c>
      <c r="DA34" s="443">
        <v>0</v>
      </c>
      <c r="DB34" s="72">
        <v>1</v>
      </c>
      <c r="DC34" s="72">
        <v>2</v>
      </c>
      <c r="DD34" s="72">
        <v>2</v>
      </c>
      <c r="DE34" s="72">
        <v>1</v>
      </c>
      <c r="DF34" s="72">
        <v>0</v>
      </c>
      <c r="DG34" s="74">
        <v>6</v>
      </c>
      <c r="DH34" s="75">
        <v>8</v>
      </c>
      <c r="DI34" s="60">
        <v>0</v>
      </c>
      <c r="DJ34" s="61">
        <v>0</v>
      </c>
      <c r="DK34" s="62">
        <v>0</v>
      </c>
      <c r="DL34" s="443">
        <v>0</v>
      </c>
      <c r="DM34" s="61">
        <v>0</v>
      </c>
      <c r="DN34" s="61">
        <v>0</v>
      </c>
      <c r="DO34" s="61">
        <v>0</v>
      </c>
      <c r="DP34" s="61">
        <v>0</v>
      </c>
      <c r="DQ34" s="61">
        <v>0</v>
      </c>
      <c r="DR34" s="62">
        <v>0</v>
      </c>
      <c r="DS34" s="63">
        <v>0</v>
      </c>
      <c r="DT34" s="60">
        <v>0</v>
      </c>
      <c r="DU34" s="61">
        <v>0</v>
      </c>
      <c r="DV34" s="62">
        <v>0</v>
      </c>
      <c r="DW34" s="443">
        <v>0</v>
      </c>
      <c r="DX34" s="61">
        <v>0</v>
      </c>
      <c r="DY34" s="61">
        <v>0</v>
      </c>
      <c r="DZ34" s="61">
        <v>0</v>
      </c>
      <c r="EA34" s="61">
        <v>0</v>
      </c>
      <c r="EB34" s="61">
        <v>0</v>
      </c>
      <c r="EC34" s="62">
        <v>0</v>
      </c>
      <c r="ED34" s="63">
        <v>0</v>
      </c>
      <c r="EE34" s="60">
        <v>0</v>
      </c>
      <c r="EF34" s="61">
        <v>0</v>
      </c>
      <c r="EG34" s="62">
        <v>0</v>
      </c>
      <c r="EH34" s="443">
        <v>0</v>
      </c>
      <c r="EI34" s="61">
        <v>0</v>
      </c>
      <c r="EJ34" s="61">
        <v>0</v>
      </c>
      <c r="EK34" s="61">
        <v>0</v>
      </c>
      <c r="EL34" s="61">
        <v>1</v>
      </c>
      <c r="EM34" s="61">
        <v>0</v>
      </c>
      <c r="EN34" s="62">
        <v>1</v>
      </c>
      <c r="EO34" s="63">
        <v>1</v>
      </c>
      <c r="EP34" s="60">
        <v>0</v>
      </c>
      <c r="EQ34" s="61">
        <v>0</v>
      </c>
      <c r="ER34" s="62">
        <v>0</v>
      </c>
      <c r="ES34" s="443">
        <v>0</v>
      </c>
      <c r="ET34" s="61">
        <v>1</v>
      </c>
      <c r="EU34" s="61">
        <v>0</v>
      </c>
      <c r="EV34" s="61">
        <v>1</v>
      </c>
      <c r="EW34" s="61">
        <v>0</v>
      </c>
      <c r="EX34" s="61">
        <v>0</v>
      </c>
      <c r="EY34" s="62">
        <v>2</v>
      </c>
      <c r="EZ34" s="63">
        <v>2</v>
      </c>
      <c r="FA34" s="60">
        <v>1</v>
      </c>
      <c r="FB34" s="61">
        <v>1</v>
      </c>
      <c r="FC34" s="62">
        <v>2</v>
      </c>
      <c r="FD34" s="443">
        <v>0</v>
      </c>
      <c r="FE34" s="61">
        <v>0</v>
      </c>
      <c r="FF34" s="61">
        <v>0</v>
      </c>
      <c r="FG34" s="61">
        <v>0</v>
      </c>
      <c r="FH34" s="61">
        <v>0</v>
      </c>
      <c r="FI34" s="61">
        <v>0</v>
      </c>
      <c r="FJ34" s="62">
        <v>0</v>
      </c>
      <c r="FK34" s="63">
        <v>2</v>
      </c>
      <c r="FL34" s="60">
        <v>0</v>
      </c>
      <c r="FM34" s="61">
        <v>0</v>
      </c>
      <c r="FN34" s="62">
        <v>0</v>
      </c>
      <c r="FO34" s="443">
        <v>0</v>
      </c>
      <c r="FP34" s="61">
        <v>0</v>
      </c>
      <c r="FQ34" s="61">
        <v>2</v>
      </c>
      <c r="FR34" s="61">
        <v>1</v>
      </c>
      <c r="FS34" s="61">
        <v>0</v>
      </c>
      <c r="FT34" s="61">
        <v>0</v>
      </c>
      <c r="FU34" s="62">
        <v>3</v>
      </c>
      <c r="FV34" s="63">
        <v>3</v>
      </c>
      <c r="FW34" s="60">
        <v>0</v>
      </c>
      <c r="FX34" s="61">
        <v>0</v>
      </c>
      <c r="FY34" s="62">
        <v>0</v>
      </c>
      <c r="FZ34" s="443">
        <v>0</v>
      </c>
      <c r="GA34" s="61">
        <v>0</v>
      </c>
      <c r="GB34" s="61">
        <v>0</v>
      </c>
      <c r="GC34" s="61">
        <v>0</v>
      </c>
      <c r="GD34" s="61">
        <v>0</v>
      </c>
      <c r="GE34" s="61">
        <v>0</v>
      </c>
      <c r="GF34" s="62">
        <v>0</v>
      </c>
      <c r="GG34" s="63">
        <v>0</v>
      </c>
      <c r="GH34" s="60">
        <v>1</v>
      </c>
      <c r="GI34" s="61">
        <v>1</v>
      </c>
      <c r="GJ34" s="62">
        <v>2</v>
      </c>
      <c r="GK34" s="443">
        <v>0</v>
      </c>
      <c r="GL34" s="61">
        <v>1</v>
      </c>
      <c r="GM34" s="61">
        <v>2</v>
      </c>
      <c r="GN34" s="61">
        <v>2</v>
      </c>
      <c r="GO34" s="61">
        <v>1</v>
      </c>
      <c r="GP34" s="61">
        <v>0</v>
      </c>
      <c r="GQ34" s="62">
        <v>6</v>
      </c>
      <c r="GR34" s="63">
        <v>8</v>
      </c>
      <c r="GS34" s="113">
        <v>4</v>
      </c>
      <c r="GT34" s="72">
        <v>6</v>
      </c>
      <c r="GU34" s="73">
        <v>10</v>
      </c>
      <c r="GV34" s="443">
        <v>0</v>
      </c>
      <c r="GW34" s="72">
        <v>8</v>
      </c>
      <c r="GX34" s="72">
        <v>8</v>
      </c>
      <c r="GY34" s="72">
        <v>10</v>
      </c>
      <c r="GZ34" s="72">
        <v>2</v>
      </c>
      <c r="HA34" s="72">
        <v>4</v>
      </c>
      <c r="HB34" s="74">
        <v>32</v>
      </c>
      <c r="HC34" s="75">
        <v>42</v>
      </c>
      <c r="HD34" s="60">
        <v>0</v>
      </c>
      <c r="HE34" s="61">
        <v>0</v>
      </c>
      <c r="HF34" s="62">
        <v>0</v>
      </c>
      <c r="HG34" s="443">
        <v>0</v>
      </c>
      <c r="HH34" s="61">
        <v>0</v>
      </c>
      <c r="HI34" s="61">
        <v>3</v>
      </c>
      <c r="HJ34" s="61">
        <v>0</v>
      </c>
      <c r="HK34" s="61">
        <v>0</v>
      </c>
      <c r="HL34" s="61">
        <v>0</v>
      </c>
      <c r="HM34" s="62">
        <v>3</v>
      </c>
      <c r="HN34" s="63">
        <v>3</v>
      </c>
      <c r="HO34" s="60">
        <v>1</v>
      </c>
      <c r="HP34" s="61">
        <v>0</v>
      </c>
      <c r="HQ34" s="62">
        <v>1</v>
      </c>
      <c r="HR34" s="443">
        <v>0</v>
      </c>
      <c r="HS34" s="61">
        <v>2</v>
      </c>
      <c r="HT34" s="61">
        <v>0</v>
      </c>
      <c r="HU34" s="61">
        <v>2</v>
      </c>
      <c r="HV34" s="61">
        <v>1</v>
      </c>
      <c r="HW34" s="61">
        <v>2</v>
      </c>
      <c r="HX34" s="62">
        <v>7</v>
      </c>
      <c r="HY34" s="63">
        <v>8</v>
      </c>
      <c r="HZ34" s="60">
        <v>0</v>
      </c>
      <c r="IA34" s="61">
        <v>1</v>
      </c>
      <c r="IB34" s="62">
        <v>1</v>
      </c>
      <c r="IC34" s="443">
        <v>0</v>
      </c>
      <c r="ID34" s="61">
        <v>1</v>
      </c>
      <c r="IE34" s="61">
        <v>1</v>
      </c>
      <c r="IF34" s="61">
        <v>1</v>
      </c>
      <c r="IG34" s="61">
        <v>1</v>
      </c>
      <c r="IH34" s="61">
        <v>0</v>
      </c>
      <c r="II34" s="62">
        <v>4</v>
      </c>
      <c r="IJ34" s="63">
        <v>5</v>
      </c>
      <c r="IK34" s="60">
        <v>1</v>
      </c>
      <c r="IL34" s="61">
        <v>1</v>
      </c>
      <c r="IM34" s="62">
        <v>2</v>
      </c>
      <c r="IN34" s="443">
        <v>0</v>
      </c>
      <c r="IO34" s="61">
        <v>1</v>
      </c>
      <c r="IP34" s="61">
        <v>0</v>
      </c>
      <c r="IQ34" s="61">
        <v>1</v>
      </c>
      <c r="IR34" s="61">
        <v>0</v>
      </c>
      <c r="IS34" s="61">
        <v>0</v>
      </c>
      <c r="IT34" s="62">
        <v>2</v>
      </c>
      <c r="IU34" s="63">
        <v>4</v>
      </c>
      <c r="IV34" s="60">
        <v>1</v>
      </c>
      <c r="IW34" s="61">
        <v>3</v>
      </c>
      <c r="IX34" s="62">
        <v>4</v>
      </c>
      <c r="IY34" s="443">
        <v>0</v>
      </c>
      <c r="IZ34" s="61">
        <v>2</v>
      </c>
      <c r="JA34" s="61">
        <v>0</v>
      </c>
      <c r="JB34" s="61">
        <v>2</v>
      </c>
      <c r="JC34" s="61">
        <v>0</v>
      </c>
      <c r="JD34" s="61">
        <v>1</v>
      </c>
      <c r="JE34" s="62">
        <v>5</v>
      </c>
      <c r="JF34" s="63">
        <v>9</v>
      </c>
      <c r="JG34" s="60">
        <v>1</v>
      </c>
      <c r="JH34" s="61">
        <v>1</v>
      </c>
      <c r="JI34" s="62">
        <v>2</v>
      </c>
      <c r="JJ34" s="443">
        <v>0</v>
      </c>
      <c r="JK34" s="61">
        <v>2</v>
      </c>
      <c r="JL34" s="61">
        <v>4</v>
      </c>
      <c r="JM34" s="61">
        <v>4</v>
      </c>
      <c r="JN34" s="61">
        <v>0</v>
      </c>
      <c r="JO34" s="61">
        <v>1</v>
      </c>
      <c r="JP34" s="62">
        <v>11</v>
      </c>
      <c r="JQ34" s="63">
        <v>13</v>
      </c>
      <c r="JR34" s="60">
        <v>0</v>
      </c>
      <c r="JS34" s="61">
        <v>0</v>
      </c>
      <c r="JT34" s="62">
        <v>0</v>
      </c>
      <c r="JU34" s="443">
        <v>0</v>
      </c>
      <c r="JV34" s="61">
        <v>0</v>
      </c>
      <c r="JW34" s="61">
        <v>0</v>
      </c>
      <c r="JX34" s="61">
        <v>0</v>
      </c>
      <c r="JY34" s="61">
        <v>0</v>
      </c>
      <c r="JZ34" s="61">
        <v>0</v>
      </c>
      <c r="KA34" s="62">
        <v>0</v>
      </c>
      <c r="KB34" s="63">
        <v>0</v>
      </c>
      <c r="KC34" s="60">
        <v>4</v>
      </c>
      <c r="KD34" s="61">
        <v>6</v>
      </c>
      <c r="KE34" s="62">
        <v>10</v>
      </c>
      <c r="KF34" s="443">
        <v>0</v>
      </c>
      <c r="KG34" s="61">
        <v>8</v>
      </c>
      <c r="KH34" s="61">
        <v>8</v>
      </c>
      <c r="KI34" s="61">
        <v>10</v>
      </c>
      <c r="KJ34" s="61">
        <v>2</v>
      </c>
      <c r="KK34" s="61">
        <v>4</v>
      </c>
      <c r="KL34" s="62">
        <v>32</v>
      </c>
      <c r="KM34" s="63">
        <v>42</v>
      </c>
    </row>
    <row r="35" spans="2:299" ht="21" customHeight="1" x14ac:dyDescent="0.2">
      <c r="B35" s="437" t="s">
        <v>32</v>
      </c>
      <c r="C35" s="287">
        <v>3</v>
      </c>
      <c r="D35" s="72">
        <v>4</v>
      </c>
      <c r="E35" s="73">
        <v>7</v>
      </c>
      <c r="F35" s="443">
        <v>0</v>
      </c>
      <c r="G35" s="72">
        <v>12</v>
      </c>
      <c r="H35" s="72">
        <v>4</v>
      </c>
      <c r="I35" s="72">
        <v>5</v>
      </c>
      <c r="J35" s="72">
        <v>4</v>
      </c>
      <c r="K35" s="72">
        <v>5</v>
      </c>
      <c r="L35" s="74">
        <v>30</v>
      </c>
      <c r="M35" s="75">
        <v>37</v>
      </c>
      <c r="N35" s="60">
        <v>0</v>
      </c>
      <c r="O35" s="61">
        <v>0</v>
      </c>
      <c r="P35" s="62">
        <v>0</v>
      </c>
      <c r="Q35" s="443">
        <v>0</v>
      </c>
      <c r="R35" s="61">
        <v>0</v>
      </c>
      <c r="S35" s="61">
        <v>0</v>
      </c>
      <c r="T35" s="61">
        <v>0</v>
      </c>
      <c r="U35" s="61">
        <v>0</v>
      </c>
      <c r="V35" s="61">
        <v>0</v>
      </c>
      <c r="W35" s="62">
        <v>0</v>
      </c>
      <c r="X35" s="63">
        <v>0</v>
      </c>
      <c r="Y35" s="60">
        <v>0</v>
      </c>
      <c r="Z35" s="61">
        <v>0</v>
      </c>
      <c r="AA35" s="62">
        <v>0</v>
      </c>
      <c r="AB35" s="443">
        <v>0</v>
      </c>
      <c r="AC35" s="61">
        <v>1</v>
      </c>
      <c r="AD35" s="61">
        <v>1</v>
      </c>
      <c r="AE35" s="61">
        <v>0</v>
      </c>
      <c r="AF35" s="61">
        <v>1</v>
      </c>
      <c r="AG35" s="61">
        <v>2</v>
      </c>
      <c r="AH35" s="62">
        <v>5</v>
      </c>
      <c r="AI35" s="63">
        <v>5</v>
      </c>
      <c r="AJ35" s="60">
        <v>2</v>
      </c>
      <c r="AK35" s="61">
        <v>0</v>
      </c>
      <c r="AL35" s="62">
        <v>2</v>
      </c>
      <c r="AM35" s="443">
        <v>0</v>
      </c>
      <c r="AN35" s="61">
        <v>1</v>
      </c>
      <c r="AO35" s="61">
        <v>0</v>
      </c>
      <c r="AP35" s="61">
        <v>0</v>
      </c>
      <c r="AQ35" s="61">
        <v>1</v>
      </c>
      <c r="AR35" s="61">
        <v>2</v>
      </c>
      <c r="AS35" s="62">
        <v>4</v>
      </c>
      <c r="AT35" s="63">
        <v>6</v>
      </c>
      <c r="AU35" s="60">
        <v>1</v>
      </c>
      <c r="AV35" s="61">
        <v>2</v>
      </c>
      <c r="AW35" s="62">
        <v>3</v>
      </c>
      <c r="AX35" s="443">
        <v>0</v>
      </c>
      <c r="AY35" s="61">
        <v>6</v>
      </c>
      <c r="AZ35" s="61">
        <v>0</v>
      </c>
      <c r="BA35" s="61">
        <v>0</v>
      </c>
      <c r="BB35" s="61">
        <v>0</v>
      </c>
      <c r="BC35" s="61">
        <v>1</v>
      </c>
      <c r="BD35" s="62">
        <v>7</v>
      </c>
      <c r="BE35" s="63">
        <v>10</v>
      </c>
      <c r="BF35" s="60">
        <v>0</v>
      </c>
      <c r="BG35" s="61">
        <v>1</v>
      </c>
      <c r="BH35" s="62">
        <v>1</v>
      </c>
      <c r="BI35" s="443">
        <v>0</v>
      </c>
      <c r="BJ35" s="61">
        <v>2</v>
      </c>
      <c r="BK35" s="61">
        <v>1</v>
      </c>
      <c r="BL35" s="61">
        <v>4</v>
      </c>
      <c r="BM35" s="61">
        <v>1</v>
      </c>
      <c r="BN35" s="61">
        <v>0</v>
      </c>
      <c r="BO35" s="62">
        <v>8</v>
      </c>
      <c r="BP35" s="63">
        <v>9</v>
      </c>
      <c r="BQ35" s="60">
        <v>0</v>
      </c>
      <c r="BR35" s="61">
        <v>1</v>
      </c>
      <c r="BS35" s="62">
        <v>1</v>
      </c>
      <c r="BT35" s="443">
        <v>0</v>
      </c>
      <c r="BU35" s="61">
        <v>2</v>
      </c>
      <c r="BV35" s="61">
        <v>2</v>
      </c>
      <c r="BW35" s="61">
        <v>1</v>
      </c>
      <c r="BX35" s="61">
        <v>1</v>
      </c>
      <c r="BY35" s="61">
        <v>0</v>
      </c>
      <c r="BZ35" s="62">
        <v>6</v>
      </c>
      <c r="CA35" s="63">
        <v>7</v>
      </c>
      <c r="CB35" s="60">
        <v>0</v>
      </c>
      <c r="CC35" s="61">
        <v>0</v>
      </c>
      <c r="CD35" s="62">
        <v>0</v>
      </c>
      <c r="CE35" s="443">
        <v>0</v>
      </c>
      <c r="CF35" s="61">
        <v>0</v>
      </c>
      <c r="CG35" s="61">
        <v>0</v>
      </c>
      <c r="CH35" s="61">
        <v>0</v>
      </c>
      <c r="CI35" s="61">
        <v>0</v>
      </c>
      <c r="CJ35" s="61">
        <v>0</v>
      </c>
      <c r="CK35" s="62">
        <v>0</v>
      </c>
      <c r="CL35" s="63">
        <v>0</v>
      </c>
      <c r="CM35" s="60">
        <v>3</v>
      </c>
      <c r="CN35" s="61">
        <v>4</v>
      </c>
      <c r="CO35" s="62">
        <v>7</v>
      </c>
      <c r="CP35" s="443">
        <v>0</v>
      </c>
      <c r="CQ35" s="61">
        <v>12</v>
      </c>
      <c r="CR35" s="61">
        <v>4</v>
      </c>
      <c r="CS35" s="61">
        <v>5</v>
      </c>
      <c r="CT35" s="61">
        <v>4</v>
      </c>
      <c r="CU35" s="61">
        <v>5</v>
      </c>
      <c r="CV35" s="62">
        <v>30</v>
      </c>
      <c r="CW35" s="63">
        <v>37</v>
      </c>
      <c r="CX35" s="113">
        <v>2</v>
      </c>
      <c r="CY35" s="72">
        <v>0</v>
      </c>
      <c r="CZ35" s="73">
        <v>2</v>
      </c>
      <c r="DA35" s="443">
        <v>0</v>
      </c>
      <c r="DB35" s="72">
        <v>3</v>
      </c>
      <c r="DC35" s="72">
        <v>3</v>
      </c>
      <c r="DD35" s="72">
        <v>1</v>
      </c>
      <c r="DE35" s="72">
        <v>2</v>
      </c>
      <c r="DF35" s="72">
        <v>1</v>
      </c>
      <c r="DG35" s="74">
        <v>10</v>
      </c>
      <c r="DH35" s="75">
        <v>12</v>
      </c>
      <c r="DI35" s="60">
        <v>0</v>
      </c>
      <c r="DJ35" s="61">
        <v>0</v>
      </c>
      <c r="DK35" s="62">
        <v>0</v>
      </c>
      <c r="DL35" s="443">
        <v>0</v>
      </c>
      <c r="DM35" s="61">
        <v>0</v>
      </c>
      <c r="DN35" s="61">
        <v>0</v>
      </c>
      <c r="DO35" s="61">
        <v>0</v>
      </c>
      <c r="DP35" s="61">
        <v>0</v>
      </c>
      <c r="DQ35" s="61">
        <v>0</v>
      </c>
      <c r="DR35" s="62">
        <v>0</v>
      </c>
      <c r="DS35" s="63">
        <v>0</v>
      </c>
      <c r="DT35" s="60">
        <v>0</v>
      </c>
      <c r="DU35" s="61">
        <v>0</v>
      </c>
      <c r="DV35" s="62">
        <v>0</v>
      </c>
      <c r="DW35" s="443">
        <v>0</v>
      </c>
      <c r="DX35" s="61">
        <v>1</v>
      </c>
      <c r="DY35" s="61">
        <v>0</v>
      </c>
      <c r="DZ35" s="61">
        <v>0</v>
      </c>
      <c r="EA35" s="61">
        <v>0</v>
      </c>
      <c r="EB35" s="61">
        <v>0</v>
      </c>
      <c r="EC35" s="62">
        <v>1</v>
      </c>
      <c r="ED35" s="63">
        <v>1</v>
      </c>
      <c r="EE35" s="60">
        <v>0</v>
      </c>
      <c r="EF35" s="61">
        <v>0</v>
      </c>
      <c r="EG35" s="62">
        <v>0</v>
      </c>
      <c r="EH35" s="443">
        <v>0</v>
      </c>
      <c r="EI35" s="61">
        <v>0</v>
      </c>
      <c r="EJ35" s="61">
        <v>0</v>
      </c>
      <c r="EK35" s="61">
        <v>1</v>
      </c>
      <c r="EL35" s="61">
        <v>0</v>
      </c>
      <c r="EM35" s="61">
        <v>0</v>
      </c>
      <c r="EN35" s="62">
        <v>1</v>
      </c>
      <c r="EO35" s="63">
        <v>1</v>
      </c>
      <c r="EP35" s="60">
        <v>1</v>
      </c>
      <c r="EQ35" s="61">
        <v>0</v>
      </c>
      <c r="ER35" s="62">
        <v>1</v>
      </c>
      <c r="ES35" s="443">
        <v>0</v>
      </c>
      <c r="ET35" s="61">
        <v>0</v>
      </c>
      <c r="EU35" s="61">
        <v>0</v>
      </c>
      <c r="EV35" s="61">
        <v>0</v>
      </c>
      <c r="EW35" s="61">
        <v>1</v>
      </c>
      <c r="EX35" s="61">
        <v>0</v>
      </c>
      <c r="EY35" s="62">
        <v>1</v>
      </c>
      <c r="EZ35" s="63">
        <v>2</v>
      </c>
      <c r="FA35" s="60">
        <v>1</v>
      </c>
      <c r="FB35" s="61">
        <v>0</v>
      </c>
      <c r="FC35" s="62">
        <v>1</v>
      </c>
      <c r="FD35" s="443">
        <v>0</v>
      </c>
      <c r="FE35" s="61">
        <v>0</v>
      </c>
      <c r="FF35" s="61">
        <v>2</v>
      </c>
      <c r="FG35" s="61">
        <v>0</v>
      </c>
      <c r="FH35" s="61">
        <v>0</v>
      </c>
      <c r="FI35" s="61">
        <v>0</v>
      </c>
      <c r="FJ35" s="62">
        <v>2</v>
      </c>
      <c r="FK35" s="63">
        <v>3</v>
      </c>
      <c r="FL35" s="60">
        <v>0</v>
      </c>
      <c r="FM35" s="61">
        <v>0</v>
      </c>
      <c r="FN35" s="62">
        <v>0</v>
      </c>
      <c r="FO35" s="443">
        <v>0</v>
      </c>
      <c r="FP35" s="61">
        <v>2</v>
      </c>
      <c r="FQ35" s="61">
        <v>1</v>
      </c>
      <c r="FR35" s="61">
        <v>0</v>
      </c>
      <c r="FS35" s="61">
        <v>1</v>
      </c>
      <c r="FT35" s="61">
        <v>1</v>
      </c>
      <c r="FU35" s="62">
        <v>5</v>
      </c>
      <c r="FV35" s="63">
        <v>5</v>
      </c>
      <c r="FW35" s="60">
        <v>0</v>
      </c>
      <c r="FX35" s="61">
        <v>0</v>
      </c>
      <c r="FY35" s="62">
        <v>0</v>
      </c>
      <c r="FZ35" s="443">
        <v>0</v>
      </c>
      <c r="GA35" s="61">
        <v>0</v>
      </c>
      <c r="GB35" s="61">
        <v>0</v>
      </c>
      <c r="GC35" s="61">
        <v>0</v>
      </c>
      <c r="GD35" s="61">
        <v>0</v>
      </c>
      <c r="GE35" s="61">
        <v>0</v>
      </c>
      <c r="GF35" s="62">
        <v>0</v>
      </c>
      <c r="GG35" s="63">
        <v>0</v>
      </c>
      <c r="GH35" s="60">
        <v>2</v>
      </c>
      <c r="GI35" s="61">
        <v>0</v>
      </c>
      <c r="GJ35" s="62">
        <v>2</v>
      </c>
      <c r="GK35" s="443">
        <v>0</v>
      </c>
      <c r="GL35" s="61">
        <v>3</v>
      </c>
      <c r="GM35" s="61">
        <v>3</v>
      </c>
      <c r="GN35" s="61">
        <v>1</v>
      </c>
      <c r="GO35" s="61">
        <v>2</v>
      </c>
      <c r="GP35" s="61">
        <v>1</v>
      </c>
      <c r="GQ35" s="62">
        <v>10</v>
      </c>
      <c r="GR35" s="63">
        <v>12</v>
      </c>
      <c r="GS35" s="113">
        <v>5</v>
      </c>
      <c r="GT35" s="72">
        <v>4</v>
      </c>
      <c r="GU35" s="73">
        <v>9</v>
      </c>
      <c r="GV35" s="443">
        <v>0</v>
      </c>
      <c r="GW35" s="72">
        <v>15</v>
      </c>
      <c r="GX35" s="72">
        <v>7</v>
      </c>
      <c r="GY35" s="72">
        <v>6</v>
      </c>
      <c r="GZ35" s="72">
        <v>6</v>
      </c>
      <c r="HA35" s="72">
        <v>6</v>
      </c>
      <c r="HB35" s="74">
        <v>40</v>
      </c>
      <c r="HC35" s="75">
        <v>49</v>
      </c>
      <c r="HD35" s="60">
        <v>0</v>
      </c>
      <c r="HE35" s="61">
        <v>0</v>
      </c>
      <c r="HF35" s="62">
        <v>0</v>
      </c>
      <c r="HG35" s="443">
        <v>0</v>
      </c>
      <c r="HH35" s="61">
        <v>0</v>
      </c>
      <c r="HI35" s="61">
        <v>0</v>
      </c>
      <c r="HJ35" s="61">
        <v>0</v>
      </c>
      <c r="HK35" s="61">
        <v>0</v>
      </c>
      <c r="HL35" s="61">
        <v>0</v>
      </c>
      <c r="HM35" s="62">
        <v>0</v>
      </c>
      <c r="HN35" s="63">
        <v>0</v>
      </c>
      <c r="HO35" s="60">
        <v>0</v>
      </c>
      <c r="HP35" s="61">
        <v>0</v>
      </c>
      <c r="HQ35" s="62">
        <v>0</v>
      </c>
      <c r="HR35" s="443">
        <v>0</v>
      </c>
      <c r="HS35" s="61">
        <v>2</v>
      </c>
      <c r="HT35" s="61">
        <v>1</v>
      </c>
      <c r="HU35" s="61">
        <v>0</v>
      </c>
      <c r="HV35" s="61">
        <v>1</v>
      </c>
      <c r="HW35" s="61">
        <v>2</v>
      </c>
      <c r="HX35" s="62">
        <v>6</v>
      </c>
      <c r="HY35" s="63">
        <v>6</v>
      </c>
      <c r="HZ35" s="60">
        <v>2</v>
      </c>
      <c r="IA35" s="61">
        <v>0</v>
      </c>
      <c r="IB35" s="62">
        <v>2</v>
      </c>
      <c r="IC35" s="443">
        <v>0</v>
      </c>
      <c r="ID35" s="61">
        <v>1</v>
      </c>
      <c r="IE35" s="61">
        <v>0</v>
      </c>
      <c r="IF35" s="61">
        <v>1</v>
      </c>
      <c r="IG35" s="61">
        <v>1</v>
      </c>
      <c r="IH35" s="61">
        <v>2</v>
      </c>
      <c r="II35" s="62">
        <v>5</v>
      </c>
      <c r="IJ35" s="63">
        <v>7</v>
      </c>
      <c r="IK35" s="60">
        <v>2</v>
      </c>
      <c r="IL35" s="61">
        <v>2</v>
      </c>
      <c r="IM35" s="62">
        <v>4</v>
      </c>
      <c r="IN35" s="443">
        <v>0</v>
      </c>
      <c r="IO35" s="61">
        <v>6</v>
      </c>
      <c r="IP35" s="61">
        <v>0</v>
      </c>
      <c r="IQ35" s="61">
        <v>0</v>
      </c>
      <c r="IR35" s="61">
        <v>1</v>
      </c>
      <c r="IS35" s="61">
        <v>1</v>
      </c>
      <c r="IT35" s="62">
        <v>8</v>
      </c>
      <c r="IU35" s="63">
        <v>12</v>
      </c>
      <c r="IV35" s="60">
        <v>1</v>
      </c>
      <c r="IW35" s="61">
        <v>1</v>
      </c>
      <c r="IX35" s="62">
        <v>2</v>
      </c>
      <c r="IY35" s="443">
        <v>0</v>
      </c>
      <c r="IZ35" s="61">
        <v>2</v>
      </c>
      <c r="JA35" s="61">
        <v>3</v>
      </c>
      <c r="JB35" s="61">
        <v>4</v>
      </c>
      <c r="JC35" s="61">
        <v>1</v>
      </c>
      <c r="JD35" s="61">
        <v>0</v>
      </c>
      <c r="JE35" s="62">
        <v>10</v>
      </c>
      <c r="JF35" s="63">
        <v>12</v>
      </c>
      <c r="JG35" s="60">
        <v>0</v>
      </c>
      <c r="JH35" s="61">
        <v>1</v>
      </c>
      <c r="JI35" s="62">
        <v>1</v>
      </c>
      <c r="JJ35" s="443">
        <v>0</v>
      </c>
      <c r="JK35" s="61">
        <v>4</v>
      </c>
      <c r="JL35" s="61">
        <v>3</v>
      </c>
      <c r="JM35" s="61">
        <v>1</v>
      </c>
      <c r="JN35" s="61">
        <v>2</v>
      </c>
      <c r="JO35" s="61">
        <v>1</v>
      </c>
      <c r="JP35" s="62">
        <v>11</v>
      </c>
      <c r="JQ35" s="63">
        <v>12</v>
      </c>
      <c r="JR35" s="60">
        <v>0</v>
      </c>
      <c r="JS35" s="61">
        <v>0</v>
      </c>
      <c r="JT35" s="62">
        <v>0</v>
      </c>
      <c r="JU35" s="443">
        <v>0</v>
      </c>
      <c r="JV35" s="61">
        <v>0</v>
      </c>
      <c r="JW35" s="61">
        <v>0</v>
      </c>
      <c r="JX35" s="61">
        <v>0</v>
      </c>
      <c r="JY35" s="61">
        <v>0</v>
      </c>
      <c r="JZ35" s="61">
        <v>0</v>
      </c>
      <c r="KA35" s="62">
        <v>0</v>
      </c>
      <c r="KB35" s="63">
        <v>0</v>
      </c>
      <c r="KC35" s="60">
        <v>5</v>
      </c>
      <c r="KD35" s="61">
        <v>4</v>
      </c>
      <c r="KE35" s="62">
        <v>9</v>
      </c>
      <c r="KF35" s="443">
        <v>0</v>
      </c>
      <c r="KG35" s="61">
        <v>15</v>
      </c>
      <c r="KH35" s="61">
        <v>7</v>
      </c>
      <c r="KI35" s="61">
        <v>6</v>
      </c>
      <c r="KJ35" s="61">
        <v>6</v>
      </c>
      <c r="KK35" s="61">
        <v>6</v>
      </c>
      <c r="KL35" s="62">
        <v>40</v>
      </c>
      <c r="KM35" s="63">
        <v>49</v>
      </c>
    </row>
    <row r="36" spans="2:299" ht="21" customHeight="1" x14ac:dyDescent="0.2">
      <c r="B36" s="437" t="s">
        <v>33</v>
      </c>
      <c r="C36" s="287">
        <v>1</v>
      </c>
      <c r="D36" s="72">
        <v>3</v>
      </c>
      <c r="E36" s="73">
        <v>4</v>
      </c>
      <c r="F36" s="443">
        <v>0</v>
      </c>
      <c r="G36" s="72">
        <v>9</v>
      </c>
      <c r="H36" s="72">
        <v>3</v>
      </c>
      <c r="I36" s="72">
        <v>3</v>
      </c>
      <c r="J36" s="72">
        <v>2</v>
      </c>
      <c r="K36" s="72">
        <v>4</v>
      </c>
      <c r="L36" s="74">
        <v>21</v>
      </c>
      <c r="M36" s="75">
        <v>25</v>
      </c>
      <c r="N36" s="60">
        <v>0</v>
      </c>
      <c r="O36" s="61">
        <v>0</v>
      </c>
      <c r="P36" s="62">
        <v>0</v>
      </c>
      <c r="Q36" s="443">
        <v>0</v>
      </c>
      <c r="R36" s="61">
        <v>2</v>
      </c>
      <c r="S36" s="61">
        <v>0</v>
      </c>
      <c r="T36" s="61">
        <v>0</v>
      </c>
      <c r="U36" s="61">
        <v>1</v>
      </c>
      <c r="V36" s="61">
        <v>0</v>
      </c>
      <c r="W36" s="62">
        <v>3</v>
      </c>
      <c r="X36" s="63">
        <v>3</v>
      </c>
      <c r="Y36" s="60">
        <v>0</v>
      </c>
      <c r="Z36" s="61">
        <v>0</v>
      </c>
      <c r="AA36" s="62">
        <v>0</v>
      </c>
      <c r="AB36" s="443">
        <v>0</v>
      </c>
      <c r="AC36" s="61">
        <v>1</v>
      </c>
      <c r="AD36" s="61">
        <v>0</v>
      </c>
      <c r="AE36" s="61">
        <v>1</v>
      </c>
      <c r="AF36" s="61">
        <v>0</v>
      </c>
      <c r="AG36" s="61">
        <v>1</v>
      </c>
      <c r="AH36" s="62">
        <v>3</v>
      </c>
      <c r="AI36" s="63">
        <v>3</v>
      </c>
      <c r="AJ36" s="60">
        <v>0</v>
      </c>
      <c r="AK36" s="61">
        <v>0</v>
      </c>
      <c r="AL36" s="62">
        <v>0</v>
      </c>
      <c r="AM36" s="443">
        <v>0</v>
      </c>
      <c r="AN36" s="61">
        <v>2</v>
      </c>
      <c r="AO36" s="61">
        <v>1</v>
      </c>
      <c r="AP36" s="61">
        <v>1</v>
      </c>
      <c r="AQ36" s="61">
        <v>0</v>
      </c>
      <c r="AR36" s="61">
        <v>1</v>
      </c>
      <c r="AS36" s="62">
        <v>5</v>
      </c>
      <c r="AT36" s="63">
        <v>5</v>
      </c>
      <c r="AU36" s="60">
        <v>1</v>
      </c>
      <c r="AV36" s="61">
        <v>2</v>
      </c>
      <c r="AW36" s="62">
        <v>3</v>
      </c>
      <c r="AX36" s="443">
        <v>0</v>
      </c>
      <c r="AY36" s="61">
        <v>0</v>
      </c>
      <c r="AZ36" s="61">
        <v>1</v>
      </c>
      <c r="BA36" s="61">
        <v>0</v>
      </c>
      <c r="BB36" s="61">
        <v>0</v>
      </c>
      <c r="BC36" s="61">
        <v>1</v>
      </c>
      <c r="BD36" s="62">
        <v>2</v>
      </c>
      <c r="BE36" s="63">
        <v>5</v>
      </c>
      <c r="BF36" s="60">
        <v>0</v>
      </c>
      <c r="BG36" s="61">
        <v>1</v>
      </c>
      <c r="BH36" s="62">
        <v>1</v>
      </c>
      <c r="BI36" s="443">
        <v>0</v>
      </c>
      <c r="BJ36" s="61">
        <v>1</v>
      </c>
      <c r="BK36" s="61">
        <v>1</v>
      </c>
      <c r="BL36" s="61">
        <v>0</v>
      </c>
      <c r="BM36" s="61">
        <v>0</v>
      </c>
      <c r="BN36" s="61">
        <v>1</v>
      </c>
      <c r="BO36" s="62">
        <v>3</v>
      </c>
      <c r="BP36" s="63">
        <v>4</v>
      </c>
      <c r="BQ36" s="60">
        <v>0</v>
      </c>
      <c r="BR36" s="61">
        <v>0</v>
      </c>
      <c r="BS36" s="62">
        <v>0</v>
      </c>
      <c r="BT36" s="443">
        <v>0</v>
      </c>
      <c r="BU36" s="61">
        <v>3</v>
      </c>
      <c r="BV36" s="61">
        <v>0</v>
      </c>
      <c r="BW36" s="61">
        <v>1</v>
      </c>
      <c r="BX36" s="61">
        <v>1</v>
      </c>
      <c r="BY36" s="61">
        <v>0</v>
      </c>
      <c r="BZ36" s="62">
        <v>5</v>
      </c>
      <c r="CA36" s="63">
        <v>5</v>
      </c>
      <c r="CB36" s="60">
        <v>0</v>
      </c>
      <c r="CC36" s="61">
        <v>0</v>
      </c>
      <c r="CD36" s="62">
        <v>0</v>
      </c>
      <c r="CE36" s="443">
        <v>0</v>
      </c>
      <c r="CF36" s="61">
        <v>0</v>
      </c>
      <c r="CG36" s="61">
        <v>0</v>
      </c>
      <c r="CH36" s="61">
        <v>0</v>
      </c>
      <c r="CI36" s="61">
        <v>0</v>
      </c>
      <c r="CJ36" s="61">
        <v>0</v>
      </c>
      <c r="CK36" s="62">
        <v>0</v>
      </c>
      <c r="CL36" s="63">
        <v>0</v>
      </c>
      <c r="CM36" s="60">
        <v>1</v>
      </c>
      <c r="CN36" s="61">
        <v>3</v>
      </c>
      <c r="CO36" s="62">
        <v>4</v>
      </c>
      <c r="CP36" s="443">
        <v>0</v>
      </c>
      <c r="CQ36" s="61">
        <v>9</v>
      </c>
      <c r="CR36" s="61">
        <v>3</v>
      </c>
      <c r="CS36" s="61">
        <v>3</v>
      </c>
      <c r="CT36" s="61">
        <v>2</v>
      </c>
      <c r="CU36" s="61">
        <v>4</v>
      </c>
      <c r="CV36" s="62">
        <v>21</v>
      </c>
      <c r="CW36" s="63">
        <v>25</v>
      </c>
      <c r="CX36" s="113">
        <v>0</v>
      </c>
      <c r="CY36" s="72">
        <v>3</v>
      </c>
      <c r="CZ36" s="73">
        <v>3</v>
      </c>
      <c r="DA36" s="443">
        <v>0</v>
      </c>
      <c r="DB36" s="72">
        <v>4</v>
      </c>
      <c r="DC36" s="72">
        <v>1</v>
      </c>
      <c r="DD36" s="72">
        <v>4</v>
      </c>
      <c r="DE36" s="72">
        <v>3</v>
      </c>
      <c r="DF36" s="72">
        <v>3</v>
      </c>
      <c r="DG36" s="74">
        <v>15</v>
      </c>
      <c r="DH36" s="75">
        <v>18</v>
      </c>
      <c r="DI36" s="60">
        <v>0</v>
      </c>
      <c r="DJ36" s="61">
        <v>0</v>
      </c>
      <c r="DK36" s="62">
        <v>0</v>
      </c>
      <c r="DL36" s="443">
        <v>0</v>
      </c>
      <c r="DM36" s="61">
        <v>0</v>
      </c>
      <c r="DN36" s="61">
        <v>0</v>
      </c>
      <c r="DO36" s="61">
        <v>0</v>
      </c>
      <c r="DP36" s="61">
        <v>0</v>
      </c>
      <c r="DQ36" s="61">
        <v>0</v>
      </c>
      <c r="DR36" s="62">
        <v>0</v>
      </c>
      <c r="DS36" s="63">
        <v>0</v>
      </c>
      <c r="DT36" s="60">
        <v>0</v>
      </c>
      <c r="DU36" s="61">
        <v>0</v>
      </c>
      <c r="DV36" s="62">
        <v>0</v>
      </c>
      <c r="DW36" s="443">
        <v>0</v>
      </c>
      <c r="DX36" s="61">
        <v>0</v>
      </c>
      <c r="DY36" s="61">
        <v>0</v>
      </c>
      <c r="DZ36" s="61">
        <v>0</v>
      </c>
      <c r="EA36" s="61">
        <v>0</v>
      </c>
      <c r="EB36" s="61">
        <v>0</v>
      </c>
      <c r="EC36" s="62">
        <v>0</v>
      </c>
      <c r="ED36" s="63">
        <v>0</v>
      </c>
      <c r="EE36" s="60">
        <v>0</v>
      </c>
      <c r="EF36" s="61">
        <v>1</v>
      </c>
      <c r="EG36" s="62">
        <v>1</v>
      </c>
      <c r="EH36" s="443">
        <v>0</v>
      </c>
      <c r="EI36" s="61">
        <v>0</v>
      </c>
      <c r="EJ36" s="61">
        <v>0</v>
      </c>
      <c r="EK36" s="61">
        <v>0</v>
      </c>
      <c r="EL36" s="61">
        <v>0</v>
      </c>
      <c r="EM36" s="61">
        <v>0</v>
      </c>
      <c r="EN36" s="62">
        <v>0</v>
      </c>
      <c r="EO36" s="63">
        <v>1</v>
      </c>
      <c r="EP36" s="60">
        <v>0</v>
      </c>
      <c r="EQ36" s="61">
        <v>1</v>
      </c>
      <c r="ER36" s="62">
        <v>1</v>
      </c>
      <c r="ES36" s="443">
        <v>0</v>
      </c>
      <c r="ET36" s="61">
        <v>0</v>
      </c>
      <c r="EU36" s="61">
        <v>0</v>
      </c>
      <c r="EV36" s="61">
        <v>0</v>
      </c>
      <c r="EW36" s="61">
        <v>0</v>
      </c>
      <c r="EX36" s="61">
        <v>0</v>
      </c>
      <c r="EY36" s="62">
        <v>0</v>
      </c>
      <c r="EZ36" s="63">
        <v>1</v>
      </c>
      <c r="FA36" s="60">
        <v>0</v>
      </c>
      <c r="FB36" s="61">
        <v>0</v>
      </c>
      <c r="FC36" s="62">
        <v>0</v>
      </c>
      <c r="FD36" s="443">
        <v>0</v>
      </c>
      <c r="FE36" s="61">
        <v>1</v>
      </c>
      <c r="FF36" s="61">
        <v>1</v>
      </c>
      <c r="FG36" s="61">
        <v>0</v>
      </c>
      <c r="FH36" s="61">
        <v>0</v>
      </c>
      <c r="FI36" s="61">
        <v>0</v>
      </c>
      <c r="FJ36" s="62">
        <v>2</v>
      </c>
      <c r="FK36" s="63">
        <v>2</v>
      </c>
      <c r="FL36" s="60">
        <v>0</v>
      </c>
      <c r="FM36" s="61">
        <v>1</v>
      </c>
      <c r="FN36" s="62">
        <v>1</v>
      </c>
      <c r="FO36" s="443">
        <v>0</v>
      </c>
      <c r="FP36" s="61">
        <v>3</v>
      </c>
      <c r="FQ36" s="61">
        <v>0</v>
      </c>
      <c r="FR36" s="61">
        <v>4</v>
      </c>
      <c r="FS36" s="61">
        <v>3</v>
      </c>
      <c r="FT36" s="61">
        <v>3</v>
      </c>
      <c r="FU36" s="62">
        <v>13</v>
      </c>
      <c r="FV36" s="63">
        <v>14</v>
      </c>
      <c r="FW36" s="60">
        <v>0</v>
      </c>
      <c r="FX36" s="61">
        <v>0</v>
      </c>
      <c r="FY36" s="62">
        <v>0</v>
      </c>
      <c r="FZ36" s="443">
        <v>0</v>
      </c>
      <c r="GA36" s="61">
        <v>0</v>
      </c>
      <c r="GB36" s="61">
        <v>0</v>
      </c>
      <c r="GC36" s="61">
        <v>0</v>
      </c>
      <c r="GD36" s="61">
        <v>0</v>
      </c>
      <c r="GE36" s="61">
        <v>0</v>
      </c>
      <c r="GF36" s="62">
        <v>0</v>
      </c>
      <c r="GG36" s="63">
        <v>0</v>
      </c>
      <c r="GH36" s="60">
        <v>0</v>
      </c>
      <c r="GI36" s="61">
        <v>3</v>
      </c>
      <c r="GJ36" s="62">
        <v>3</v>
      </c>
      <c r="GK36" s="443">
        <v>0</v>
      </c>
      <c r="GL36" s="61">
        <v>4</v>
      </c>
      <c r="GM36" s="61">
        <v>1</v>
      </c>
      <c r="GN36" s="61">
        <v>4</v>
      </c>
      <c r="GO36" s="61">
        <v>3</v>
      </c>
      <c r="GP36" s="61">
        <v>3</v>
      </c>
      <c r="GQ36" s="62">
        <v>15</v>
      </c>
      <c r="GR36" s="63">
        <v>18</v>
      </c>
      <c r="GS36" s="113">
        <v>1</v>
      </c>
      <c r="GT36" s="72">
        <v>6</v>
      </c>
      <c r="GU36" s="73">
        <v>7</v>
      </c>
      <c r="GV36" s="443">
        <v>0</v>
      </c>
      <c r="GW36" s="72">
        <v>13</v>
      </c>
      <c r="GX36" s="72">
        <v>4</v>
      </c>
      <c r="GY36" s="72">
        <v>7</v>
      </c>
      <c r="GZ36" s="72">
        <v>5</v>
      </c>
      <c r="HA36" s="72">
        <v>7</v>
      </c>
      <c r="HB36" s="74">
        <v>36</v>
      </c>
      <c r="HC36" s="75">
        <v>43</v>
      </c>
      <c r="HD36" s="60">
        <v>0</v>
      </c>
      <c r="HE36" s="61">
        <v>0</v>
      </c>
      <c r="HF36" s="62">
        <v>0</v>
      </c>
      <c r="HG36" s="443">
        <v>0</v>
      </c>
      <c r="HH36" s="61">
        <v>2</v>
      </c>
      <c r="HI36" s="61">
        <v>0</v>
      </c>
      <c r="HJ36" s="61">
        <v>0</v>
      </c>
      <c r="HK36" s="61">
        <v>1</v>
      </c>
      <c r="HL36" s="61">
        <v>0</v>
      </c>
      <c r="HM36" s="62">
        <v>3</v>
      </c>
      <c r="HN36" s="63">
        <v>3</v>
      </c>
      <c r="HO36" s="60">
        <v>0</v>
      </c>
      <c r="HP36" s="61">
        <v>0</v>
      </c>
      <c r="HQ36" s="62">
        <v>0</v>
      </c>
      <c r="HR36" s="443">
        <v>0</v>
      </c>
      <c r="HS36" s="61">
        <v>1</v>
      </c>
      <c r="HT36" s="61">
        <v>0</v>
      </c>
      <c r="HU36" s="61">
        <v>1</v>
      </c>
      <c r="HV36" s="61">
        <v>0</v>
      </c>
      <c r="HW36" s="61">
        <v>1</v>
      </c>
      <c r="HX36" s="62">
        <v>3</v>
      </c>
      <c r="HY36" s="63">
        <v>3</v>
      </c>
      <c r="HZ36" s="60">
        <v>0</v>
      </c>
      <c r="IA36" s="61">
        <v>1</v>
      </c>
      <c r="IB36" s="62">
        <v>1</v>
      </c>
      <c r="IC36" s="443">
        <v>0</v>
      </c>
      <c r="ID36" s="61">
        <v>2</v>
      </c>
      <c r="IE36" s="61">
        <v>1</v>
      </c>
      <c r="IF36" s="61">
        <v>1</v>
      </c>
      <c r="IG36" s="61">
        <v>0</v>
      </c>
      <c r="IH36" s="61">
        <v>1</v>
      </c>
      <c r="II36" s="62">
        <v>5</v>
      </c>
      <c r="IJ36" s="63">
        <v>6</v>
      </c>
      <c r="IK36" s="60">
        <v>1</v>
      </c>
      <c r="IL36" s="61">
        <v>3</v>
      </c>
      <c r="IM36" s="62">
        <v>4</v>
      </c>
      <c r="IN36" s="443">
        <v>0</v>
      </c>
      <c r="IO36" s="61">
        <v>0</v>
      </c>
      <c r="IP36" s="61">
        <v>1</v>
      </c>
      <c r="IQ36" s="61">
        <v>0</v>
      </c>
      <c r="IR36" s="61">
        <v>0</v>
      </c>
      <c r="IS36" s="61">
        <v>1</v>
      </c>
      <c r="IT36" s="62">
        <v>2</v>
      </c>
      <c r="IU36" s="63">
        <v>6</v>
      </c>
      <c r="IV36" s="60">
        <v>0</v>
      </c>
      <c r="IW36" s="61">
        <v>1</v>
      </c>
      <c r="IX36" s="62">
        <v>1</v>
      </c>
      <c r="IY36" s="443">
        <v>0</v>
      </c>
      <c r="IZ36" s="61">
        <v>2</v>
      </c>
      <c r="JA36" s="61">
        <v>2</v>
      </c>
      <c r="JB36" s="61">
        <v>0</v>
      </c>
      <c r="JC36" s="61">
        <v>0</v>
      </c>
      <c r="JD36" s="61">
        <v>1</v>
      </c>
      <c r="JE36" s="62">
        <v>5</v>
      </c>
      <c r="JF36" s="63">
        <v>6</v>
      </c>
      <c r="JG36" s="60">
        <v>0</v>
      </c>
      <c r="JH36" s="61">
        <v>1</v>
      </c>
      <c r="JI36" s="62">
        <v>1</v>
      </c>
      <c r="JJ36" s="443">
        <v>0</v>
      </c>
      <c r="JK36" s="61">
        <v>6</v>
      </c>
      <c r="JL36" s="61">
        <v>0</v>
      </c>
      <c r="JM36" s="61">
        <v>5</v>
      </c>
      <c r="JN36" s="61">
        <v>4</v>
      </c>
      <c r="JO36" s="61">
        <v>3</v>
      </c>
      <c r="JP36" s="62">
        <v>18</v>
      </c>
      <c r="JQ36" s="63">
        <v>19</v>
      </c>
      <c r="JR36" s="60">
        <v>0</v>
      </c>
      <c r="JS36" s="61">
        <v>0</v>
      </c>
      <c r="JT36" s="62">
        <v>0</v>
      </c>
      <c r="JU36" s="443">
        <v>0</v>
      </c>
      <c r="JV36" s="61">
        <v>0</v>
      </c>
      <c r="JW36" s="61">
        <v>0</v>
      </c>
      <c r="JX36" s="61">
        <v>0</v>
      </c>
      <c r="JY36" s="61">
        <v>0</v>
      </c>
      <c r="JZ36" s="61">
        <v>0</v>
      </c>
      <c r="KA36" s="62">
        <v>0</v>
      </c>
      <c r="KB36" s="63">
        <v>0</v>
      </c>
      <c r="KC36" s="60">
        <v>1</v>
      </c>
      <c r="KD36" s="61">
        <v>6</v>
      </c>
      <c r="KE36" s="62">
        <v>7</v>
      </c>
      <c r="KF36" s="443">
        <v>0</v>
      </c>
      <c r="KG36" s="61">
        <v>13</v>
      </c>
      <c r="KH36" s="61">
        <v>4</v>
      </c>
      <c r="KI36" s="61">
        <v>7</v>
      </c>
      <c r="KJ36" s="61">
        <v>5</v>
      </c>
      <c r="KK36" s="61">
        <v>7</v>
      </c>
      <c r="KL36" s="62">
        <v>36</v>
      </c>
      <c r="KM36" s="63">
        <v>43</v>
      </c>
    </row>
    <row r="37" spans="2:299" ht="21" customHeight="1" x14ac:dyDescent="0.2">
      <c r="B37" s="437" t="s">
        <v>34</v>
      </c>
      <c r="C37" s="287">
        <v>2</v>
      </c>
      <c r="D37" s="72">
        <v>1</v>
      </c>
      <c r="E37" s="73">
        <v>3</v>
      </c>
      <c r="F37" s="443">
        <v>0</v>
      </c>
      <c r="G37" s="72">
        <v>1</v>
      </c>
      <c r="H37" s="72">
        <v>1</v>
      </c>
      <c r="I37" s="72">
        <v>3</v>
      </c>
      <c r="J37" s="72">
        <v>1</v>
      </c>
      <c r="K37" s="72">
        <v>0</v>
      </c>
      <c r="L37" s="74">
        <v>6</v>
      </c>
      <c r="M37" s="75">
        <v>9</v>
      </c>
      <c r="N37" s="60">
        <v>0</v>
      </c>
      <c r="O37" s="61">
        <v>0</v>
      </c>
      <c r="P37" s="62">
        <v>0</v>
      </c>
      <c r="Q37" s="443">
        <v>0</v>
      </c>
      <c r="R37" s="61">
        <v>0</v>
      </c>
      <c r="S37" s="61">
        <v>0</v>
      </c>
      <c r="T37" s="61">
        <v>0</v>
      </c>
      <c r="U37" s="61">
        <v>0</v>
      </c>
      <c r="V37" s="61">
        <v>0</v>
      </c>
      <c r="W37" s="62">
        <v>0</v>
      </c>
      <c r="X37" s="63">
        <v>0</v>
      </c>
      <c r="Y37" s="60">
        <v>0</v>
      </c>
      <c r="Z37" s="61">
        <v>0</v>
      </c>
      <c r="AA37" s="62">
        <v>0</v>
      </c>
      <c r="AB37" s="443">
        <v>0</v>
      </c>
      <c r="AC37" s="61">
        <v>0</v>
      </c>
      <c r="AD37" s="61">
        <v>1</v>
      </c>
      <c r="AE37" s="61">
        <v>0</v>
      </c>
      <c r="AF37" s="61">
        <v>0</v>
      </c>
      <c r="AG37" s="61">
        <v>0</v>
      </c>
      <c r="AH37" s="62">
        <v>1</v>
      </c>
      <c r="AI37" s="63">
        <v>1</v>
      </c>
      <c r="AJ37" s="60">
        <v>1</v>
      </c>
      <c r="AK37" s="61">
        <v>0</v>
      </c>
      <c r="AL37" s="62">
        <v>1</v>
      </c>
      <c r="AM37" s="443">
        <v>0</v>
      </c>
      <c r="AN37" s="61">
        <v>0</v>
      </c>
      <c r="AO37" s="61">
        <v>0</v>
      </c>
      <c r="AP37" s="61">
        <v>0</v>
      </c>
      <c r="AQ37" s="61">
        <v>0</v>
      </c>
      <c r="AR37" s="61">
        <v>0</v>
      </c>
      <c r="AS37" s="62">
        <v>0</v>
      </c>
      <c r="AT37" s="63">
        <v>1</v>
      </c>
      <c r="AU37" s="60">
        <v>1</v>
      </c>
      <c r="AV37" s="61">
        <v>1</v>
      </c>
      <c r="AW37" s="62">
        <v>2</v>
      </c>
      <c r="AX37" s="443">
        <v>0</v>
      </c>
      <c r="AY37" s="61">
        <v>0</v>
      </c>
      <c r="AZ37" s="61">
        <v>0</v>
      </c>
      <c r="BA37" s="61">
        <v>0</v>
      </c>
      <c r="BB37" s="61">
        <v>1</v>
      </c>
      <c r="BC37" s="61">
        <v>0</v>
      </c>
      <c r="BD37" s="62">
        <v>1</v>
      </c>
      <c r="BE37" s="63">
        <v>3</v>
      </c>
      <c r="BF37" s="60">
        <v>0</v>
      </c>
      <c r="BG37" s="61">
        <v>0</v>
      </c>
      <c r="BH37" s="62">
        <v>0</v>
      </c>
      <c r="BI37" s="443">
        <v>0</v>
      </c>
      <c r="BJ37" s="61">
        <v>1</v>
      </c>
      <c r="BK37" s="61">
        <v>0</v>
      </c>
      <c r="BL37" s="61">
        <v>0</v>
      </c>
      <c r="BM37" s="61">
        <v>0</v>
      </c>
      <c r="BN37" s="61">
        <v>0</v>
      </c>
      <c r="BO37" s="62">
        <v>1</v>
      </c>
      <c r="BP37" s="63">
        <v>1</v>
      </c>
      <c r="BQ37" s="60">
        <v>0</v>
      </c>
      <c r="BR37" s="61">
        <v>0</v>
      </c>
      <c r="BS37" s="62">
        <v>0</v>
      </c>
      <c r="BT37" s="443">
        <v>0</v>
      </c>
      <c r="BU37" s="61">
        <v>0</v>
      </c>
      <c r="BV37" s="61">
        <v>0</v>
      </c>
      <c r="BW37" s="61">
        <v>3</v>
      </c>
      <c r="BX37" s="61">
        <v>0</v>
      </c>
      <c r="BY37" s="61">
        <v>0</v>
      </c>
      <c r="BZ37" s="62">
        <v>3</v>
      </c>
      <c r="CA37" s="63">
        <v>3</v>
      </c>
      <c r="CB37" s="60">
        <v>0</v>
      </c>
      <c r="CC37" s="61">
        <v>0</v>
      </c>
      <c r="CD37" s="62">
        <v>0</v>
      </c>
      <c r="CE37" s="443">
        <v>0</v>
      </c>
      <c r="CF37" s="61">
        <v>0</v>
      </c>
      <c r="CG37" s="61">
        <v>0</v>
      </c>
      <c r="CH37" s="61">
        <v>0</v>
      </c>
      <c r="CI37" s="61">
        <v>0</v>
      </c>
      <c r="CJ37" s="61">
        <v>0</v>
      </c>
      <c r="CK37" s="62">
        <v>0</v>
      </c>
      <c r="CL37" s="63">
        <v>0</v>
      </c>
      <c r="CM37" s="60">
        <v>2</v>
      </c>
      <c r="CN37" s="61">
        <v>1</v>
      </c>
      <c r="CO37" s="62">
        <v>3</v>
      </c>
      <c r="CP37" s="443">
        <v>0</v>
      </c>
      <c r="CQ37" s="61">
        <v>1</v>
      </c>
      <c r="CR37" s="61">
        <v>1</v>
      </c>
      <c r="CS37" s="61">
        <v>3</v>
      </c>
      <c r="CT37" s="61">
        <v>1</v>
      </c>
      <c r="CU37" s="61">
        <v>0</v>
      </c>
      <c r="CV37" s="62">
        <v>6</v>
      </c>
      <c r="CW37" s="63">
        <v>9</v>
      </c>
      <c r="CX37" s="113">
        <v>1</v>
      </c>
      <c r="CY37" s="72">
        <v>3</v>
      </c>
      <c r="CZ37" s="73">
        <v>4</v>
      </c>
      <c r="DA37" s="443">
        <v>0</v>
      </c>
      <c r="DB37" s="72">
        <v>1</v>
      </c>
      <c r="DC37" s="72">
        <v>1</v>
      </c>
      <c r="DD37" s="72">
        <v>1</v>
      </c>
      <c r="DE37" s="72">
        <v>0</v>
      </c>
      <c r="DF37" s="72">
        <v>0</v>
      </c>
      <c r="DG37" s="74">
        <v>3</v>
      </c>
      <c r="DH37" s="75">
        <v>7</v>
      </c>
      <c r="DI37" s="60">
        <v>0</v>
      </c>
      <c r="DJ37" s="61">
        <v>0</v>
      </c>
      <c r="DK37" s="62">
        <v>0</v>
      </c>
      <c r="DL37" s="443">
        <v>0</v>
      </c>
      <c r="DM37" s="61">
        <v>0</v>
      </c>
      <c r="DN37" s="61">
        <v>0</v>
      </c>
      <c r="DO37" s="61">
        <v>0</v>
      </c>
      <c r="DP37" s="61">
        <v>0</v>
      </c>
      <c r="DQ37" s="61">
        <v>0</v>
      </c>
      <c r="DR37" s="62">
        <v>0</v>
      </c>
      <c r="DS37" s="63">
        <v>0</v>
      </c>
      <c r="DT37" s="60">
        <v>0</v>
      </c>
      <c r="DU37" s="61">
        <v>0</v>
      </c>
      <c r="DV37" s="62">
        <v>0</v>
      </c>
      <c r="DW37" s="443">
        <v>0</v>
      </c>
      <c r="DX37" s="61">
        <v>0</v>
      </c>
      <c r="DY37" s="61">
        <v>0</v>
      </c>
      <c r="DZ37" s="61">
        <v>0</v>
      </c>
      <c r="EA37" s="61">
        <v>0</v>
      </c>
      <c r="EB37" s="61">
        <v>0</v>
      </c>
      <c r="EC37" s="62">
        <v>0</v>
      </c>
      <c r="ED37" s="63">
        <v>0</v>
      </c>
      <c r="EE37" s="60">
        <v>1</v>
      </c>
      <c r="EF37" s="61">
        <v>1</v>
      </c>
      <c r="EG37" s="62">
        <v>2</v>
      </c>
      <c r="EH37" s="443">
        <v>0</v>
      </c>
      <c r="EI37" s="61">
        <v>0</v>
      </c>
      <c r="EJ37" s="61">
        <v>0</v>
      </c>
      <c r="EK37" s="61">
        <v>1</v>
      </c>
      <c r="EL37" s="61">
        <v>0</v>
      </c>
      <c r="EM37" s="61">
        <v>0</v>
      </c>
      <c r="EN37" s="62">
        <v>1</v>
      </c>
      <c r="EO37" s="63">
        <v>3</v>
      </c>
      <c r="EP37" s="60">
        <v>0</v>
      </c>
      <c r="EQ37" s="61">
        <v>1</v>
      </c>
      <c r="ER37" s="62">
        <v>1</v>
      </c>
      <c r="ES37" s="443">
        <v>0</v>
      </c>
      <c r="ET37" s="61">
        <v>0</v>
      </c>
      <c r="EU37" s="61">
        <v>0</v>
      </c>
      <c r="EV37" s="61">
        <v>0</v>
      </c>
      <c r="EW37" s="61">
        <v>0</v>
      </c>
      <c r="EX37" s="61">
        <v>0</v>
      </c>
      <c r="EY37" s="62">
        <v>0</v>
      </c>
      <c r="EZ37" s="63">
        <v>1</v>
      </c>
      <c r="FA37" s="60">
        <v>0</v>
      </c>
      <c r="FB37" s="61">
        <v>1</v>
      </c>
      <c r="FC37" s="62">
        <v>1</v>
      </c>
      <c r="FD37" s="443">
        <v>0</v>
      </c>
      <c r="FE37" s="61">
        <v>1</v>
      </c>
      <c r="FF37" s="61">
        <v>1</v>
      </c>
      <c r="FG37" s="61">
        <v>0</v>
      </c>
      <c r="FH37" s="61">
        <v>0</v>
      </c>
      <c r="FI37" s="61">
        <v>0</v>
      </c>
      <c r="FJ37" s="62">
        <v>2</v>
      </c>
      <c r="FK37" s="63">
        <v>3</v>
      </c>
      <c r="FL37" s="60">
        <v>0</v>
      </c>
      <c r="FM37" s="61">
        <v>0</v>
      </c>
      <c r="FN37" s="62">
        <v>0</v>
      </c>
      <c r="FO37" s="443">
        <v>0</v>
      </c>
      <c r="FP37" s="61">
        <v>0</v>
      </c>
      <c r="FQ37" s="61">
        <v>0</v>
      </c>
      <c r="FR37" s="61">
        <v>0</v>
      </c>
      <c r="FS37" s="61">
        <v>0</v>
      </c>
      <c r="FT37" s="61">
        <v>0</v>
      </c>
      <c r="FU37" s="62">
        <v>0</v>
      </c>
      <c r="FV37" s="63">
        <v>0</v>
      </c>
      <c r="FW37" s="60">
        <v>0</v>
      </c>
      <c r="FX37" s="61">
        <v>0</v>
      </c>
      <c r="FY37" s="62">
        <v>0</v>
      </c>
      <c r="FZ37" s="443">
        <v>0</v>
      </c>
      <c r="GA37" s="61">
        <v>0</v>
      </c>
      <c r="GB37" s="61">
        <v>0</v>
      </c>
      <c r="GC37" s="61">
        <v>0</v>
      </c>
      <c r="GD37" s="61">
        <v>0</v>
      </c>
      <c r="GE37" s="61">
        <v>0</v>
      </c>
      <c r="GF37" s="62">
        <v>0</v>
      </c>
      <c r="GG37" s="63">
        <v>0</v>
      </c>
      <c r="GH37" s="60">
        <v>1</v>
      </c>
      <c r="GI37" s="61">
        <v>3</v>
      </c>
      <c r="GJ37" s="62">
        <v>4</v>
      </c>
      <c r="GK37" s="443">
        <v>0</v>
      </c>
      <c r="GL37" s="61">
        <v>1</v>
      </c>
      <c r="GM37" s="61">
        <v>1</v>
      </c>
      <c r="GN37" s="61">
        <v>1</v>
      </c>
      <c r="GO37" s="61">
        <v>0</v>
      </c>
      <c r="GP37" s="61">
        <v>0</v>
      </c>
      <c r="GQ37" s="62">
        <v>3</v>
      </c>
      <c r="GR37" s="63">
        <v>7</v>
      </c>
      <c r="GS37" s="113">
        <v>3</v>
      </c>
      <c r="GT37" s="72">
        <v>4</v>
      </c>
      <c r="GU37" s="73">
        <v>7</v>
      </c>
      <c r="GV37" s="443">
        <v>0</v>
      </c>
      <c r="GW37" s="72">
        <v>2</v>
      </c>
      <c r="GX37" s="72">
        <v>2</v>
      </c>
      <c r="GY37" s="72">
        <v>4</v>
      </c>
      <c r="GZ37" s="72">
        <v>1</v>
      </c>
      <c r="HA37" s="72">
        <v>0</v>
      </c>
      <c r="HB37" s="74">
        <v>9</v>
      </c>
      <c r="HC37" s="75">
        <v>16</v>
      </c>
      <c r="HD37" s="60">
        <v>0</v>
      </c>
      <c r="HE37" s="61">
        <v>0</v>
      </c>
      <c r="HF37" s="62">
        <v>0</v>
      </c>
      <c r="HG37" s="443">
        <v>0</v>
      </c>
      <c r="HH37" s="61">
        <v>0</v>
      </c>
      <c r="HI37" s="61">
        <v>0</v>
      </c>
      <c r="HJ37" s="61">
        <v>0</v>
      </c>
      <c r="HK37" s="61">
        <v>0</v>
      </c>
      <c r="HL37" s="61">
        <v>0</v>
      </c>
      <c r="HM37" s="62">
        <v>0</v>
      </c>
      <c r="HN37" s="63">
        <v>0</v>
      </c>
      <c r="HO37" s="60">
        <v>0</v>
      </c>
      <c r="HP37" s="61">
        <v>0</v>
      </c>
      <c r="HQ37" s="62">
        <v>0</v>
      </c>
      <c r="HR37" s="443">
        <v>0</v>
      </c>
      <c r="HS37" s="61">
        <v>0</v>
      </c>
      <c r="HT37" s="61">
        <v>1</v>
      </c>
      <c r="HU37" s="61">
        <v>0</v>
      </c>
      <c r="HV37" s="61">
        <v>0</v>
      </c>
      <c r="HW37" s="61">
        <v>0</v>
      </c>
      <c r="HX37" s="62">
        <v>1</v>
      </c>
      <c r="HY37" s="63">
        <v>1</v>
      </c>
      <c r="HZ37" s="60">
        <v>2</v>
      </c>
      <c r="IA37" s="61">
        <v>1</v>
      </c>
      <c r="IB37" s="62">
        <v>3</v>
      </c>
      <c r="IC37" s="443">
        <v>0</v>
      </c>
      <c r="ID37" s="61">
        <v>0</v>
      </c>
      <c r="IE37" s="61">
        <v>0</v>
      </c>
      <c r="IF37" s="61">
        <v>1</v>
      </c>
      <c r="IG37" s="61">
        <v>0</v>
      </c>
      <c r="IH37" s="61">
        <v>0</v>
      </c>
      <c r="II37" s="62">
        <v>1</v>
      </c>
      <c r="IJ37" s="63">
        <v>4</v>
      </c>
      <c r="IK37" s="60">
        <v>1</v>
      </c>
      <c r="IL37" s="61">
        <v>2</v>
      </c>
      <c r="IM37" s="62">
        <v>3</v>
      </c>
      <c r="IN37" s="443">
        <v>0</v>
      </c>
      <c r="IO37" s="61">
        <v>0</v>
      </c>
      <c r="IP37" s="61">
        <v>0</v>
      </c>
      <c r="IQ37" s="61">
        <v>0</v>
      </c>
      <c r="IR37" s="61">
        <v>1</v>
      </c>
      <c r="IS37" s="61">
        <v>0</v>
      </c>
      <c r="IT37" s="62">
        <v>1</v>
      </c>
      <c r="IU37" s="63">
        <v>4</v>
      </c>
      <c r="IV37" s="60">
        <v>0</v>
      </c>
      <c r="IW37" s="61">
        <v>1</v>
      </c>
      <c r="IX37" s="62">
        <v>1</v>
      </c>
      <c r="IY37" s="443">
        <v>0</v>
      </c>
      <c r="IZ37" s="61">
        <v>2</v>
      </c>
      <c r="JA37" s="61">
        <v>1</v>
      </c>
      <c r="JB37" s="61">
        <v>0</v>
      </c>
      <c r="JC37" s="61">
        <v>0</v>
      </c>
      <c r="JD37" s="61">
        <v>0</v>
      </c>
      <c r="JE37" s="62">
        <v>3</v>
      </c>
      <c r="JF37" s="63">
        <v>4</v>
      </c>
      <c r="JG37" s="60">
        <v>0</v>
      </c>
      <c r="JH37" s="61">
        <v>0</v>
      </c>
      <c r="JI37" s="62">
        <v>0</v>
      </c>
      <c r="JJ37" s="443">
        <v>0</v>
      </c>
      <c r="JK37" s="61">
        <v>0</v>
      </c>
      <c r="JL37" s="61">
        <v>0</v>
      </c>
      <c r="JM37" s="61">
        <v>3</v>
      </c>
      <c r="JN37" s="61">
        <v>0</v>
      </c>
      <c r="JO37" s="61">
        <v>0</v>
      </c>
      <c r="JP37" s="62">
        <v>3</v>
      </c>
      <c r="JQ37" s="63">
        <v>3</v>
      </c>
      <c r="JR37" s="60">
        <v>0</v>
      </c>
      <c r="JS37" s="61">
        <v>0</v>
      </c>
      <c r="JT37" s="62">
        <v>0</v>
      </c>
      <c r="JU37" s="443">
        <v>0</v>
      </c>
      <c r="JV37" s="61">
        <v>0</v>
      </c>
      <c r="JW37" s="61">
        <v>0</v>
      </c>
      <c r="JX37" s="61">
        <v>0</v>
      </c>
      <c r="JY37" s="61">
        <v>0</v>
      </c>
      <c r="JZ37" s="61">
        <v>0</v>
      </c>
      <c r="KA37" s="62">
        <v>0</v>
      </c>
      <c r="KB37" s="63">
        <v>0</v>
      </c>
      <c r="KC37" s="60">
        <v>3</v>
      </c>
      <c r="KD37" s="61">
        <v>4</v>
      </c>
      <c r="KE37" s="62">
        <v>7</v>
      </c>
      <c r="KF37" s="443">
        <v>0</v>
      </c>
      <c r="KG37" s="61">
        <v>2</v>
      </c>
      <c r="KH37" s="61">
        <v>2</v>
      </c>
      <c r="KI37" s="61">
        <v>4</v>
      </c>
      <c r="KJ37" s="61">
        <v>1</v>
      </c>
      <c r="KK37" s="61">
        <v>0</v>
      </c>
      <c r="KL37" s="62">
        <v>9</v>
      </c>
      <c r="KM37" s="63">
        <v>16</v>
      </c>
    </row>
    <row r="38" spans="2:299" ht="21" customHeight="1" x14ac:dyDescent="0.2">
      <c r="B38" s="437" t="s">
        <v>35</v>
      </c>
      <c r="C38" s="287">
        <v>10</v>
      </c>
      <c r="D38" s="72">
        <v>10</v>
      </c>
      <c r="E38" s="73">
        <v>20</v>
      </c>
      <c r="F38" s="443">
        <v>0</v>
      </c>
      <c r="G38" s="72">
        <v>14</v>
      </c>
      <c r="H38" s="72">
        <v>8</v>
      </c>
      <c r="I38" s="72">
        <v>6</v>
      </c>
      <c r="J38" s="72">
        <v>2</v>
      </c>
      <c r="K38" s="72">
        <v>0</v>
      </c>
      <c r="L38" s="74">
        <v>30</v>
      </c>
      <c r="M38" s="75">
        <v>50</v>
      </c>
      <c r="N38" s="60">
        <v>1</v>
      </c>
      <c r="O38" s="61">
        <v>0</v>
      </c>
      <c r="P38" s="62">
        <v>1</v>
      </c>
      <c r="Q38" s="443">
        <v>0</v>
      </c>
      <c r="R38" s="61">
        <v>0</v>
      </c>
      <c r="S38" s="61">
        <v>0</v>
      </c>
      <c r="T38" s="61">
        <v>0</v>
      </c>
      <c r="U38" s="61">
        <v>1</v>
      </c>
      <c r="V38" s="61">
        <v>0</v>
      </c>
      <c r="W38" s="62">
        <v>1</v>
      </c>
      <c r="X38" s="63">
        <v>2</v>
      </c>
      <c r="Y38" s="60">
        <v>1</v>
      </c>
      <c r="Z38" s="61">
        <v>0</v>
      </c>
      <c r="AA38" s="62">
        <v>1</v>
      </c>
      <c r="AB38" s="443">
        <v>0</v>
      </c>
      <c r="AC38" s="61">
        <v>1</v>
      </c>
      <c r="AD38" s="61">
        <v>0</v>
      </c>
      <c r="AE38" s="61">
        <v>1</v>
      </c>
      <c r="AF38" s="61">
        <v>0</v>
      </c>
      <c r="AG38" s="61">
        <v>0</v>
      </c>
      <c r="AH38" s="62">
        <v>2</v>
      </c>
      <c r="AI38" s="63">
        <v>3</v>
      </c>
      <c r="AJ38" s="60">
        <v>0</v>
      </c>
      <c r="AK38" s="61">
        <v>1</v>
      </c>
      <c r="AL38" s="62">
        <v>1</v>
      </c>
      <c r="AM38" s="443">
        <v>0</v>
      </c>
      <c r="AN38" s="61">
        <v>5</v>
      </c>
      <c r="AO38" s="61">
        <v>1</v>
      </c>
      <c r="AP38" s="61">
        <v>3</v>
      </c>
      <c r="AQ38" s="61">
        <v>0</v>
      </c>
      <c r="AR38" s="61">
        <v>0</v>
      </c>
      <c r="AS38" s="62">
        <v>9</v>
      </c>
      <c r="AT38" s="63">
        <v>10</v>
      </c>
      <c r="AU38" s="60">
        <v>3</v>
      </c>
      <c r="AV38" s="61">
        <v>4</v>
      </c>
      <c r="AW38" s="62">
        <v>7</v>
      </c>
      <c r="AX38" s="443">
        <v>0</v>
      </c>
      <c r="AY38" s="61">
        <v>3</v>
      </c>
      <c r="AZ38" s="61">
        <v>3</v>
      </c>
      <c r="BA38" s="61">
        <v>1</v>
      </c>
      <c r="BB38" s="61">
        <v>0</v>
      </c>
      <c r="BC38" s="61">
        <v>0</v>
      </c>
      <c r="BD38" s="62">
        <v>7</v>
      </c>
      <c r="BE38" s="63">
        <v>14</v>
      </c>
      <c r="BF38" s="60">
        <v>1</v>
      </c>
      <c r="BG38" s="61">
        <v>4</v>
      </c>
      <c r="BH38" s="62">
        <v>5</v>
      </c>
      <c r="BI38" s="443">
        <v>0</v>
      </c>
      <c r="BJ38" s="61">
        <v>5</v>
      </c>
      <c r="BK38" s="61">
        <v>1</v>
      </c>
      <c r="BL38" s="61">
        <v>1</v>
      </c>
      <c r="BM38" s="61">
        <v>0</v>
      </c>
      <c r="BN38" s="61">
        <v>0</v>
      </c>
      <c r="BO38" s="62">
        <v>7</v>
      </c>
      <c r="BP38" s="63">
        <v>12</v>
      </c>
      <c r="BQ38" s="60">
        <v>4</v>
      </c>
      <c r="BR38" s="61">
        <v>1</v>
      </c>
      <c r="BS38" s="62">
        <v>5</v>
      </c>
      <c r="BT38" s="443">
        <v>0</v>
      </c>
      <c r="BU38" s="61">
        <v>0</v>
      </c>
      <c r="BV38" s="61">
        <v>3</v>
      </c>
      <c r="BW38" s="61">
        <v>0</v>
      </c>
      <c r="BX38" s="61">
        <v>1</v>
      </c>
      <c r="BY38" s="61">
        <v>0</v>
      </c>
      <c r="BZ38" s="62">
        <v>4</v>
      </c>
      <c r="CA38" s="63">
        <v>9</v>
      </c>
      <c r="CB38" s="60">
        <v>0</v>
      </c>
      <c r="CC38" s="61">
        <v>0</v>
      </c>
      <c r="CD38" s="62">
        <v>0</v>
      </c>
      <c r="CE38" s="443">
        <v>0</v>
      </c>
      <c r="CF38" s="61">
        <v>0</v>
      </c>
      <c r="CG38" s="61">
        <v>0</v>
      </c>
      <c r="CH38" s="61">
        <v>0</v>
      </c>
      <c r="CI38" s="61">
        <v>0</v>
      </c>
      <c r="CJ38" s="61">
        <v>0</v>
      </c>
      <c r="CK38" s="62">
        <v>0</v>
      </c>
      <c r="CL38" s="63">
        <v>0</v>
      </c>
      <c r="CM38" s="60">
        <v>10</v>
      </c>
      <c r="CN38" s="61">
        <v>10</v>
      </c>
      <c r="CO38" s="62">
        <v>20</v>
      </c>
      <c r="CP38" s="443">
        <v>0</v>
      </c>
      <c r="CQ38" s="61">
        <v>14</v>
      </c>
      <c r="CR38" s="61">
        <v>8</v>
      </c>
      <c r="CS38" s="61">
        <v>6</v>
      </c>
      <c r="CT38" s="61">
        <v>2</v>
      </c>
      <c r="CU38" s="61">
        <v>0</v>
      </c>
      <c r="CV38" s="62">
        <v>30</v>
      </c>
      <c r="CW38" s="63">
        <v>50</v>
      </c>
      <c r="CX38" s="113">
        <v>3</v>
      </c>
      <c r="CY38" s="72">
        <v>2</v>
      </c>
      <c r="CZ38" s="73">
        <v>5</v>
      </c>
      <c r="DA38" s="443">
        <v>0</v>
      </c>
      <c r="DB38" s="72">
        <v>6</v>
      </c>
      <c r="DC38" s="72">
        <v>1</v>
      </c>
      <c r="DD38" s="72">
        <v>2</v>
      </c>
      <c r="DE38" s="72">
        <v>2</v>
      </c>
      <c r="DF38" s="72">
        <v>2</v>
      </c>
      <c r="DG38" s="74">
        <v>13</v>
      </c>
      <c r="DH38" s="75">
        <v>18</v>
      </c>
      <c r="DI38" s="60">
        <v>0</v>
      </c>
      <c r="DJ38" s="61">
        <v>0</v>
      </c>
      <c r="DK38" s="62">
        <v>0</v>
      </c>
      <c r="DL38" s="443">
        <v>0</v>
      </c>
      <c r="DM38" s="61">
        <v>0</v>
      </c>
      <c r="DN38" s="61">
        <v>0</v>
      </c>
      <c r="DO38" s="61">
        <v>0</v>
      </c>
      <c r="DP38" s="61">
        <v>0</v>
      </c>
      <c r="DQ38" s="61">
        <v>0</v>
      </c>
      <c r="DR38" s="62">
        <v>0</v>
      </c>
      <c r="DS38" s="63">
        <v>0</v>
      </c>
      <c r="DT38" s="60">
        <v>1</v>
      </c>
      <c r="DU38" s="61">
        <v>0</v>
      </c>
      <c r="DV38" s="62">
        <v>1</v>
      </c>
      <c r="DW38" s="443">
        <v>0</v>
      </c>
      <c r="DX38" s="61">
        <v>1</v>
      </c>
      <c r="DY38" s="61">
        <v>0</v>
      </c>
      <c r="DZ38" s="61">
        <v>0</v>
      </c>
      <c r="EA38" s="61">
        <v>0</v>
      </c>
      <c r="EB38" s="61">
        <v>0</v>
      </c>
      <c r="EC38" s="62">
        <v>1</v>
      </c>
      <c r="ED38" s="63">
        <v>2</v>
      </c>
      <c r="EE38" s="60">
        <v>1</v>
      </c>
      <c r="EF38" s="61">
        <v>0</v>
      </c>
      <c r="EG38" s="62">
        <v>1</v>
      </c>
      <c r="EH38" s="443">
        <v>0</v>
      </c>
      <c r="EI38" s="61">
        <v>0</v>
      </c>
      <c r="EJ38" s="61">
        <v>1</v>
      </c>
      <c r="EK38" s="61">
        <v>0</v>
      </c>
      <c r="EL38" s="61">
        <v>0</v>
      </c>
      <c r="EM38" s="61">
        <v>0</v>
      </c>
      <c r="EN38" s="62">
        <v>1</v>
      </c>
      <c r="EO38" s="63">
        <v>2</v>
      </c>
      <c r="EP38" s="60">
        <v>0</v>
      </c>
      <c r="EQ38" s="61">
        <v>0</v>
      </c>
      <c r="ER38" s="62">
        <v>0</v>
      </c>
      <c r="ES38" s="443">
        <v>0</v>
      </c>
      <c r="ET38" s="61">
        <v>1</v>
      </c>
      <c r="EU38" s="61">
        <v>0</v>
      </c>
      <c r="EV38" s="61">
        <v>0</v>
      </c>
      <c r="EW38" s="61">
        <v>1</v>
      </c>
      <c r="EX38" s="61">
        <v>0</v>
      </c>
      <c r="EY38" s="62">
        <v>2</v>
      </c>
      <c r="EZ38" s="63">
        <v>2</v>
      </c>
      <c r="FA38" s="60">
        <v>0</v>
      </c>
      <c r="FB38" s="61">
        <v>1</v>
      </c>
      <c r="FC38" s="62">
        <v>1</v>
      </c>
      <c r="FD38" s="443">
        <v>0</v>
      </c>
      <c r="FE38" s="61">
        <v>2</v>
      </c>
      <c r="FF38" s="61">
        <v>0</v>
      </c>
      <c r="FG38" s="61">
        <v>0</v>
      </c>
      <c r="FH38" s="61">
        <v>0</v>
      </c>
      <c r="FI38" s="61">
        <v>1</v>
      </c>
      <c r="FJ38" s="62">
        <v>3</v>
      </c>
      <c r="FK38" s="63">
        <v>4</v>
      </c>
      <c r="FL38" s="60">
        <v>1</v>
      </c>
      <c r="FM38" s="61">
        <v>1</v>
      </c>
      <c r="FN38" s="62">
        <v>2</v>
      </c>
      <c r="FO38" s="443">
        <v>0</v>
      </c>
      <c r="FP38" s="61">
        <v>2</v>
      </c>
      <c r="FQ38" s="61">
        <v>0</v>
      </c>
      <c r="FR38" s="61">
        <v>2</v>
      </c>
      <c r="FS38" s="61">
        <v>1</v>
      </c>
      <c r="FT38" s="61">
        <v>1</v>
      </c>
      <c r="FU38" s="62">
        <v>6</v>
      </c>
      <c r="FV38" s="63">
        <v>8</v>
      </c>
      <c r="FW38" s="60">
        <v>0</v>
      </c>
      <c r="FX38" s="61">
        <v>0</v>
      </c>
      <c r="FY38" s="62">
        <v>0</v>
      </c>
      <c r="FZ38" s="443">
        <v>0</v>
      </c>
      <c r="GA38" s="61">
        <v>0</v>
      </c>
      <c r="GB38" s="61">
        <v>0</v>
      </c>
      <c r="GC38" s="61">
        <v>0</v>
      </c>
      <c r="GD38" s="61">
        <v>0</v>
      </c>
      <c r="GE38" s="61">
        <v>0</v>
      </c>
      <c r="GF38" s="62">
        <v>0</v>
      </c>
      <c r="GG38" s="63">
        <v>0</v>
      </c>
      <c r="GH38" s="60">
        <v>3</v>
      </c>
      <c r="GI38" s="61">
        <v>2</v>
      </c>
      <c r="GJ38" s="62">
        <v>5</v>
      </c>
      <c r="GK38" s="443">
        <v>0</v>
      </c>
      <c r="GL38" s="61">
        <v>6</v>
      </c>
      <c r="GM38" s="61">
        <v>1</v>
      </c>
      <c r="GN38" s="61">
        <v>2</v>
      </c>
      <c r="GO38" s="61">
        <v>2</v>
      </c>
      <c r="GP38" s="61">
        <v>2</v>
      </c>
      <c r="GQ38" s="62">
        <v>13</v>
      </c>
      <c r="GR38" s="63">
        <v>18</v>
      </c>
      <c r="GS38" s="113">
        <v>13</v>
      </c>
      <c r="GT38" s="72">
        <v>12</v>
      </c>
      <c r="GU38" s="73">
        <v>25</v>
      </c>
      <c r="GV38" s="443">
        <v>0</v>
      </c>
      <c r="GW38" s="72">
        <v>20</v>
      </c>
      <c r="GX38" s="72">
        <v>9</v>
      </c>
      <c r="GY38" s="72">
        <v>8</v>
      </c>
      <c r="GZ38" s="72">
        <v>4</v>
      </c>
      <c r="HA38" s="72">
        <v>2</v>
      </c>
      <c r="HB38" s="74">
        <v>43</v>
      </c>
      <c r="HC38" s="75">
        <v>68</v>
      </c>
      <c r="HD38" s="60">
        <v>1</v>
      </c>
      <c r="HE38" s="61">
        <v>0</v>
      </c>
      <c r="HF38" s="62">
        <v>1</v>
      </c>
      <c r="HG38" s="443">
        <v>0</v>
      </c>
      <c r="HH38" s="61">
        <v>0</v>
      </c>
      <c r="HI38" s="61">
        <v>0</v>
      </c>
      <c r="HJ38" s="61">
        <v>0</v>
      </c>
      <c r="HK38" s="61">
        <v>1</v>
      </c>
      <c r="HL38" s="61">
        <v>0</v>
      </c>
      <c r="HM38" s="62">
        <v>1</v>
      </c>
      <c r="HN38" s="63">
        <v>2</v>
      </c>
      <c r="HO38" s="60">
        <v>2</v>
      </c>
      <c r="HP38" s="61">
        <v>0</v>
      </c>
      <c r="HQ38" s="62">
        <v>2</v>
      </c>
      <c r="HR38" s="443">
        <v>0</v>
      </c>
      <c r="HS38" s="61">
        <v>2</v>
      </c>
      <c r="HT38" s="61">
        <v>0</v>
      </c>
      <c r="HU38" s="61">
        <v>1</v>
      </c>
      <c r="HV38" s="61">
        <v>0</v>
      </c>
      <c r="HW38" s="61">
        <v>0</v>
      </c>
      <c r="HX38" s="62">
        <v>3</v>
      </c>
      <c r="HY38" s="63">
        <v>5</v>
      </c>
      <c r="HZ38" s="60">
        <v>1</v>
      </c>
      <c r="IA38" s="61">
        <v>1</v>
      </c>
      <c r="IB38" s="62">
        <v>2</v>
      </c>
      <c r="IC38" s="443">
        <v>0</v>
      </c>
      <c r="ID38" s="61">
        <v>5</v>
      </c>
      <c r="IE38" s="61">
        <v>2</v>
      </c>
      <c r="IF38" s="61">
        <v>3</v>
      </c>
      <c r="IG38" s="61">
        <v>0</v>
      </c>
      <c r="IH38" s="61">
        <v>0</v>
      </c>
      <c r="II38" s="62">
        <v>10</v>
      </c>
      <c r="IJ38" s="63">
        <v>12</v>
      </c>
      <c r="IK38" s="60">
        <v>3</v>
      </c>
      <c r="IL38" s="61">
        <v>4</v>
      </c>
      <c r="IM38" s="62">
        <v>7</v>
      </c>
      <c r="IN38" s="443">
        <v>0</v>
      </c>
      <c r="IO38" s="61">
        <v>4</v>
      </c>
      <c r="IP38" s="61">
        <v>3</v>
      </c>
      <c r="IQ38" s="61">
        <v>1</v>
      </c>
      <c r="IR38" s="61">
        <v>1</v>
      </c>
      <c r="IS38" s="61">
        <v>0</v>
      </c>
      <c r="IT38" s="62">
        <v>9</v>
      </c>
      <c r="IU38" s="63">
        <v>16</v>
      </c>
      <c r="IV38" s="60">
        <v>1</v>
      </c>
      <c r="IW38" s="61">
        <v>5</v>
      </c>
      <c r="IX38" s="62">
        <v>6</v>
      </c>
      <c r="IY38" s="443">
        <v>0</v>
      </c>
      <c r="IZ38" s="61">
        <v>7</v>
      </c>
      <c r="JA38" s="61">
        <v>1</v>
      </c>
      <c r="JB38" s="61">
        <v>1</v>
      </c>
      <c r="JC38" s="61">
        <v>0</v>
      </c>
      <c r="JD38" s="61">
        <v>1</v>
      </c>
      <c r="JE38" s="62">
        <v>10</v>
      </c>
      <c r="JF38" s="63">
        <v>16</v>
      </c>
      <c r="JG38" s="60">
        <v>5</v>
      </c>
      <c r="JH38" s="61">
        <v>2</v>
      </c>
      <c r="JI38" s="62">
        <v>7</v>
      </c>
      <c r="JJ38" s="443">
        <v>0</v>
      </c>
      <c r="JK38" s="61">
        <v>2</v>
      </c>
      <c r="JL38" s="61">
        <v>3</v>
      </c>
      <c r="JM38" s="61">
        <v>2</v>
      </c>
      <c r="JN38" s="61">
        <v>2</v>
      </c>
      <c r="JO38" s="61">
        <v>1</v>
      </c>
      <c r="JP38" s="62">
        <v>10</v>
      </c>
      <c r="JQ38" s="63">
        <v>17</v>
      </c>
      <c r="JR38" s="60">
        <v>0</v>
      </c>
      <c r="JS38" s="61">
        <v>0</v>
      </c>
      <c r="JT38" s="62">
        <v>0</v>
      </c>
      <c r="JU38" s="443">
        <v>0</v>
      </c>
      <c r="JV38" s="61">
        <v>0</v>
      </c>
      <c r="JW38" s="61">
        <v>0</v>
      </c>
      <c r="JX38" s="61">
        <v>0</v>
      </c>
      <c r="JY38" s="61">
        <v>0</v>
      </c>
      <c r="JZ38" s="61">
        <v>0</v>
      </c>
      <c r="KA38" s="62">
        <v>0</v>
      </c>
      <c r="KB38" s="63">
        <v>0</v>
      </c>
      <c r="KC38" s="60">
        <v>13</v>
      </c>
      <c r="KD38" s="61">
        <v>12</v>
      </c>
      <c r="KE38" s="62">
        <v>25</v>
      </c>
      <c r="KF38" s="443">
        <v>0</v>
      </c>
      <c r="KG38" s="61">
        <v>20</v>
      </c>
      <c r="KH38" s="61">
        <v>9</v>
      </c>
      <c r="KI38" s="61">
        <v>8</v>
      </c>
      <c r="KJ38" s="61">
        <v>4</v>
      </c>
      <c r="KK38" s="61">
        <v>2</v>
      </c>
      <c r="KL38" s="62">
        <v>43</v>
      </c>
      <c r="KM38" s="63">
        <v>68</v>
      </c>
    </row>
    <row r="39" spans="2:299" ht="21" customHeight="1" x14ac:dyDescent="0.2">
      <c r="B39" s="437" t="s">
        <v>36</v>
      </c>
      <c r="C39" s="287">
        <v>5</v>
      </c>
      <c r="D39" s="72">
        <v>5</v>
      </c>
      <c r="E39" s="73">
        <v>10</v>
      </c>
      <c r="F39" s="443">
        <v>0</v>
      </c>
      <c r="G39" s="72">
        <v>11</v>
      </c>
      <c r="H39" s="72">
        <v>12</v>
      </c>
      <c r="I39" s="72">
        <v>9</v>
      </c>
      <c r="J39" s="72">
        <v>4</v>
      </c>
      <c r="K39" s="72">
        <v>1</v>
      </c>
      <c r="L39" s="74">
        <v>37</v>
      </c>
      <c r="M39" s="75">
        <v>47</v>
      </c>
      <c r="N39" s="60">
        <v>0</v>
      </c>
      <c r="O39" s="61">
        <v>0</v>
      </c>
      <c r="P39" s="62">
        <v>0</v>
      </c>
      <c r="Q39" s="443">
        <v>0</v>
      </c>
      <c r="R39" s="61">
        <v>0</v>
      </c>
      <c r="S39" s="61">
        <v>1</v>
      </c>
      <c r="T39" s="61">
        <v>0</v>
      </c>
      <c r="U39" s="61">
        <v>0</v>
      </c>
      <c r="V39" s="61">
        <v>0</v>
      </c>
      <c r="W39" s="62">
        <v>1</v>
      </c>
      <c r="X39" s="63">
        <v>1</v>
      </c>
      <c r="Y39" s="60">
        <v>1</v>
      </c>
      <c r="Z39" s="61">
        <v>1</v>
      </c>
      <c r="AA39" s="62">
        <v>2</v>
      </c>
      <c r="AB39" s="443">
        <v>0</v>
      </c>
      <c r="AC39" s="61">
        <v>0</v>
      </c>
      <c r="AD39" s="61">
        <v>3</v>
      </c>
      <c r="AE39" s="61">
        <v>0</v>
      </c>
      <c r="AF39" s="61">
        <v>0</v>
      </c>
      <c r="AG39" s="61">
        <v>0</v>
      </c>
      <c r="AH39" s="62">
        <v>3</v>
      </c>
      <c r="AI39" s="63">
        <v>5</v>
      </c>
      <c r="AJ39" s="60">
        <v>0</v>
      </c>
      <c r="AK39" s="61">
        <v>0</v>
      </c>
      <c r="AL39" s="62">
        <v>0</v>
      </c>
      <c r="AM39" s="443">
        <v>0</v>
      </c>
      <c r="AN39" s="61">
        <v>1</v>
      </c>
      <c r="AO39" s="61">
        <v>1</v>
      </c>
      <c r="AP39" s="61">
        <v>1</v>
      </c>
      <c r="AQ39" s="61">
        <v>0</v>
      </c>
      <c r="AR39" s="61">
        <v>0</v>
      </c>
      <c r="AS39" s="62">
        <v>3</v>
      </c>
      <c r="AT39" s="63">
        <v>3</v>
      </c>
      <c r="AU39" s="60">
        <v>3</v>
      </c>
      <c r="AV39" s="61">
        <v>0</v>
      </c>
      <c r="AW39" s="62">
        <v>3</v>
      </c>
      <c r="AX39" s="443">
        <v>0</v>
      </c>
      <c r="AY39" s="61">
        <v>6</v>
      </c>
      <c r="AZ39" s="61">
        <v>2</v>
      </c>
      <c r="BA39" s="61">
        <v>2</v>
      </c>
      <c r="BB39" s="61">
        <v>1</v>
      </c>
      <c r="BC39" s="61">
        <v>1</v>
      </c>
      <c r="BD39" s="62">
        <v>12</v>
      </c>
      <c r="BE39" s="63">
        <v>15</v>
      </c>
      <c r="BF39" s="60">
        <v>1</v>
      </c>
      <c r="BG39" s="61">
        <v>2</v>
      </c>
      <c r="BH39" s="62">
        <v>3</v>
      </c>
      <c r="BI39" s="443">
        <v>0</v>
      </c>
      <c r="BJ39" s="61">
        <v>4</v>
      </c>
      <c r="BK39" s="61">
        <v>2</v>
      </c>
      <c r="BL39" s="61">
        <v>3</v>
      </c>
      <c r="BM39" s="61">
        <v>1</v>
      </c>
      <c r="BN39" s="61">
        <v>0</v>
      </c>
      <c r="BO39" s="62">
        <v>10</v>
      </c>
      <c r="BP39" s="63">
        <v>13</v>
      </c>
      <c r="BQ39" s="60">
        <v>0</v>
      </c>
      <c r="BR39" s="61">
        <v>2</v>
      </c>
      <c r="BS39" s="62">
        <v>2</v>
      </c>
      <c r="BT39" s="443">
        <v>0</v>
      </c>
      <c r="BU39" s="61">
        <v>0</v>
      </c>
      <c r="BV39" s="61">
        <v>3</v>
      </c>
      <c r="BW39" s="61">
        <v>3</v>
      </c>
      <c r="BX39" s="61">
        <v>2</v>
      </c>
      <c r="BY39" s="61">
        <v>0</v>
      </c>
      <c r="BZ39" s="62">
        <v>8</v>
      </c>
      <c r="CA39" s="63">
        <v>10</v>
      </c>
      <c r="CB39" s="60">
        <v>0</v>
      </c>
      <c r="CC39" s="61">
        <v>0</v>
      </c>
      <c r="CD39" s="62">
        <v>0</v>
      </c>
      <c r="CE39" s="443">
        <v>0</v>
      </c>
      <c r="CF39" s="61">
        <v>0</v>
      </c>
      <c r="CG39" s="61">
        <v>0</v>
      </c>
      <c r="CH39" s="61">
        <v>0</v>
      </c>
      <c r="CI39" s="61">
        <v>0</v>
      </c>
      <c r="CJ39" s="61">
        <v>0</v>
      </c>
      <c r="CK39" s="62">
        <v>0</v>
      </c>
      <c r="CL39" s="63">
        <v>0</v>
      </c>
      <c r="CM39" s="60">
        <v>5</v>
      </c>
      <c r="CN39" s="61">
        <v>5</v>
      </c>
      <c r="CO39" s="62">
        <v>10</v>
      </c>
      <c r="CP39" s="443">
        <v>0</v>
      </c>
      <c r="CQ39" s="61">
        <v>11</v>
      </c>
      <c r="CR39" s="61">
        <v>12</v>
      </c>
      <c r="CS39" s="61">
        <v>9</v>
      </c>
      <c r="CT39" s="61">
        <v>4</v>
      </c>
      <c r="CU39" s="61">
        <v>1</v>
      </c>
      <c r="CV39" s="62">
        <v>37</v>
      </c>
      <c r="CW39" s="63">
        <v>47</v>
      </c>
      <c r="CX39" s="113">
        <v>1</v>
      </c>
      <c r="CY39" s="72">
        <v>6</v>
      </c>
      <c r="CZ39" s="73">
        <v>7</v>
      </c>
      <c r="DA39" s="443">
        <v>0</v>
      </c>
      <c r="DB39" s="72">
        <v>3</v>
      </c>
      <c r="DC39" s="72">
        <v>8</v>
      </c>
      <c r="DD39" s="72">
        <v>2</v>
      </c>
      <c r="DE39" s="72">
        <v>2</v>
      </c>
      <c r="DF39" s="72">
        <v>2</v>
      </c>
      <c r="DG39" s="74">
        <v>17</v>
      </c>
      <c r="DH39" s="75">
        <v>24</v>
      </c>
      <c r="DI39" s="60">
        <v>0</v>
      </c>
      <c r="DJ39" s="61">
        <v>0</v>
      </c>
      <c r="DK39" s="62">
        <v>0</v>
      </c>
      <c r="DL39" s="443">
        <v>0</v>
      </c>
      <c r="DM39" s="61">
        <v>0</v>
      </c>
      <c r="DN39" s="61">
        <v>0</v>
      </c>
      <c r="DO39" s="61">
        <v>0</v>
      </c>
      <c r="DP39" s="61">
        <v>0</v>
      </c>
      <c r="DQ39" s="61">
        <v>0</v>
      </c>
      <c r="DR39" s="62">
        <v>0</v>
      </c>
      <c r="DS39" s="63">
        <v>0</v>
      </c>
      <c r="DT39" s="60">
        <v>0</v>
      </c>
      <c r="DU39" s="61">
        <v>0</v>
      </c>
      <c r="DV39" s="62">
        <v>0</v>
      </c>
      <c r="DW39" s="443">
        <v>0</v>
      </c>
      <c r="DX39" s="61">
        <v>0</v>
      </c>
      <c r="DY39" s="61">
        <v>0</v>
      </c>
      <c r="DZ39" s="61">
        <v>0</v>
      </c>
      <c r="EA39" s="61">
        <v>0</v>
      </c>
      <c r="EB39" s="61">
        <v>0</v>
      </c>
      <c r="EC39" s="62">
        <v>0</v>
      </c>
      <c r="ED39" s="63">
        <v>0</v>
      </c>
      <c r="EE39" s="60">
        <v>0</v>
      </c>
      <c r="EF39" s="61">
        <v>0</v>
      </c>
      <c r="EG39" s="62">
        <v>0</v>
      </c>
      <c r="EH39" s="443">
        <v>0</v>
      </c>
      <c r="EI39" s="61">
        <v>0</v>
      </c>
      <c r="EJ39" s="61">
        <v>0</v>
      </c>
      <c r="EK39" s="61">
        <v>0</v>
      </c>
      <c r="EL39" s="61">
        <v>0</v>
      </c>
      <c r="EM39" s="61">
        <v>0</v>
      </c>
      <c r="EN39" s="62">
        <v>0</v>
      </c>
      <c r="EO39" s="63">
        <v>0</v>
      </c>
      <c r="EP39" s="60">
        <v>0</v>
      </c>
      <c r="EQ39" s="61">
        <v>0</v>
      </c>
      <c r="ER39" s="62">
        <v>0</v>
      </c>
      <c r="ES39" s="443">
        <v>0</v>
      </c>
      <c r="ET39" s="61">
        <v>0</v>
      </c>
      <c r="EU39" s="61">
        <v>0</v>
      </c>
      <c r="EV39" s="61">
        <v>0</v>
      </c>
      <c r="EW39" s="61">
        <v>0</v>
      </c>
      <c r="EX39" s="61">
        <v>0</v>
      </c>
      <c r="EY39" s="62">
        <v>0</v>
      </c>
      <c r="EZ39" s="63">
        <v>0</v>
      </c>
      <c r="FA39" s="60">
        <v>0</v>
      </c>
      <c r="FB39" s="61">
        <v>4</v>
      </c>
      <c r="FC39" s="62">
        <v>4</v>
      </c>
      <c r="FD39" s="443">
        <v>0</v>
      </c>
      <c r="FE39" s="61">
        <v>2</v>
      </c>
      <c r="FF39" s="61">
        <v>4</v>
      </c>
      <c r="FG39" s="61">
        <v>1</v>
      </c>
      <c r="FH39" s="61">
        <v>2</v>
      </c>
      <c r="FI39" s="61">
        <v>0</v>
      </c>
      <c r="FJ39" s="62">
        <v>9</v>
      </c>
      <c r="FK39" s="63">
        <v>13</v>
      </c>
      <c r="FL39" s="60">
        <v>1</v>
      </c>
      <c r="FM39" s="61">
        <v>2</v>
      </c>
      <c r="FN39" s="62">
        <v>3</v>
      </c>
      <c r="FO39" s="443">
        <v>0</v>
      </c>
      <c r="FP39" s="61">
        <v>1</v>
      </c>
      <c r="FQ39" s="61">
        <v>4</v>
      </c>
      <c r="FR39" s="61">
        <v>1</v>
      </c>
      <c r="FS39" s="61">
        <v>0</v>
      </c>
      <c r="FT39" s="61">
        <v>2</v>
      </c>
      <c r="FU39" s="62">
        <v>8</v>
      </c>
      <c r="FV39" s="63">
        <v>11</v>
      </c>
      <c r="FW39" s="60">
        <v>0</v>
      </c>
      <c r="FX39" s="61">
        <v>0</v>
      </c>
      <c r="FY39" s="62">
        <v>0</v>
      </c>
      <c r="FZ39" s="443">
        <v>0</v>
      </c>
      <c r="GA39" s="61">
        <v>0</v>
      </c>
      <c r="GB39" s="61">
        <v>0</v>
      </c>
      <c r="GC39" s="61">
        <v>0</v>
      </c>
      <c r="GD39" s="61">
        <v>0</v>
      </c>
      <c r="GE39" s="61">
        <v>0</v>
      </c>
      <c r="GF39" s="62">
        <v>0</v>
      </c>
      <c r="GG39" s="63">
        <v>0</v>
      </c>
      <c r="GH39" s="60">
        <v>1</v>
      </c>
      <c r="GI39" s="61">
        <v>6</v>
      </c>
      <c r="GJ39" s="62">
        <v>7</v>
      </c>
      <c r="GK39" s="443">
        <v>0</v>
      </c>
      <c r="GL39" s="61">
        <v>3</v>
      </c>
      <c r="GM39" s="61">
        <v>8</v>
      </c>
      <c r="GN39" s="61">
        <v>2</v>
      </c>
      <c r="GO39" s="61">
        <v>2</v>
      </c>
      <c r="GP39" s="61">
        <v>2</v>
      </c>
      <c r="GQ39" s="62">
        <v>17</v>
      </c>
      <c r="GR39" s="63">
        <v>24</v>
      </c>
      <c r="GS39" s="113">
        <v>6</v>
      </c>
      <c r="GT39" s="72">
        <v>11</v>
      </c>
      <c r="GU39" s="73">
        <v>17</v>
      </c>
      <c r="GV39" s="443">
        <v>0</v>
      </c>
      <c r="GW39" s="72">
        <v>14</v>
      </c>
      <c r="GX39" s="72">
        <v>20</v>
      </c>
      <c r="GY39" s="72">
        <v>11</v>
      </c>
      <c r="GZ39" s="72">
        <v>6</v>
      </c>
      <c r="HA39" s="72">
        <v>3</v>
      </c>
      <c r="HB39" s="74">
        <v>54</v>
      </c>
      <c r="HC39" s="75">
        <v>71</v>
      </c>
      <c r="HD39" s="60">
        <v>0</v>
      </c>
      <c r="HE39" s="61">
        <v>0</v>
      </c>
      <c r="HF39" s="62">
        <v>0</v>
      </c>
      <c r="HG39" s="443">
        <v>0</v>
      </c>
      <c r="HH39" s="61">
        <v>0</v>
      </c>
      <c r="HI39" s="61">
        <v>1</v>
      </c>
      <c r="HJ39" s="61">
        <v>0</v>
      </c>
      <c r="HK39" s="61">
        <v>0</v>
      </c>
      <c r="HL39" s="61">
        <v>0</v>
      </c>
      <c r="HM39" s="62">
        <v>1</v>
      </c>
      <c r="HN39" s="63">
        <v>1</v>
      </c>
      <c r="HO39" s="60">
        <v>1</v>
      </c>
      <c r="HP39" s="61">
        <v>1</v>
      </c>
      <c r="HQ39" s="62">
        <v>2</v>
      </c>
      <c r="HR39" s="443">
        <v>0</v>
      </c>
      <c r="HS39" s="61">
        <v>0</v>
      </c>
      <c r="HT39" s="61">
        <v>3</v>
      </c>
      <c r="HU39" s="61">
        <v>0</v>
      </c>
      <c r="HV39" s="61">
        <v>0</v>
      </c>
      <c r="HW39" s="61">
        <v>0</v>
      </c>
      <c r="HX39" s="62">
        <v>3</v>
      </c>
      <c r="HY39" s="63">
        <v>5</v>
      </c>
      <c r="HZ39" s="60">
        <v>0</v>
      </c>
      <c r="IA39" s="61">
        <v>0</v>
      </c>
      <c r="IB39" s="62">
        <v>0</v>
      </c>
      <c r="IC39" s="443">
        <v>0</v>
      </c>
      <c r="ID39" s="61">
        <v>1</v>
      </c>
      <c r="IE39" s="61">
        <v>1</v>
      </c>
      <c r="IF39" s="61">
        <v>1</v>
      </c>
      <c r="IG39" s="61">
        <v>0</v>
      </c>
      <c r="IH39" s="61">
        <v>0</v>
      </c>
      <c r="II39" s="62">
        <v>3</v>
      </c>
      <c r="IJ39" s="63">
        <v>3</v>
      </c>
      <c r="IK39" s="60">
        <v>3</v>
      </c>
      <c r="IL39" s="61">
        <v>0</v>
      </c>
      <c r="IM39" s="62">
        <v>3</v>
      </c>
      <c r="IN39" s="443">
        <v>0</v>
      </c>
      <c r="IO39" s="61">
        <v>6</v>
      </c>
      <c r="IP39" s="61">
        <v>2</v>
      </c>
      <c r="IQ39" s="61">
        <v>2</v>
      </c>
      <c r="IR39" s="61">
        <v>1</v>
      </c>
      <c r="IS39" s="61">
        <v>1</v>
      </c>
      <c r="IT39" s="62">
        <v>12</v>
      </c>
      <c r="IU39" s="63">
        <v>15</v>
      </c>
      <c r="IV39" s="60">
        <v>1</v>
      </c>
      <c r="IW39" s="61">
        <v>6</v>
      </c>
      <c r="IX39" s="62">
        <v>7</v>
      </c>
      <c r="IY39" s="443">
        <v>0</v>
      </c>
      <c r="IZ39" s="61">
        <v>6</v>
      </c>
      <c r="JA39" s="61">
        <v>6</v>
      </c>
      <c r="JB39" s="61">
        <v>4</v>
      </c>
      <c r="JC39" s="61">
        <v>3</v>
      </c>
      <c r="JD39" s="61">
        <v>0</v>
      </c>
      <c r="JE39" s="62">
        <v>19</v>
      </c>
      <c r="JF39" s="63">
        <v>26</v>
      </c>
      <c r="JG39" s="60">
        <v>1</v>
      </c>
      <c r="JH39" s="61">
        <v>4</v>
      </c>
      <c r="JI39" s="62">
        <v>5</v>
      </c>
      <c r="JJ39" s="443">
        <v>0</v>
      </c>
      <c r="JK39" s="61">
        <v>1</v>
      </c>
      <c r="JL39" s="61">
        <v>7</v>
      </c>
      <c r="JM39" s="61">
        <v>4</v>
      </c>
      <c r="JN39" s="61">
        <v>2</v>
      </c>
      <c r="JO39" s="61">
        <v>2</v>
      </c>
      <c r="JP39" s="62">
        <v>16</v>
      </c>
      <c r="JQ39" s="63">
        <v>21</v>
      </c>
      <c r="JR39" s="60">
        <v>0</v>
      </c>
      <c r="JS39" s="61">
        <v>0</v>
      </c>
      <c r="JT39" s="62">
        <v>0</v>
      </c>
      <c r="JU39" s="443">
        <v>0</v>
      </c>
      <c r="JV39" s="61">
        <v>0</v>
      </c>
      <c r="JW39" s="61">
        <v>0</v>
      </c>
      <c r="JX39" s="61">
        <v>0</v>
      </c>
      <c r="JY39" s="61">
        <v>0</v>
      </c>
      <c r="JZ39" s="61">
        <v>0</v>
      </c>
      <c r="KA39" s="62">
        <v>0</v>
      </c>
      <c r="KB39" s="63">
        <v>0</v>
      </c>
      <c r="KC39" s="60">
        <v>6</v>
      </c>
      <c r="KD39" s="61">
        <v>11</v>
      </c>
      <c r="KE39" s="62">
        <v>17</v>
      </c>
      <c r="KF39" s="443">
        <v>0</v>
      </c>
      <c r="KG39" s="61">
        <v>14</v>
      </c>
      <c r="KH39" s="61">
        <v>20</v>
      </c>
      <c r="KI39" s="61">
        <v>11</v>
      </c>
      <c r="KJ39" s="61">
        <v>6</v>
      </c>
      <c r="KK39" s="61">
        <v>3</v>
      </c>
      <c r="KL39" s="62">
        <v>54</v>
      </c>
      <c r="KM39" s="63">
        <v>71</v>
      </c>
    </row>
    <row r="40" spans="2:299" ht="21" customHeight="1" thickBot="1" x14ac:dyDescent="0.25">
      <c r="B40" s="438" t="s">
        <v>37</v>
      </c>
      <c r="C40" s="288">
        <v>1</v>
      </c>
      <c r="D40" s="77">
        <v>0</v>
      </c>
      <c r="E40" s="78">
        <v>1</v>
      </c>
      <c r="F40" s="444">
        <v>0</v>
      </c>
      <c r="G40" s="77">
        <v>0</v>
      </c>
      <c r="H40" s="77">
        <v>0</v>
      </c>
      <c r="I40" s="77">
        <v>0</v>
      </c>
      <c r="J40" s="77">
        <v>1</v>
      </c>
      <c r="K40" s="77">
        <v>0</v>
      </c>
      <c r="L40" s="79">
        <v>1</v>
      </c>
      <c r="M40" s="80">
        <v>2</v>
      </c>
      <c r="N40" s="64">
        <v>0</v>
      </c>
      <c r="O40" s="65">
        <v>0</v>
      </c>
      <c r="P40" s="66">
        <v>0</v>
      </c>
      <c r="Q40" s="444">
        <v>0</v>
      </c>
      <c r="R40" s="65">
        <v>0</v>
      </c>
      <c r="S40" s="65">
        <v>0</v>
      </c>
      <c r="T40" s="65">
        <v>0</v>
      </c>
      <c r="U40" s="65">
        <v>0</v>
      </c>
      <c r="V40" s="65">
        <v>0</v>
      </c>
      <c r="W40" s="66">
        <v>0</v>
      </c>
      <c r="X40" s="67">
        <v>0</v>
      </c>
      <c r="Y40" s="64">
        <v>1</v>
      </c>
      <c r="Z40" s="65">
        <v>0</v>
      </c>
      <c r="AA40" s="66">
        <v>1</v>
      </c>
      <c r="AB40" s="444">
        <v>0</v>
      </c>
      <c r="AC40" s="65">
        <v>0</v>
      </c>
      <c r="AD40" s="65">
        <v>0</v>
      </c>
      <c r="AE40" s="65">
        <v>0</v>
      </c>
      <c r="AF40" s="65">
        <v>1</v>
      </c>
      <c r="AG40" s="65">
        <v>0</v>
      </c>
      <c r="AH40" s="66">
        <v>1</v>
      </c>
      <c r="AI40" s="67">
        <v>2</v>
      </c>
      <c r="AJ40" s="64">
        <v>0</v>
      </c>
      <c r="AK40" s="65">
        <v>0</v>
      </c>
      <c r="AL40" s="66">
        <v>0</v>
      </c>
      <c r="AM40" s="444">
        <v>0</v>
      </c>
      <c r="AN40" s="65">
        <v>0</v>
      </c>
      <c r="AO40" s="65">
        <v>0</v>
      </c>
      <c r="AP40" s="65">
        <v>0</v>
      </c>
      <c r="AQ40" s="65">
        <v>0</v>
      </c>
      <c r="AR40" s="65">
        <v>0</v>
      </c>
      <c r="AS40" s="66">
        <v>0</v>
      </c>
      <c r="AT40" s="67">
        <v>0</v>
      </c>
      <c r="AU40" s="64">
        <v>0</v>
      </c>
      <c r="AV40" s="65">
        <v>0</v>
      </c>
      <c r="AW40" s="66">
        <v>0</v>
      </c>
      <c r="AX40" s="444">
        <v>0</v>
      </c>
      <c r="AY40" s="65">
        <v>0</v>
      </c>
      <c r="AZ40" s="65">
        <v>0</v>
      </c>
      <c r="BA40" s="65">
        <v>0</v>
      </c>
      <c r="BB40" s="65">
        <v>0</v>
      </c>
      <c r="BC40" s="65">
        <v>0</v>
      </c>
      <c r="BD40" s="66">
        <v>0</v>
      </c>
      <c r="BE40" s="67">
        <v>0</v>
      </c>
      <c r="BF40" s="64">
        <v>0</v>
      </c>
      <c r="BG40" s="65">
        <v>0</v>
      </c>
      <c r="BH40" s="66">
        <v>0</v>
      </c>
      <c r="BI40" s="444">
        <v>0</v>
      </c>
      <c r="BJ40" s="65">
        <v>0</v>
      </c>
      <c r="BK40" s="65">
        <v>0</v>
      </c>
      <c r="BL40" s="65">
        <v>0</v>
      </c>
      <c r="BM40" s="65">
        <v>0</v>
      </c>
      <c r="BN40" s="65">
        <v>0</v>
      </c>
      <c r="BO40" s="66">
        <v>0</v>
      </c>
      <c r="BP40" s="67">
        <v>0</v>
      </c>
      <c r="BQ40" s="64">
        <v>0</v>
      </c>
      <c r="BR40" s="65">
        <v>0</v>
      </c>
      <c r="BS40" s="66">
        <v>0</v>
      </c>
      <c r="BT40" s="444">
        <v>0</v>
      </c>
      <c r="BU40" s="65">
        <v>0</v>
      </c>
      <c r="BV40" s="65">
        <v>0</v>
      </c>
      <c r="BW40" s="65">
        <v>0</v>
      </c>
      <c r="BX40" s="65">
        <v>0</v>
      </c>
      <c r="BY40" s="65">
        <v>0</v>
      </c>
      <c r="BZ40" s="66">
        <v>0</v>
      </c>
      <c r="CA40" s="67">
        <v>0</v>
      </c>
      <c r="CB40" s="64">
        <v>0</v>
      </c>
      <c r="CC40" s="65">
        <v>0</v>
      </c>
      <c r="CD40" s="66">
        <v>0</v>
      </c>
      <c r="CE40" s="444">
        <v>0</v>
      </c>
      <c r="CF40" s="65">
        <v>0</v>
      </c>
      <c r="CG40" s="65">
        <v>0</v>
      </c>
      <c r="CH40" s="65">
        <v>0</v>
      </c>
      <c r="CI40" s="65">
        <v>0</v>
      </c>
      <c r="CJ40" s="65">
        <v>0</v>
      </c>
      <c r="CK40" s="66">
        <v>0</v>
      </c>
      <c r="CL40" s="67">
        <v>0</v>
      </c>
      <c r="CM40" s="64">
        <v>1</v>
      </c>
      <c r="CN40" s="65">
        <v>0</v>
      </c>
      <c r="CO40" s="66">
        <v>1</v>
      </c>
      <c r="CP40" s="444">
        <v>0</v>
      </c>
      <c r="CQ40" s="65">
        <v>0</v>
      </c>
      <c r="CR40" s="65">
        <v>0</v>
      </c>
      <c r="CS40" s="65">
        <v>0</v>
      </c>
      <c r="CT40" s="65">
        <v>1</v>
      </c>
      <c r="CU40" s="65">
        <v>0</v>
      </c>
      <c r="CV40" s="66">
        <v>1</v>
      </c>
      <c r="CW40" s="67">
        <v>2</v>
      </c>
      <c r="CX40" s="114">
        <v>0</v>
      </c>
      <c r="CY40" s="77">
        <v>0</v>
      </c>
      <c r="CZ40" s="78">
        <v>0</v>
      </c>
      <c r="DA40" s="444">
        <v>0</v>
      </c>
      <c r="DB40" s="77">
        <v>0</v>
      </c>
      <c r="DC40" s="77">
        <v>0</v>
      </c>
      <c r="DD40" s="77">
        <v>0</v>
      </c>
      <c r="DE40" s="77">
        <v>0</v>
      </c>
      <c r="DF40" s="77">
        <v>1</v>
      </c>
      <c r="DG40" s="79">
        <v>1</v>
      </c>
      <c r="DH40" s="80">
        <v>1</v>
      </c>
      <c r="DI40" s="64">
        <v>0</v>
      </c>
      <c r="DJ40" s="65">
        <v>0</v>
      </c>
      <c r="DK40" s="66">
        <v>0</v>
      </c>
      <c r="DL40" s="444">
        <v>0</v>
      </c>
      <c r="DM40" s="65">
        <v>0</v>
      </c>
      <c r="DN40" s="65">
        <v>0</v>
      </c>
      <c r="DO40" s="65">
        <v>0</v>
      </c>
      <c r="DP40" s="65">
        <v>0</v>
      </c>
      <c r="DQ40" s="65">
        <v>0</v>
      </c>
      <c r="DR40" s="66">
        <v>0</v>
      </c>
      <c r="DS40" s="67">
        <v>0</v>
      </c>
      <c r="DT40" s="64">
        <v>0</v>
      </c>
      <c r="DU40" s="65">
        <v>0</v>
      </c>
      <c r="DV40" s="66">
        <v>0</v>
      </c>
      <c r="DW40" s="444">
        <v>0</v>
      </c>
      <c r="DX40" s="65">
        <v>0</v>
      </c>
      <c r="DY40" s="65">
        <v>0</v>
      </c>
      <c r="DZ40" s="65">
        <v>0</v>
      </c>
      <c r="EA40" s="65">
        <v>0</v>
      </c>
      <c r="EB40" s="65">
        <v>0</v>
      </c>
      <c r="EC40" s="66">
        <v>0</v>
      </c>
      <c r="ED40" s="67">
        <v>0</v>
      </c>
      <c r="EE40" s="64">
        <v>0</v>
      </c>
      <c r="EF40" s="65">
        <v>0</v>
      </c>
      <c r="EG40" s="66">
        <v>0</v>
      </c>
      <c r="EH40" s="444">
        <v>0</v>
      </c>
      <c r="EI40" s="65">
        <v>0</v>
      </c>
      <c r="EJ40" s="65">
        <v>0</v>
      </c>
      <c r="EK40" s="65">
        <v>0</v>
      </c>
      <c r="EL40" s="65">
        <v>0</v>
      </c>
      <c r="EM40" s="65">
        <v>0</v>
      </c>
      <c r="EN40" s="66">
        <v>0</v>
      </c>
      <c r="EO40" s="67">
        <v>0</v>
      </c>
      <c r="EP40" s="64">
        <v>0</v>
      </c>
      <c r="EQ40" s="65">
        <v>0</v>
      </c>
      <c r="ER40" s="66">
        <v>0</v>
      </c>
      <c r="ES40" s="444">
        <v>0</v>
      </c>
      <c r="ET40" s="65">
        <v>0</v>
      </c>
      <c r="EU40" s="65">
        <v>0</v>
      </c>
      <c r="EV40" s="65">
        <v>0</v>
      </c>
      <c r="EW40" s="65">
        <v>0</v>
      </c>
      <c r="EX40" s="65">
        <v>0</v>
      </c>
      <c r="EY40" s="66">
        <v>0</v>
      </c>
      <c r="EZ40" s="67">
        <v>0</v>
      </c>
      <c r="FA40" s="64">
        <v>0</v>
      </c>
      <c r="FB40" s="65">
        <v>0</v>
      </c>
      <c r="FC40" s="66">
        <v>0</v>
      </c>
      <c r="FD40" s="444">
        <v>0</v>
      </c>
      <c r="FE40" s="65">
        <v>0</v>
      </c>
      <c r="FF40" s="65">
        <v>0</v>
      </c>
      <c r="FG40" s="65">
        <v>0</v>
      </c>
      <c r="FH40" s="65">
        <v>0</v>
      </c>
      <c r="FI40" s="65">
        <v>0</v>
      </c>
      <c r="FJ40" s="66">
        <v>0</v>
      </c>
      <c r="FK40" s="67">
        <v>0</v>
      </c>
      <c r="FL40" s="64">
        <v>0</v>
      </c>
      <c r="FM40" s="65">
        <v>0</v>
      </c>
      <c r="FN40" s="66">
        <v>0</v>
      </c>
      <c r="FO40" s="444">
        <v>0</v>
      </c>
      <c r="FP40" s="65">
        <v>0</v>
      </c>
      <c r="FQ40" s="65">
        <v>0</v>
      </c>
      <c r="FR40" s="65">
        <v>0</v>
      </c>
      <c r="FS40" s="65">
        <v>0</v>
      </c>
      <c r="FT40" s="65">
        <v>1</v>
      </c>
      <c r="FU40" s="66">
        <v>1</v>
      </c>
      <c r="FV40" s="67">
        <v>1</v>
      </c>
      <c r="FW40" s="64">
        <v>0</v>
      </c>
      <c r="FX40" s="65">
        <v>0</v>
      </c>
      <c r="FY40" s="66">
        <v>0</v>
      </c>
      <c r="FZ40" s="444">
        <v>0</v>
      </c>
      <c r="GA40" s="65">
        <v>0</v>
      </c>
      <c r="GB40" s="65">
        <v>0</v>
      </c>
      <c r="GC40" s="65">
        <v>0</v>
      </c>
      <c r="GD40" s="65">
        <v>0</v>
      </c>
      <c r="GE40" s="65">
        <v>0</v>
      </c>
      <c r="GF40" s="66">
        <v>0</v>
      </c>
      <c r="GG40" s="67">
        <v>0</v>
      </c>
      <c r="GH40" s="64">
        <v>0</v>
      </c>
      <c r="GI40" s="65">
        <v>0</v>
      </c>
      <c r="GJ40" s="66">
        <v>0</v>
      </c>
      <c r="GK40" s="444">
        <v>0</v>
      </c>
      <c r="GL40" s="65">
        <v>0</v>
      </c>
      <c r="GM40" s="65">
        <v>0</v>
      </c>
      <c r="GN40" s="65">
        <v>0</v>
      </c>
      <c r="GO40" s="65">
        <v>0</v>
      </c>
      <c r="GP40" s="65">
        <v>1</v>
      </c>
      <c r="GQ40" s="66">
        <v>1</v>
      </c>
      <c r="GR40" s="67">
        <v>1</v>
      </c>
      <c r="GS40" s="114">
        <v>1</v>
      </c>
      <c r="GT40" s="77">
        <v>0</v>
      </c>
      <c r="GU40" s="78">
        <v>1</v>
      </c>
      <c r="GV40" s="444">
        <v>0</v>
      </c>
      <c r="GW40" s="77">
        <v>0</v>
      </c>
      <c r="GX40" s="77">
        <v>0</v>
      </c>
      <c r="GY40" s="77">
        <v>0</v>
      </c>
      <c r="GZ40" s="77">
        <v>1</v>
      </c>
      <c r="HA40" s="77">
        <v>1</v>
      </c>
      <c r="HB40" s="79">
        <v>2</v>
      </c>
      <c r="HC40" s="80">
        <v>3</v>
      </c>
      <c r="HD40" s="64">
        <v>0</v>
      </c>
      <c r="HE40" s="65">
        <v>0</v>
      </c>
      <c r="HF40" s="66">
        <v>0</v>
      </c>
      <c r="HG40" s="444">
        <v>0</v>
      </c>
      <c r="HH40" s="65">
        <v>0</v>
      </c>
      <c r="HI40" s="65">
        <v>0</v>
      </c>
      <c r="HJ40" s="65">
        <v>0</v>
      </c>
      <c r="HK40" s="65">
        <v>0</v>
      </c>
      <c r="HL40" s="65">
        <v>0</v>
      </c>
      <c r="HM40" s="66">
        <v>0</v>
      </c>
      <c r="HN40" s="67">
        <v>0</v>
      </c>
      <c r="HO40" s="64">
        <v>1</v>
      </c>
      <c r="HP40" s="65">
        <v>0</v>
      </c>
      <c r="HQ40" s="66">
        <v>1</v>
      </c>
      <c r="HR40" s="444">
        <v>0</v>
      </c>
      <c r="HS40" s="65">
        <v>0</v>
      </c>
      <c r="HT40" s="65">
        <v>0</v>
      </c>
      <c r="HU40" s="65">
        <v>0</v>
      </c>
      <c r="HV40" s="65">
        <v>1</v>
      </c>
      <c r="HW40" s="65">
        <v>0</v>
      </c>
      <c r="HX40" s="66">
        <v>1</v>
      </c>
      <c r="HY40" s="67">
        <v>2</v>
      </c>
      <c r="HZ40" s="64">
        <v>0</v>
      </c>
      <c r="IA40" s="65">
        <v>0</v>
      </c>
      <c r="IB40" s="66">
        <v>0</v>
      </c>
      <c r="IC40" s="444">
        <v>0</v>
      </c>
      <c r="ID40" s="65">
        <v>0</v>
      </c>
      <c r="IE40" s="65">
        <v>0</v>
      </c>
      <c r="IF40" s="65">
        <v>0</v>
      </c>
      <c r="IG40" s="65">
        <v>0</v>
      </c>
      <c r="IH40" s="65">
        <v>0</v>
      </c>
      <c r="II40" s="66">
        <v>0</v>
      </c>
      <c r="IJ40" s="67">
        <v>0</v>
      </c>
      <c r="IK40" s="64">
        <v>0</v>
      </c>
      <c r="IL40" s="65">
        <v>0</v>
      </c>
      <c r="IM40" s="66">
        <v>0</v>
      </c>
      <c r="IN40" s="444">
        <v>0</v>
      </c>
      <c r="IO40" s="65">
        <v>0</v>
      </c>
      <c r="IP40" s="65">
        <v>0</v>
      </c>
      <c r="IQ40" s="65">
        <v>0</v>
      </c>
      <c r="IR40" s="65">
        <v>0</v>
      </c>
      <c r="IS40" s="65">
        <v>0</v>
      </c>
      <c r="IT40" s="66">
        <v>0</v>
      </c>
      <c r="IU40" s="67">
        <v>0</v>
      </c>
      <c r="IV40" s="64">
        <v>0</v>
      </c>
      <c r="IW40" s="65">
        <v>0</v>
      </c>
      <c r="IX40" s="66">
        <v>0</v>
      </c>
      <c r="IY40" s="444">
        <v>0</v>
      </c>
      <c r="IZ40" s="65">
        <v>0</v>
      </c>
      <c r="JA40" s="65">
        <v>0</v>
      </c>
      <c r="JB40" s="65">
        <v>0</v>
      </c>
      <c r="JC40" s="65">
        <v>0</v>
      </c>
      <c r="JD40" s="65">
        <v>0</v>
      </c>
      <c r="JE40" s="66">
        <v>0</v>
      </c>
      <c r="JF40" s="67">
        <v>0</v>
      </c>
      <c r="JG40" s="64">
        <v>0</v>
      </c>
      <c r="JH40" s="65">
        <v>0</v>
      </c>
      <c r="JI40" s="66">
        <v>0</v>
      </c>
      <c r="JJ40" s="444">
        <v>0</v>
      </c>
      <c r="JK40" s="65">
        <v>0</v>
      </c>
      <c r="JL40" s="65">
        <v>0</v>
      </c>
      <c r="JM40" s="65">
        <v>0</v>
      </c>
      <c r="JN40" s="65">
        <v>0</v>
      </c>
      <c r="JO40" s="65">
        <v>1</v>
      </c>
      <c r="JP40" s="66">
        <v>1</v>
      </c>
      <c r="JQ40" s="67">
        <v>1</v>
      </c>
      <c r="JR40" s="64">
        <v>0</v>
      </c>
      <c r="JS40" s="65">
        <v>0</v>
      </c>
      <c r="JT40" s="66">
        <v>0</v>
      </c>
      <c r="JU40" s="444">
        <v>0</v>
      </c>
      <c r="JV40" s="65">
        <v>0</v>
      </c>
      <c r="JW40" s="65">
        <v>0</v>
      </c>
      <c r="JX40" s="65">
        <v>0</v>
      </c>
      <c r="JY40" s="65">
        <v>0</v>
      </c>
      <c r="JZ40" s="65">
        <v>0</v>
      </c>
      <c r="KA40" s="66">
        <v>0</v>
      </c>
      <c r="KB40" s="67">
        <v>0</v>
      </c>
      <c r="KC40" s="64">
        <v>1</v>
      </c>
      <c r="KD40" s="65">
        <v>0</v>
      </c>
      <c r="KE40" s="66">
        <v>1</v>
      </c>
      <c r="KF40" s="444">
        <v>0</v>
      </c>
      <c r="KG40" s="65">
        <v>0</v>
      </c>
      <c r="KH40" s="65">
        <v>0</v>
      </c>
      <c r="KI40" s="65">
        <v>0</v>
      </c>
      <c r="KJ40" s="65">
        <v>1</v>
      </c>
      <c r="KK40" s="65">
        <v>1</v>
      </c>
      <c r="KL40" s="66">
        <v>2</v>
      </c>
      <c r="KM40" s="67">
        <v>3</v>
      </c>
    </row>
    <row r="41" spans="2:299" ht="32.25" customHeight="1" x14ac:dyDescent="0.2">
      <c r="C41" s="283" t="s">
        <v>125</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8" customWidth="1"/>
    <col min="2" max="2" width="9.77734375" style="18" customWidth="1"/>
    <col min="3" max="6" width="7.77734375" style="16" customWidth="1"/>
    <col min="7" max="7" width="8.109375" style="16" customWidth="1"/>
    <col min="8" max="8" width="7.44140625" style="16" customWidth="1"/>
    <col min="9" max="9" width="9.109375" style="16" customWidth="1"/>
    <col min="10" max="10" width="7.77734375" style="16" customWidth="1"/>
    <col min="11" max="11" width="8.6640625" style="16" customWidth="1"/>
    <col min="12" max="12" width="9.33203125" style="16" customWidth="1"/>
    <col min="13" max="13" width="8.33203125" style="16" customWidth="1"/>
    <col min="14" max="26" width="7.77734375" style="16" customWidth="1"/>
    <col min="27" max="33" width="7.77734375" style="18" customWidth="1"/>
    <col min="34" max="34" width="9" style="18"/>
    <col min="35" max="35" width="8.6640625" style="18" customWidth="1"/>
    <col min="36" max="16384" width="9" style="18"/>
  </cols>
  <sheetData>
    <row r="1" spans="2:35" ht="24" customHeight="1" x14ac:dyDescent="0.2">
      <c r="B1" s="15" t="s">
        <v>132</v>
      </c>
      <c r="F1" s="17"/>
      <c r="G1" s="495">
        <f>第１表!F2</f>
        <v>6</v>
      </c>
      <c r="H1" s="495"/>
      <c r="I1" s="231">
        <f>第１表!G2</f>
        <v>3</v>
      </c>
      <c r="J1" s="499">
        <f>IF(I1&lt;3,I1+12-2,I1-2)</f>
        <v>1</v>
      </c>
      <c r="K1" s="499"/>
    </row>
    <row r="2" spans="2:35" ht="24" customHeight="1" thickBot="1" x14ac:dyDescent="0.25">
      <c r="B2" s="268"/>
      <c r="J2" s="19"/>
      <c r="K2" s="19"/>
      <c r="L2" s="19"/>
      <c r="M2" s="19"/>
      <c r="N2" s="19"/>
      <c r="O2" s="19"/>
      <c r="P2" s="20"/>
      <c r="Q2" s="20"/>
      <c r="R2" s="20"/>
    </row>
    <row r="3" spans="2:35" s="39" customFormat="1" ht="21" customHeight="1" thickBot="1" x14ac:dyDescent="0.25">
      <c r="B3" s="46"/>
      <c r="C3" s="496" t="s">
        <v>53</v>
      </c>
      <c r="D3" s="497"/>
      <c r="E3" s="497"/>
      <c r="F3" s="497"/>
      <c r="G3" s="497"/>
      <c r="H3" s="497"/>
      <c r="I3" s="497"/>
      <c r="J3" s="497"/>
      <c r="K3" s="497"/>
      <c r="L3" s="497"/>
      <c r="M3" s="498"/>
      <c r="N3" s="496" t="s">
        <v>54</v>
      </c>
      <c r="O3" s="497"/>
      <c r="P3" s="497"/>
      <c r="Q3" s="497"/>
      <c r="R3" s="497"/>
      <c r="S3" s="497"/>
      <c r="T3" s="497"/>
      <c r="U3" s="497"/>
      <c r="V3" s="497"/>
      <c r="W3" s="497"/>
      <c r="X3" s="498"/>
      <c r="Y3" s="496" t="s">
        <v>55</v>
      </c>
      <c r="Z3" s="497"/>
      <c r="AA3" s="497"/>
      <c r="AB3" s="497"/>
      <c r="AC3" s="497"/>
      <c r="AD3" s="497"/>
      <c r="AE3" s="497"/>
      <c r="AF3" s="497"/>
      <c r="AG3" s="497"/>
      <c r="AH3" s="497"/>
      <c r="AI3" s="498"/>
    </row>
    <row r="4" spans="2:35" s="39" customFormat="1" ht="30" customHeight="1" thickBot="1" x14ac:dyDescent="0.25">
      <c r="B4" s="46" t="s">
        <v>42</v>
      </c>
      <c r="C4" s="47" t="s">
        <v>43</v>
      </c>
      <c r="D4" s="48" t="s">
        <v>44</v>
      </c>
      <c r="E4" s="49" t="s">
        <v>45</v>
      </c>
      <c r="F4" s="50" t="s">
        <v>46</v>
      </c>
      <c r="G4" s="48" t="s">
        <v>47</v>
      </c>
      <c r="H4" s="48" t="s">
        <v>48</v>
      </c>
      <c r="I4" s="48" t="s">
        <v>49</v>
      </c>
      <c r="J4" s="48" t="s">
        <v>50</v>
      </c>
      <c r="K4" s="48" t="s">
        <v>51</v>
      </c>
      <c r="L4" s="49" t="s">
        <v>45</v>
      </c>
      <c r="M4" s="40" t="s">
        <v>52</v>
      </c>
      <c r="N4" s="47" t="s">
        <v>43</v>
      </c>
      <c r="O4" s="48" t="s">
        <v>44</v>
      </c>
      <c r="P4" s="49" t="s">
        <v>45</v>
      </c>
      <c r="Q4" s="50" t="s">
        <v>46</v>
      </c>
      <c r="R4" s="48" t="s">
        <v>47</v>
      </c>
      <c r="S4" s="48" t="s">
        <v>48</v>
      </c>
      <c r="T4" s="48" t="s">
        <v>49</v>
      </c>
      <c r="U4" s="48" t="s">
        <v>50</v>
      </c>
      <c r="V4" s="48" t="s">
        <v>51</v>
      </c>
      <c r="W4" s="49" t="s">
        <v>45</v>
      </c>
      <c r="X4" s="40" t="s">
        <v>52</v>
      </c>
      <c r="Y4" s="47" t="s">
        <v>43</v>
      </c>
      <c r="Z4" s="48" t="s">
        <v>44</v>
      </c>
      <c r="AA4" s="49" t="s">
        <v>45</v>
      </c>
      <c r="AB4" s="50" t="s">
        <v>46</v>
      </c>
      <c r="AC4" s="48" t="s">
        <v>47</v>
      </c>
      <c r="AD4" s="48" t="s">
        <v>48</v>
      </c>
      <c r="AE4" s="48" t="s">
        <v>49</v>
      </c>
      <c r="AF4" s="48" t="s">
        <v>50</v>
      </c>
      <c r="AG4" s="48" t="s">
        <v>51</v>
      </c>
      <c r="AH4" s="49" t="s">
        <v>45</v>
      </c>
      <c r="AI4" s="40" t="s">
        <v>52</v>
      </c>
    </row>
    <row r="5" spans="2:35" ht="21" customHeight="1" x14ac:dyDescent="0.2">
      <c r="B5" s="435" t="s">
        <v>4</v>
      </c>
      <c r="C5" s="198">
        <v>17374</v>
      </c>
      <c r="D5" s="199">
        <v>31397</v>
      </c>
      <c r="E5" s="200">
        <v>48771</v>
      </c>
      <c r="F5" s="195">
        <v>0</v>
      </c>
      <c r="G5" s="199">
        <v>60967</v>
      </c>
      <c r="H5" s="199">
        <v>62665</v>
      </c>
      <c r="I5" s="199">
        <v>35725</v>
      </c>
      <c r="J5" s="199">
        <v>27361</v>
      </c>
      <c r="K5" s="199">
        <v>16361</v>
      </c>
      <c r="L5" s="200">
        <v>203079</v>
      </c>
      <c r="M5" s="201">
        <v>251850</v>
      </c>
      <c r="N5" s="202">
        <v>355</v>
      </c>
      <c r="O5" s="199">
        <v>891</v>
      </c>
      <c r="P5" s="200">
        <v>1246</v>
      </c>
      <c r="Q5" s="195">
        <v>0</v>
      </c>
      <c r="R5" s="199">
        <v>1040</v>
      </c>
      <c r="S5" s="199">
        <v>1974</v>
      </c>
      <c r="T5" s="199">
        <v>990</v>
      </c>
      <c r="U5" s="199">
        <v>813</v>
      </c>
      <c r="V5" s="199">
        <v>787</v>
      </c>
      <c r="W5" s="200">
        <v>5604</v>
      </c>
      <c r="X5" s="201">
        <v>6850</v>
      </c>
      <c r="Y5" s="198">
        <v>17729</v>
      </c>
      <c r="Z5" s="199">
        <v>32288</v>
      </c>
      <c r="AA5" s="200">
        <v>50017</v>
      </c>
      <c r="AB5" s="195">
        <v>0</v>
      </c>
      <c r="AC5" s="199">
        <v>62007</v>
      </c>
      <c r="AD5" s="199">
        <v>64639</v>
      </c>
      <c r="AE5" s="199">
        <v>36715</v>
      </c>
      <c r="AF5" s="199">
        <v>28174</v>
      </c>
      <c r="AG5" s="199">
        <v>17148</v>
      </c>
      <c r="AH5" s="200">
        <v>208683</v>
      </c>
      <c r="AI5" s="201">
        <v>258700</v>
      </c>
    </row>
    <row r="6" spans="2:35" ht="21" customHeight="1" x14ac:dyDescent="0.2">
      <c r="B6" s="436" t="s">
        <v>5</v>
      </c>
      <c r="C6" s="203">
        <v>6398</v>
      </c>
      <c r="D6" s="204">
        <v>14023</v>
      </c>
      <c r="E6" s="205">
        <v>20421</v>
      </c>
      <c r="F6" s="196">
        <v>0</v>
      </c>
      <c r="G6" s="204">
        <v>16055</v>
      </c>
      <c r="H6" s="204">
        <v>23401</v>
      </c>
      <c r="I6" s="204">
        <v>11737</v>
      </c>
      <c r="J6" s="204">
        <v>9246</v>
      </c>
      <c r="K6" s="204">
        <v>5417</v>
      </c>
      <c r="L6" s="205">
        <v>65856</v>
      </c>
      <c r="M6" s="206">
        <v>86277</v>
      </c>
      <c r="N6" s="207">
        <v>125</v>
      </c>
      <c r="O6" s="204">
        <v>389</v>
      </c>
      <c r="P6" s="205">
        <v>514</v>
      </c>
      <c r="Q6" s="196">
        <v>0</v>
      </c>
      <c r="R6" s="204">
        <v>212</v>
      </c>
      <c r="S6" s="204">
        <v>801</v>
      </c>
      <c r="T6" s="204">
        <v>365</v>
      </c>
      <c r="U6" s="204">
        <v>295</v>
      </c>
      <c r="V6" s="204">
        <v>306</v>
      </c>
      <c r="W6" s="205">
        <v>1979</v>
      </c>
      <c r="X6" s="206">
        <v>2493</v>
      </c>
      <c r="Y6" s="203">
        <v>6523</v>
      </c>
      <c r="Z6" s="204">
        <v>14412</v>
      </c>
      <c r="AA6" s="205">
        <v>20935</v>
      </c>
      <c r="AB6" s="196">
        <v>0</v>
      </c>
      <c r="AC6" s="204">
        <v>16267</v>
      </c>
      <c r="AD6" s="204">
        <v>24202</v>
      </c>
      <c r="AE6" s="204">
        <v>12102</v>
      </c>
      <c r="AF6" s="204">
        <v>9541</v>
      </c>
      <c r="AG6" s="204">
        <v>5723</v>
      </c>
      <c r="AH6" s="205">
        <v>67835</v>
      </c>
      <c r="AI6" s="206">
        <v>88770</v>
      </c>
    </row>
    <row r="7" spans="2:35" ht="21" customHeight="1" x14ac:dyDescent="0.2">
      <c r="B7" s="437" t="s">
        <v>6</v>
      </c>
      <c r="C7" s="203">
        <v>2414</v>
      </c>
      <c r="D7" s="204">
        <v>3775</v>
      </c>
      <c r="E7" s="205">
        <v>6189</v>
      </c>
      <c r="F7" s="196">
        <v>0</v>
      </c>
      <c r="G7" s="204">
        <v>11005</v>
      </c>
      <c r="H7" s="204">
        <v>9296</v>
      </c>
      <c r="I7" s="204">
        <v>5658</v>
      </c>
      <c r="J7" s="204">
        <v>4403</v>
      </c>
      <c r="K7" s="204">
        <v>2858</v>
      </c>
      <c r="L7" s="205">
        <v>33220</v>
      </c>
      <c r="M7" s="206">
        <v>39409</v>
      </c>
      <c r="N7" s="207">
        <v>72</v>
      </c>
      <c r="O7" s="204">
        <v>113</v>
      </c>
      <c r="P7" s="205">
        <v>185</v>
      </c>
      <c r="Q7" s="196">
        <v>0</v>
      </c>
      <c r="R7" s="204">
        <v>231</v>
      </c>
      <c r="S7" s="204">
        <v>282</v>
      </c>
      <c r="T7" s="204">
        <v>147</v>
      </c>
      <c r="U7" s="204">
        <v>137</v>
      </c>
      <c r="V7" s="204">
        <v>135</v>
      </c>
      <c r="W7" s="205">
        <v>932</v>
      </c>
      <c r="X7" s="206">
        <v>1117</v>
      </c>
      <c r="Y7" s="203">
        <v>2486</v>
      </c>
      <c r="Z7" s="204">
        <v>3888</v>
      </c>
      <c r="AA7" s="205">
        <v>6374</v>
      </c>
      <c r="AB7" s="196">
        <v>0</v>
      </c>
      <c r="AC7" s="204">
        <v>11236</v>
      </c>
      <c r="AD7" s="204">
        <v>9578</v>
      </c>
      <c r="AE7" s="204">
        <v>5805</v>
      </c>
      <c r="AF7" s="204">
        <v>4540</v>
      </c>
      <c r="AG7" s="204">
        <v>2993</v>
      </c>
      <c r="AH7" s="205">
        <v>34152</v>
      </c>
      <c r="AI7" s="206">
        <v>40526</v>
      </c>
    </row>
    <row r="8" spans="2:35" ht="21" customHeight="1" x14ac:dyDescent="0.2">
      <c r="B8" s="437" t="s">
        <v>14</v>
      </c>
      <c r="C8" s="203">
        <v>1210</v>
      </c>
      <c r="D8" s="204">
        <v>2838</v>
      </c>
      <c r="E8" s="205">
        <v>4048</v>
      </c>
      <c r="F8" s="196">
        <v>0</v>
      </c>
      <c r="G8" s="204">
        <v>4638</v>
      </c>
      <c r="H8" s="204">
        <v>5738</v>
      </c>
      <c r="I8" s="204">
        <v>3561</v>
      </c>
      <c r="J8" s="204">
        <v>2484</v>
      </c>
      <c r="K8" s="204">
        <v>1357</v>
      </c>
      <c r="L8" s="205">
        <v>17778</v>
      </c>
      <c r="M8" s="206">
        <v>21826</v>
      </c>
      <c r="N8" s="207">
        <v>19</v>
      </c>
      <c r="O8" s="204">
        <v>105</v>
      </c>
      <c r="P8" s="205">
        <v>124</v>
      </c>
      <c r="Q8" s="196">
        <v>0</v>
      </c>
      <c r="R8" s="204">
        <v>59</v>
      </c>
      <c r="S8" s="204">
        <v>192</v>
      </c>
      <c r="T8" s="204">
        <v>95</v>
      </c>
      <c r="U8" s="204">
        <v>80</v>
      </c>
      <c r="V8" s="204">
        <v>71</v>
      </c>
      <c r="W8" s="205">
        <v>497</v>
      </c>
      <c r="X8" s="206">
        <v>621</v>
      </c>
      <c r="Y8" s="203">
        <v>1229</v>
      </c>
      <c r="Z8" s="204">
        <v>2943</v>
      </c>
      <c r="AA8" s="205">
        <v>4172</v>
      </c>
      <c r="AB8" s="196">
        <v>0</v>
      </c>
      <c r="AC8" s="204">
        <v>4697</v>
      </c>
      <c r="AD8" s="204">
        <v>5930</v>
      </c>
      <c r="AE8" s="204">
        <v>3656</v>
      </c>
      <c r="AF8" s="204">
        <v>2564</v>
      </c>
      <c r="AG8" s="204">
        <v>1428</v>
      </c>
      <c r="AH8" s="205">
        <v>18275</v>
      </c>
      <c r="AI8" s="206">
        <v>22447</v>
      </c>
    </row>
    <row r="9" spans="2:35" ht="21" customHeight="1" x14ac:dyDescent="0.2">
      <c r="B9" s="437" t="s">
        <v>7</v>
      </c>
      <c r="C9" s="203">
        <v>596</v>
      </c>
      <c r="D9" s="204">
        <v>926</v>
      </c>
      <c r="E9" s="205">
        <v>1522</v>
      </c>
      <c r="F9" s="196">
        <v>0</v>
      </c>
      <c r="G9" s="204">
        <v>5125</v>
      </c>
      <c r="H9" s="204">
        <v>3522</v>
      </c>
      <c r="I9" s="204">
        <v>1890</v>
      </c>
      <c r="J9" s="204">
        <v>1458</v>
      </c>
      <c r="K9" s="204">
        <v>902</v>
      </c>
      <c r="L9" s="205">
        <v>12897</v>
      </c>
      <c r="M9" s="206">
        <v>14419</v>
      </c>
      <c r="N9" s="207">
        <v>7</v>
      </c>
      <c r="O9" s="204">
        <v>18</v>
      </c>
      <c r="P9" s="205">
        <v>25</v>
      </c>
      <c r="Q9" s="196">
        <v>0</v>
      </c>
      <c r="R9" s="204">
        <v>96</v>
      </c>
      <c r="S9" s="204">
        <v>99</v>
      </c>
      <c r="T9" s="204">
        <v>46</v>
      </c>
      <c r="U9" s="204">
        <v>37</v>
      </c>
      <c r="V9" s="204">
        <v>26</v>
      </c>
      <c r="W9" s="205">
        <v>304</v>
      </c>
      <c r="X9" s="206">
        <v>329</v>
      </c>
      <c r="Y9" s="203">
        <v>603</v>
      </c>
      <c r="Z9" s="204">
        <v>944</v>
      </c>
      <c r="AA9" s="205">
        <v>1547</v>
      </c>
      <c r="AB9" s="196">
        <v>0</v>
      </c>
      <c r="AC9" s="204">
        <v>5221</v>
      </c>
      <c r="AD9" s="204">
        <v>3621</v>
      </c>
      <c r="AE9" s="204">
        <v>1936</v>
      </c>
      <c r="AF9" s="204">
        <v>1495</v>
      </c>
      <c r="AG9" s="204">
        <v>928</v>
      </c>
      <c r="AH9" s="205">
        <v>13201</v>
      </c>
      <c r="AI9" s="206">
        <v>14748</v>
      </c>
    </row>
    <row r="10" spans="2:35" ht="21" customHeight="1" x14ac:dyDescent="0.2">
      <c r="B10" s="437" t="s">
        <v>8</v>
      </c>
      <c r="C10" s="203">
        <v>626</v>
      </c>
      <c r="D10" s="204">
        <v>716</v>
      </c>
      <c r="E10" s="205">
        <v>1342</v>
      </c>
      <c r="F10" s="196">
        <v>0</v>
      </c>
      <c r="G10" s="204">
        <v>2097</v>
      </c>
      <c r="H10" s="204">
        <v>2129</v>
      </c>
      <c r="I10" s="204">
        <v>1266</v>
      </c>
      <c r="J10" s="204">
        <v>898</v>
      </c>
      <c r="K10" s="204">
        <v>545</v>
      </c>
      <c r="L10" s="205">
        <v>6935</v>
      </c>
      <c r="M10" s="206">
        <v>8277</v>
      </c>
      <c r="N10" s="207">
        <v>9</v>
      </c>
      <c r="O10" s="204">
        <v>23</v>
      </c>
      <c r="P10" s="205">
        <v>32</v>
      </c>
      <c r="Q10" s="196">
        <v>0</v>
      </c>
      <c r="R10" s="204">
        <v>41</v>
      </c>
      <c r="S10" s="204">
        <v>67</v>
      </c>
      <c r="T10" s="204">
        <v>34</v>
      </c>
      <c r="U10" s="204">
        <v>27</v>
      </c>
      <c r="V10" s="204">
        <v>21</v>
      </c>
      <c r="W10" s="205">
        <v>190</v>
      </c>
      <c r="X10" s="206">
        <v>222</v>
      </c>
      <c r="Y10" s="203">
        <v>635</v>
      </c>
      <c r="Z10" s="204">
        <v>739</v>
      </c>
      <c r="AA10" s="205">
        <v>1374</v>
      </c>
      <c r="AB10" s="196">
        <v>0</v>
      </c>
      <c r="AC10" s="204">
        <v>2138</v>
      </c>
      <c r="AD10" s="204">
        <v>2196</v>
      </c>
      <c r="AE10" s="204">
        <v>1300</v>
      </c>
      <c r="AF10" s="204">
        <v>925</v>
      </c>
      <c r="AG10" s="204">
        <v>566</v>
      </c>
      <c r="AH10" s="205">
        <v>7125</v>
      </c>
      <c r="AI10" s="206">
        <v>8499</v>
      </c>
    </row>
    <row r="11" spans="2:35" ht="21" customHeight="1" x14ac:dyDescent="0.2">
      <c r="B11" s="437" t="s">
        <v>9</v>
      </c>
      <c r="C11" s="203">
        <v>515</v>
      </c>
      <c r="D11" s="204">
        <v>598</v>
      </c>
      <c r="E11" s="205">
        <v>1113</v>
      </c>
      <c r="F11" s="196">
        <v>0</v>
      </c>
      <c r="G11" s="204">
        <v>1996</v>
      </c>
      <c r="H11" s="204">
        <v>1472</v>
      </c>
      <c r="I11" s="204">
        <v>1036</v>
      </c>
      <c r="J11" s="204">
        <v>871</v>
      </c>
      <c r="K11" s="204">
        <v>540</v>
      </c>
      <c r="L11" s="205">
        <v>5915</v>
      </c>
      <c r="M11" s="206">
        <v>7028</v>
      </c>
      <c r="N11" s="207">
        <v>5</v>
      </c>
      <c r="O11" s="204">
        <v>12</v>
      </c>
      <c r="P11" s="205">
        <v>17</v>
      </c>
      <c r="Q11" s="196">
        <v>0</v>
      </c>
      <c r="R11" s="204">
        <v>32</v>
      </c>
      <c r="S11" s="204">
        <v>34</v>
      </c>
      <c r="T11" s="204">
        <v>17</v>
      </c>
      <c r="U11" s="204">
        <v>20</v>
      </c>
      <c r="V11" s="204">
        <v>15</v>
      </c>
      <c r="W11" s="205">
        <v>118</v>
      </c>
      <c r="X11" s="206">
        <v>135</v>
      </c>
      <c r="Y11" s="203">
        <v>520</v>
      </c>
      <c r="Z11" s="204">
        <v>610</v>
      </c>
      <c r="AA11" s="205">
        <v>1130</v>
      </c>
      <c r="AB11" s="196">
        <v>0</v>
      </c>
      <c r="AC11" s="204">
        <v>2028</v>
      </c>
      <c r="AD11" s="204">
        <v>1506</v>
      </c>
      <c r="AE11" s="204">
        <v>1053</v>
      </c>
      <c r="AF11" s="204">
        <v>891</v>
      </c>
      <c r="AG11" s="204">
        <v>555</v>
      </c>
      <c r="AH11" s="205">
        <v>6033</v>
      </c>
      <c r="AI11" s="206">
        <v>7163</v>
      </c>
    </row>
    <row r="12" spans="2:35" ht="21" customHeight="1" x14ac:dyDescent="0.2">
      <c r="B12" s="437" t="s">
        <v>10</v>
      </c>
      <c r="C12" s="203">
        <v>1341</v>
      </c>
      <c r="D12" s="204">
        <v>1639</v>
      </c>
      <c r="E12" s="205">
        <v>2980</v>
      </c>
      <c r="F12" s="196">
        <v>0</v>
      </c>
      <c r="G12" s="204">
        <v>4167</v>
      </c>
      <c r="H12" s="204">
        <v>2485</v>
      </c>
      <c r="I12" s="204">
        <v>1592</v>
      </c>
      <c r="J12" s="204">
        <v>1318</v>
      </c>
      <c r="K12" s="204">
        <v>877</v>
      </c>
      <c r="L12" s="205">
        <v>10439</v>
      </c>
      <c r="M12" s="206">
        <v>13419</v>
      </c>
      <c r="N12" s="207">
        <v>32</v>
      </c>
      <c r="O12" s="204">
        <v>36</v>
      </c>
      <c r="P12" s="205">
        <v>68</v>
      </c>
      <c r="Q12" s="196">
        <v>0</v>
      </c>
      <c r="R12" s="204">
        <v>89</v>
      </c>
      <c r="S12" s="204">
        <v>83</v>
      </c>
      <c r="T12" s="204">
        <v>43</v>
      </c>
      <c r="U12" s="204">
        <v>41</v>
      </c>
      <c r="V12" s="204">
        <v>38</v>
      </c>
      <c r="W12" s="205">
        <v>294</v>
      </c>
      <c r="X12" s="206">
        <v>362</v>
      </c>
      <c r="Y12" s="203">
        <v>1373</v>
      </c>
      <c r="Z12" s="204">
        <v>1675</v>
      </c>
      <c r="AA12" s="205">
        <v>3048</v>
      </c>
      <c r="AB12" s="196">
        <v>0</v>
      </c>
      <c r="AC12" s="204">
        <v>4256</v>
      </c>
      <c r="AD12" s="204">
        <v>2568</v>
      </c>
      <c r="AE12" s="204">
        <v>1635</v>
      </c>
      <c r="AF12" s="204">
        <v>1359</v>
      </c>
      <c r="AG12" s="204">
        <v>915</v>
      </c>
      <c r="AH12" s="205">
        <v>10733</v>
      </c>
      <c r="AI12" s="206">
        <v>13781</v>
      </c>
    </row>
    <row r="13" spans="2:35" ht="21" customHeight="1" x14ac:dyDescent="0.2">
      <c r="B13" s="437" t="s">
        <v>11</v>
      </c>
      <c r="C13" s="203">
        <v>552</v>
      </c>
      <c r="D13" s="204">
        <v>605</v>
      </c>
      <c r="E13" s="205">
        <v>1157</v>
      </c>
      <c r="F13" s="196">
        <v>0</v>
      </c>
      <c r="G13" s="204">
        <v>2121</v>
      </c>
      <c r="H13" s="204">
        <v>1344</v>
      </c>
      <c r="I13" s="204">
        <v>947</v>
      </c>
      <c r="J13" s="204">
        <v>809</v>
      </c>
      <c r="K13" s="204">
        <v>387</v>
      </c>
      <c r="L13" s="205">
        <v>5608</v>
      </c>
      <c r="M13" s="206">
        <v>6765</v>
      </c>
      <c r="N13" s="207">
        <v>11</v>
      </c>
      <c r="O13" s="204">
        <v>11</v>
      </c>
      <c r="P13" s="205">
        <v>22</v>
      </c>
      <c r="Q13" s="196">
        <v>0</v>
      </c>
      <c r="R13" s="204">
        <v>45</v>
      </c>
      <c r="S13" s="204">
        <v>29</v>
      </c>
      <c r="T13" s="204">
        <v>33</v>
      </c>
      <c r="U13" s="204">
        <v>20</v>
      </c>
      <c r="V13" s="204">
        <v>14</v>
      </c>
      <c r="W13" s="205">
        <v>141</v>
      </c>
      <c r="X13" s="206">
        <v>163</v>
      </c>
      <c r="Y13" s="203">
        <v>563</v>
      </c>
      <c r="Z13" s="204">
        <v>616</v>
      </c>
      <c r="AA13" s="205">
        <v>1179</v>
      </c>
      <c r="AB13" s="196">
        <v>0</v>
      </c>
      <c r="AC13" s="204">
        <v>2166</v>
      </c>
      <c r="AD13" s="204">
        <v>1373</v>
      </c>
      <c r="AE13" s="204">
        <v>980</v>
      </c>
      <c r="AF13" s="204">
        <v>829</v>
      </c>
      <c r="AG13" s="204">
        <v>401</v>
      </c>
      <c r="AH13" s="205">
        <v>5749</v>
      </c>
      <c r="AI13" s="206">
        <v>6928</v>
      </c>
    </row>
    <row r="14" spans="2:35" ht="21" customHeight="1" x14ac:dyDescent="0.2">
      <c r="B14" s="437" t="s">
        <v>12</v>
      </c>
      <c r="C14" s="203">
        <v>742</v>
      </c>
      <c r="D14" s="204">
        <v>1146</v>
      </c>
      <c r="E14" s="205">
        <v>1888</v>
      </c>
      <c r="F14" s="196">
        <v>0</v>
      </c>
      <c r="G14" s="204">
        <v>1733</v>
      </c>
      <c r="H14" s="204">
        <v>1513</v>
      </c>
      <c r="I14" s="204">
        <v>977</v>
      </c>
      <c r="J14" s="204">
        <v>843</v>
      </c>
      <c r="K14" s="204">
        <v>503</v>
      </c>
      <c r="L14" s="205">
        <v>5569</v>
      </c>
      <c r="M14" s="206">
        <v>7457</v>
      </c>
      <c r="N14" s="207">
        <v>14</v>
      </c>
      <c r="O14" s="204">
        <v>35</v>
      </c>
      <c r="P14" s="205">
        <v>49</v>
      </c>
      <c r="Q14" s="196">
        <v>0</v>
      </c>
      <c r="R14" s="204">
        <v>24</v>
      </c>
      <c r="S14" s="204">
        <v>37</v>
      </c>
      <c r="T14" s="204">
        <v>22</v>
      </c>
      <c r="U14" s="204">
        <v>18</v>
      </c>
      <c r="V14" s="204">
        <v>21</v>
      </c>
      <c r="W14" s="205">
        <v>122</v>
      </c>
      <c r="X14" s="206">
        <v>171</v>
      </c>
      <c r="Y14" s="203">
        <v>756</v>
      </c>
      <c r="Z14" s="204">
        <v>1181</v>
      </c>
      <c r="AA14" s="205">
        <v>1937</v>
      </c>
      <c r="AB14" s="196">
        <v>0</v>
      </c>
      <c r="AC14" s="204">
        <v>1757</v>
      </c>
      <c r="AD14" s="204">
        <v>1550</v>
      </c>
      <c r="AE14" s="204">
        <v>999</v>
      </c>
      <c r="AF14" s="204">
        <v>861</v>
      </c>
      <c r="AG14" s="204">
        <v>524</v>
      </c>
      <c r="AH14" s="205">
        <v>5691</v>
      </c>
      <c r="AI14" s="206">
        <v>7628</v>
      </c>
    </row>
    <row r="15" spans="2:35" ht="21" customHeight="1" x14ac:dyDescent="0.2">
      <c r="B15" s="437" t="s">
        <v>13</v>
      </c>
      <c r="C15" s="203">
        <v>126</v>
      </c>
      <c r="D15" s="204">
        <v>213</v>
      </c>
      <c r="E15" s="205">
        <v>339</v>
      </c>
      <c r="F15" s="196">
        <v>0</v>
      </c>
      <c r="G15" s="204">
        <v>680</v>
      </c>
      <c r="H15" s="204">
        <v>679</v>
      </c>
      <c r="I15" s="204">
        <v>403</v>
      </c>
      <c r="J15" s="204">
        <v>296</v>
      </c>
      <c r="K15" s="204">
        <v>217</v>
      </c>
      <c r="L15" s="205">
        <v>2275</v>
      </c>
      <c r="M15" s="206">
        <v>2614</v>
      </c>
      <c r="N15" s="207">
        <v>0</v>
      </c>
      <c r="O15" s="204">
        <v>2</v>
      </c>
      <c r="P15" s="205">
        <v>2</v>
      </c>
      <c r="Q15" s="196">
        <v>0</v>
      </c>
      <c r="R15" s="204">
        <v>14</v>
      </c>
      <c r="S15" s="204">
        <v>15</v>
      </c>
      <c r="T15" s="204">
        <v>6</v>
      </c>
      <c r="U15" s="204">
        <v>4</v>
      </c>
      <c r="V15" s="204">
        <v>10</v>
      </c>
      <c r="W15" s="205">
        <v>49</v>
      </c>
      <c r="X15" s="206">
        <v>51</v>
      </c>
      <c r="Y15" s="203">
        <v>126</v>
      </c>
      <c r="Z15" s="204">
        <v>215</v>
      </c>
      <c r="AA15" s="205">
        <v>341</v>
      </c>
      <c r="AB15" s="196">
        <v>0</v>
      </c>
      <c r="AC15" s="204">
        <v>694</v>
      </c>
      <c r="AD15" s="204">
        <v>694</v>
      </c>
      <c r="AE15" s="204">
        <v>409</v>
      </c>
      <c r="AF15" s="204">
        <v>300</v>
      </c>
      <c r="AG15" s="204">
        <v>227</v>
      </c>
      <c r="AH15" s="205">
        <v>2324</v>
      </c>
      <c r="AI15" s="206">
        <v>2665</v>
      </c>
    </row>
    <row r="16" spans="2:35" ht="21" customHeight="1" x14ac:dyDescent="0.2">
      <c r="B16" s="437" t="s">
        <v>15</v>
      </c>
      <c r="C16" s="203">
        <v>103</v>
      </c>
      <c r="D16" s="204">
        <v>196</v>
      </c>
      <c r="E16" s="205">
        <v>299</v>
      </c>
      <c r="F16" s="196">
        <v>0</v>
      </c>
      <c r="G16" s="204">
        <v>562</v>
      </c>
      <c r="H16" s="204">
        <v>568</v>
      </c>
      <c r="I16" s="204">
        <v>322</v>
      </c>
      <c r="J16" s="204">
        <v>204</v>
      </c>
      <c r="K16" s="204">
        <v>116</v>
      </c>
      <c r="L16" s="205">
        <v>1772</v>
      </c>
      <c r="M16" s="206">
        <v>2071</v>
      </c>
      <c r="N16" s="207">
        <v>1</v>
      </c>
      <c r="O16" s="204">
        <v>5</v>
      </c>
      <c r="P16" s="205">
        <v>6</v>
      </c>
      <c r="Q16" s="196">
        <v>0</v>
      </c>
      <c r="R16" s="204">
        <v>10</v>
      </c>
      <c r="S16" s="204">
        <v>13</v>
      </c>
      <c r="T16" s="204">
        <v>3</v>
      </c>
      <c r="U16" s="204">
        <v>1</v>
      </c>
      <c r="V16" s="204">
        <v>5</v>
      </c>
      <c r="W16" s="205">
        <v>32</v>
      </c>
      <c r="X16" s="206">
        <v>38</v>
      </c>
      <c r="Y16" s="203">
        <v>104</v>
      </c>
      <c r="Z16" s="204">
        <v>201</v>
      </c>
      <c r="AA16" s="205">
        <v>305</v>
      </c>
      <c r="AB16" s="196">
        <v>0</v>
      </c>
      <c r="AC16" s="204">
        <v>572</v>
      </c>
      <c r="AD16" s="204">
        <v>581</v>
      </c>
      <c r="AE16" s="204">
        <v>325</v>
      </c>
      <c r="AF16" s="204">
        <v>205</v>
      </c>
      <c r="AG16" s="204">
        <v>121</v>
      </c>
      <c r="AH16" s="205">
        <v>1804</v>
      </c>
      <c r="AI16" s="206">
        <v>2109</v>
      </c>
    </row>
    <row r="17" spans="2:35" ht="21" customHeight="1" x14ac:dyDescent="0.2">
      <c r="B17" s="437" t="s">
        <v>16</v>
      </c>
      <c r="C17" s="203">
        <v>250</v>
      </c>
      <c r="D17" s="204">
        <v>487</v>
      </c>
      <c r="E17" s="205">
        <v>737</v>
      </c>
      <c r="F17" s="196">
        <v>0</v>
      </c>
      <c r="G17" s="204">
        <v>977</v>
      </c>
      <c r="H17" s="204">
        <v>1343</v>
      </c>
      <c r="I17" s="204">
        <v>712</v>
      </c>
      <c r="J17" s="204">
        <v>538</v>
      </c>
      <c r="K17" s="204">
        <v>326</v>
      </c>
      <c r="L17" s="205">
        <v>3896</v>
      </c>
      <c r="M17" s="206">
        <v>4633</v>
      </c>
      <c r="N17" s="207">
        <v>6</v>
      </c>
      <c r="O17" s="204">
        <v>13</v>
      </c>
      <c r="P17" s="205">
        <v>19</v>
      </c>
      <c r="Q17" s="196">
        <v>0</v>
      </c>
      <c r="R17" s="204">
        <v>17</v>
      </c>
      <c r="S17" s="204">
        <v>39</v>
      </c>
      <c r="T17" s="204">
        <v>22</v>
      </c>
      <c r="U17" s="204">
        <v>17</v>
      </c>
      <c r="V17" s="204">
        <v>14</v>
      </c>
      <c r="W17" s="205">
        <v>109</v>
      </c>
      <c r="X17" s="206">
        <v>128</v>
      </c>
      <c r="Y17" s="203">
        <v>256</v>
      </c>
      <c r="Z17" s="204">
        <v>500</v>
      </c>
      <c r="AA17" s="205">
        <v>756</v>
      </c>
      <c r="AB17" s="196">
        <v>0</v>
      </c>
      <c r="AC17" s="204">
        <v>994</v>
      </c>
      <c r="AD17" s="204">
        <v>1382</v>
      </c>
      <c r="AE17" s="204">
        <v>734</v>
      </c>
      <c r="AF17" s="204">
        <v>555</v>
      </c>
      <c r="AG17" s="204">
        <v>340</v>
      </c>
      <c r="AH17" s="205">
        <v>4005</v>
      </c>
      <c r="AI17" s="206">
        <v>4761</v>
      </c>
    </row>
    <row r="18" spans="2:35" ht="21" customHeight="1" x14ac:dyDescent="0.2">
      <c r="B18" s="437" t="s">
        <v>17</v>
      </c>
      <c r="C18" s="203">
        <v>304</v>
      </c>
      <c r="D18" s="204">
        <v>649</v>
      </c>
      <c r="E18" s="205">
        <v>953</v>
      </c>
      <c r="F18" s="196">
        <v>0</v>
      </c>
      <c r="G18" s="204">
        <v>1112</v>
      </c>
      <c r="H18" s="204">
        <v>1770</v>
      </c>
      <c r="I18" s="204">
        <v>1040</v>
      </c>
      <c r="J18" s="204">
        <v>745</v>
      </c>
      <c r="K18" s="204">
        <v>416</v>
      </c>
      <c r="L18" s="205">
        <v>5083</v>
      </c>
      <c r="M18" s="206">
        <v>6036</v>
      </c>
      <c r="N18" s="207">
        <v>5</v>
      </c>
      <c r="O18" s="204">
        <v>25</v>
      </c>
      <c r="P18" s="205">
        <v>30</v>
      </c>
      <c r="Q18" s="196">
        <v>0</v>
      </c>
      <c r="R18" s="204">
        <v>18</v>
      </c>
      <c r="S18" s="204">
        <v>59</v>
      </c>
      <c r="T18" s="204">
        <v>35</v>
      </c>
      <c r="U18" s="204">
        <v>25</v>
      </c>
      <c r="V18" s="204">
        <v>23</v>
      </c>
      <c r="W18" s="205">
        <v>160</v>
      </c>
      <c r="X18" s="206">
        <v>190</v>
      </c>
      <c r="Y18" s="203">
        <v>309</v>
      </c>
      <c r="Z18" s="204">
        <v>674</v>
      </c>
      <c r="AA18" s="205">
        <v>983</v>
      </c>
      <c r="AB18" s="196">
        <v>0</v>
      </c>
      <c r="AC18" s="204">
        <v>1130</v>
      </c>
      <c r="AD18" s="204">
        <v>1829</v>
      </c>
      <c r="AE18" s="204">
        <v>1075</v>
      </c>
      <c r="AF18" s="204">
        <v>770</v>
      </c>
      <c r="AG18" s="204">
        <v>439</v>
      </c>
      <c r="AH18" s="205">
        <v>5243</v>
      </c>
      <c r="AI18" s="206">
        <v>6226</v>
      </c>
    </row>
    <row r="19" spans="2:35" ht="21" customHeight="1" x14ac:dyDescent="0.2">
      <c r="B19" s="437" t="s">
        <v>18</v>
      </c>
      <c r="C19" s="203">
        <v>393</v>
      </c>
      <c r="D19" s="204">
        <v>691</v>
      </c>
      <c r="E19" s="205">
        <v>1084</v>
      </c>
      <c r="F19" s="196">
        <v>0</v>
      </c>
      <c r="G19" s="204">
        <v>1891</v>
      </c>
      <c r="H19" s="204">
        <v>1688</v>
      </c>
      <c r="I19" s="204">
        <v>1050</v>
      </c>
      <c r="J19" s="204">
        <v>772</v>
      </c>
      <c r="K19" s="204">
        <v>431</v>
      </c>
      <c r="L19" s="205">
        <v>5832</v>
      </c>
      <c r="M19" s="206">
        <v>6916</v>
      </c>
      <c r="N19" s="207">
        <v>14</v>
      </c>
      <c r="O19" s="204">
        <v>25</v>
      </c>
      <c r="P19" s="205">
        <v>39</v>
      </c>
      <c r="Q19" s="196">
        <v>0</v>
      </c>
      <c r="R19" s="204">
        <v>42</v>
      </c>
      <c r="S19" s="204">
        <v>53</v>
      </c>
      <c r="T19" s="204">
        <v>30</v>
      </c>
      <c r="U19" s="204">
        <v>34</v>
      </c>
      <c r="V19" s="204">
        <v>25</v>
      </c>
      <c r="W19" s="205">
        <v>184</v>
      </c>
      <c r="X19" s="206">
        <v>223</v>
      </c>
      <c r="Y19" s="203">
        <v>407</v>
      </c>
      <c r="Z19" s="204">
        <v>716</v>
      </c>
      <c r="AA19" s="205">
        <v>1123</v>
      </c>
      <c r="AB19" s="196">
        <v>0</v>
      </c>
      <c r="AC19" s="204">
        <v>1933</v>
      </c>
      <c r="AD19" s="204">
        <v>1741</v>
      </c>
      <c r="AE19" s="204">
        <v>1080</v>
      </c>
      <c r="AF19" s="204">
        <v>806</v>
      </c>
      <c r="AG19" s="204">
        <v>456</v>
      </c>
      <c r="AH19" s="205">
        <v>6016</v>
      </c>
      <c r="AI19" s="206">
        <v>7139</v>
      </c>
    </row>
    <row r="20" spans="2:35" ht="21" customHeight="1" x14ac:dyDescent="0.2">
      <c r="B20" s="437" t="s">
        <v>19</v>
      </c>
      <c r="C20" s="203">
        <v>241</v>
      </c>
      <c r="D20" s="204">
        <v>334</v>
      </c>
      <c r="E20" s="205">
        <v>575</v>
      </c>
      <c r="F20" s="196">
        <v>0</v>
      </c>
      <c r="G20" s="204">
        <v>847</v>
      </c>
      <c r="H20" s="204">
        <v>737</v>
      </c>
      <c r="I20" s="204">
        <v>447</v>
      </c>
      <c r="J20" s="204">
        <v>289</v>
      </c>
      <c r="K20" s="204">
        <v>220</v>
      </c>
      <c r="L20" s="205">
        <v>2540</v>
      </c>
      <c r="M20" s="206">
        <v>3115</v>
      </c>
      <c r="N20" s="207">
        <v>5</v>
      </c>
      <c r="O20" s="204">
        <v>10</v>
      </c>
      <c r="P20" s="205">
        <v>15</v>
      </c>
      <c r="Q20" s="196">
        <v>0</v>
      </c>
      <c r="R20" s="204">
        <v>19</v>
      </c>
      <c r="S20" s="204">
        <v>17</v>
      </c>
      <c r="T20" s="204">
        <v>13</v>
      </c>
      <c r="U20" s="204">
        <v>5</v>
      </c>
      <c r="V20" s="204">
        <v>10</v>
      </c>
      <c r="W20" s="205">
        <v>64</v>
      </c>
      <c r="X20" s="206">
        <v>79</v>
      </c>
      <c r="Y20" s="203">
        <v>246</v>
      </c>
      <c r="Z20" s="204">
        <v>344</v>
      </c>
      <c r="AA20" s="205">
        <v>590</v>
      </c>
      <c r="AB20" s="196">
        <v>0</v>
      </c>
      <c r="AC20" s="204">
        <v>866</v>
      </c>
      <c r="AD20" s="204">
        <v>754</v>
      </c>
      <c r="AE20" s="204">
        <v>460</v>
      </c>
      <c r="AF20" s="204">
        <v>294</v>
      </c>
      <c r="AG20" s="204">
        <v>230</v>
      </c>
      <c r="AH20" s="205">
        <v>2604</v>
      </c>
      <c r="AI20" s="206">
        <v>3194</v>
      </c>
    </row>
    <row r="21" spans="2:35" ht="21" customHeight="1" x14ac:dyDescent="0.2">
      <c r="B21" s="437" t="s">
        <v>20</v>
      </c>
      <c r="C21" s="203">
        <v>231</v>
      </c>
      <c r="D21" s="204">
        <v>454</v>
      </c>
      <c r="E21" s="205">
        <v>685</v>
      </c>
      <c r="F21" s="196">
        <v>0</v>
      </c>
      <c r="G21" s="204">
        <v>1152</v>
      </c>
      <c r="H21" s="204">
        <v>799</v>
      </c>
      <c r="I21" s="204">
        <v>519</v>
      </c>
      <c r="J21" s="204">
        <v>367</v>
      </c>
      <c r="K21" s="204">
        <v>187</v>
      </c>
      <c r="L21" s="205">
        <v>3024</v>
      </c>
      <c r="M21" s="206">
        <v>3709</v>
      </c>
      <c r="N21" s="207">
        <v>4</v>
      </c>
      <c r="O21" s="204">
        <v>20</v>
      </c>
      <c r="P21" s="205">
        <v>24</v>
      </c>
      <c r="Q21" s="196">
        <v>0</v>
      </c>
      <c r="R21" s="204">
        <v>23</v>
      </c>
      <c r="S21" s="204">
        <v>23</v>
      </c>
      <c r="T21" s="204">
        <v>17</v>
      </c>
      <c r="U21" s="204">
        <v>13</v>
      </c>
      <c r="V21" s="204">
        <v>8</v>
      </c>
      <c r="W21" s="205">
        <v>84</v>
      </c>
      <c r="X21" s="206">
        <v>108</v>
      </c>
      <c r="Y21" s="203">
        <v>235</v>
      </c>
      <c r="Z21" s="204">
        <v>474</v>
      </c>
      <c r="AA21" s="205">
        <v>709</v>
      </c>
      <c r="AB21" s="196">
        <v>0</v>
      </c>
      <c r="AC21" s="204">
        <v>1175</v>
      </c>
      <c r="AD21" s="204">
        <v>822</v>
      </c>
      <c r="AE21" s="204">
        <v>536</v>
      </c>
      <c r="AF21" s="204">
        <v>380</v>
      </c>
      <c r="AG21" s="204">
        <v>195</v>
      </c>
      <c r="AH21" s="205">
        <v>3108</v>
      </c>
      <c r="AI21" s="206">
        <v>3817</v>
      </c>
    </row>
    <row r="22" spans="2:35" ht="21" customHeight="1" x14ac:dyDescent="0.2">
      <c r="B22" s="437" t="s">
        <v>21</v>
      </c>
      <c r="C22" s="203">
        <v>310</v>
      </c>
      <c r="D22" s="204">
        <v>448</v>
      </c>
      <c r="E22" s="205">
        <v>758</v>
      </c>
      <c r="F22" s="196">
        <v>0</v>
      </c>
      <c r="G22" s="204">
        <v>1023</v>
      </c>
      <c r="H22" s="204">
        <v>1035</v>
      </c>
      <c r="I22" s="204">
        <v>633</v>
      </c>
      <c r="J22" s="204">
        <v>419</v>
      </c>
      <c r="K22" s="204">
        <v>231</v>
      </c>
      <c r="L22" s="205">
        <v>3341</v>
      </c>
      <c r="M22" s="206">
        <v>4099</v>
      </c>
      <c r="N22" s="207">
        <v>9</v>
      </c>
      <c r="O22" s="204">
        <v>17</v>
      </c>
      <c r="P22" s="205">
        <v>26</v>
      </c>
      <c r="Q22" s="196">
        <v>0</v>
      </c>
      <c r="R22" s="204">
        <v>6</v>
      </c>
      <c r="S22" s="204">
        <v>41</v>
      </c>
      <c r="T22" s="204">
        <v>20</v>
      </c>
      <c r="U22" s="204">
        <v>8</v>
      </c>
      <c r="V22" s="204">
        <v>12</v>
      </c>
      <c r="W22" s="205">
        <v>87</v>
      </c>
      <c r="X22" s="206">
        <v>113</v>
      </c>
      <c r="Y22" s="203">
        <v>319</v>
      </c>
      <c r="Z22" s="204">
        <v>465</v>
      </c>
      <c r="AA22" s="205">
        <v>784</v>
      </c>
      <c r="AB22" s="196">
        <v>0</v>
      </c>
      <c r="AC22" s="204">
        <v>1029</v>
      </c>
      <c r="AD22" s="204">
        <v>1076</v>
      </c>
      <c r="AE22" s="204">
        <v>653</v>
      </c>
      <c r="AF22" s="204">
        <v>427</v>
      </c>
      <c r="AG22" s="204">
        <v>243</v>
      </c>
      <c r="AH22" s="205">
        <v>3428</v>
      </c>
      <c r="AI22" s="206">
        <v>4212</v>
      </c>
    </row>
    <row r="23" spans="2:35" ht="21" customHeight="1" x14ac:dyDescent="0.2">
      <c r="B23" s="437" t="s">
        <v>22</v>
      </c>
      <c r="C23" s="203">
        <v>74</v>
      </c>
      <c r="D23" s="204">
        <v>179</v>
      </c>
      <c r="E23" s="205">
        <v>253</v>
      </c>
      <c r="F23" s="196">
        <v>0</v>
      </c>
      <c r="G23" s="204">
        <v>372</v>
      </c>
      <c r="H23" s="204">
        <v>378</v>
      </c>
      <c r="I23" s="204">
        <v>207</v>
      </c>
      <c r="J23" s="204">
        <v>141</v>
      </c>
      <c r="K23" s="204">
        <v>86</v>
      </c>
      <c r="L23" s="205">
        <v>1184</v>
      </c>
      <c r="M23" s="206">
        <v>1437</v>
      </c>
      <c r="N23" s="207">
        <v>2</v>
      </c>
      <c r="O23" s="204">
        <v>3</v>
      </c>
      <c r="P23" s="205">
        <v>5</v>
      </c>
      <c r="Q23" s="196">
        <v>0</v>
      </c>
      <c r="R23" s="204">
        <v>9</v>
      </c>
      <c r="S23" s="204">
        <v>9</v>
      </c>
      <c r="T23" s="204">
        <v>3</v>
      </c>
      <c r="U23" s="204">
        <v>4</v>
      </c>
      <c r="V23" s="204">
        <v>3</v>
      </c>
      <c r="W23" s="205">
        <v>28</v>
      </c>
      <c r="X23" s="206">
        <v>33</v>
      </c>
      <c r="Y23" s="203">
        <v>76</v>
      </c>
      <c r="Z23" s="204">
        <v>182</v>
      </c>
      <c r="AA23" s="205">
        <v>258</v>
      </c>
      <c r="AB23" s="196">
        <v>0</v>
      </c>
      <c r="AC23" s="204">
        <v>381</v>
      </c>
      <c r="AD23" s="204">
        <v>387</v>
      </c>
      <c r="AE23" s="204">
        <v>210</v>
      </c>
      <c r="AF23" s="204">
        <v>145</v>
      </c>
      <c r="AG23" s="204">
        <v>89</v>
      </c>
      <c r="AH23" s="205">
        <v>1212</v>
      </c>
      <c r="AI23" s="206">
        <v>1470</v>
      </c>
    </row>
    <row r="24" spans="2:35" ht="21" customHeight="1" x14ac:dyDescent="0.2">
      <c r="B24" s="437" t="s">
        <v>23</v>
      </c>
      <c r="C24" s="203">
        <v>148</v>
      </c>
      <c r="D24" s="204">
        <v>286</v>
      </c>
      <c r="E24" s="205">
        <v>434</v>
      </c>
      <c r="F24" s="196">
        <v>0</v>
      </c>
      <c r="G24" s="204">
        <v>620</v>
      </c>
      <c r="H24" s="204">
        <v>603</v>
      </c>
      <c r="I24" s="204">
        <v>335</v>
      </c>
      <c r="J24" s="204">
        <v>277</v>
      </c>
      <c r="K24" s="204">
        <v>134</v>
      </c>
      <c r="L24" s="205">
        <v>1969</v>
      </c>
      <c r="M24" s="206">
        <v>2403</v>
      </c>
      <c r="N24" s="207">
        <v>5</v>
      </c>
      <c r="O24" s="204">
        <v>9</v>
      </c>
      <c r="P24" s="205">
        <v>14</v>
      </c>
      <c r="Q24" s="196">
        <v>0</v>
      </c>
      <c r="R24" s="204">
        <v>8</v>
      </c>
      <c r="S24" s="204">
        <v>21</v>
      </c>
      <c r="T24" s="204">
        <v>10</v>
      </c>
      <c r="U24" s="204">
        <v>7</v>
      </c>
      <c r="V24" s="204">
        <v>4</v>
      </c>
      <c r="W24" s="205">
        <v>50</v>
      </c>
      <c r="X24" s="206">
        <v>64</v>
      </c>
      <c r="Y24" s="203">
        <v>153</v>
      </c>
      <c r="Z24" s="204">
        <v>295</v>
      </c>
      <c r="AA24" s="205">
        <v>448</v>
      </c>
      <c r="AB24" s="196">
        <v>0</v>
      </c>
      <c r="AC24" s="204">
        <v>628</v>
      </c>
      <c r="AD24" s="204">
        <v>624</v>
      </c>
      <c r="AE24" s="204">
        <v>345</v>
      </c>
      <c r="AF24" s="204">
        <v>284</v>
      </c>
      <c r="AG24" s="204">
        <v>138</v>
      </c>
      <c r="AH24" s="205">
        <v>2019</v>
      </c>
      <c r="AI24" s="206">
        <v>2467</v>
      </c>
    </row>
    <row r="25" spans="2:35" ht="21" customHeight="1" x14ac:dyDescent="0.2">
      <c r="B25" s="437" t="s">
        <v>24</v>
      </c>
      <c r="C25" s="203">
        <v>114</v>
      </c>
      <c r="D25" s="204">
        <v>138</v>
      </c>
      <c r="E25" s="205">
        <v>252</v>
      </c>
      <c r="F25" s="196">
        <v>0</v>
      </c>
      <c r="G25" s="204">
        <v>331</v>
      </c>
      <c r="H25" s="204">
        <v>257</v>
      </c>
      <c r="I25" s="204">
        <v>154</v>
      </c>
      <c r="J25" s="204">
        <v>133</v>
      </c>
      <c r="K25" s="204">
        <v>79</v>
      </c>
      <c r="L25" s="205">
        <v>954</v>
      </c>
      <c r="M25" s="206">
        <v>1206</v>
      </c>
      <c r="N25" s="207">
        <v>1</v>
      </c>
      <c r="O25" s="204">
        <v>0</v>
      </c>
      <c r="P25" s="205">
        <v>1</v>
      </c>
      <c r="Q25" s="196">
        <v>0</v>
      </c>
      <c r="R25" s="204">
        <v>3</v>
      </c>
      <c r="S25" s="204">
        <v>5</v>
      </c>
      <c r="T25" s="204">
        <v>3</v>
      </c>
      <c r="U25" s="204">
        <v>2</v>
      </c>
      <c r="V25" s="204">
        <v>3</v>
      </c>
      <c r="W25" s="205">
        <v>16</v>
      </c>
      <c r="X25" s="206">
        <v>17</v>
      </c>
      <c r="Y25" s="203">
        <v>115</v>
      </c>
      <c r="Z25" s="204">
        <v>138</v>
      </c>
      <c r="AA25" s="205">
        <v>253</v>
      </c>
      <c r="AB25" s="196">
        <v>0</v>
      </c>
      <c r="AC25" s="204">
        <v>334</v>
      </c>
      <c r="AD25" s="204">
        <v>262</v>
      </c>
      <c r="AE25" s="204">
        <v>157</v>
      </c>
      <c r="AF25" s="204">
        <v>135</v>
      </c>
      <c r="AG25" s="204">
        <v>82</v>
      </c>
      <c r="AH25" s="205">
        <v>970</v>
      </c>
      <c r="AI25" s="206">
        <v>1223</v>
      </c>
    </row>
    <row r="26" spans="2:35" ht="21" customHeight="1" x14ac:dyDescent="0.2">
      <c r="B26" s="437" t="s">
        <v>25</v>
      </c>
      <c r="C26" s="203">
        <v>116</v>
      </c>
      <c r="D26" s="204">
        <v>177</v>
      </c>
      <c r="E26" s="205">
        <v>293</v>
      </c>
      <c r="F26" s="196">
        <v>0</v>
      </c>
      <c r="G26" s="204">
        <v>406</v>
      </c>
      <c r="H26" s="204">
        <v>300</v>
      </c>
      <c r="I26" s="204">
        <v>169</v>
      </c>
      <c r="J26" s="204">
        <v>139</v>
      </c>
      <c r="K26" s="204">
        <v>76</v>
      </c>
      <c r="L26" s="205">
        <v>1090</v>
      </c>
      <c r="M26" s="206">
        <v>1383</v>
      </c>
      <c r="N26" s="207">
        <v>1</v>
      </c>
      <c r="O26" s="204">
        <v>4</v>
      </c>
      <c r="P26" s="205">
        <v>5</v>
      </c>
      <c r="Q26" s="196">
        <v>0</v>
      </c>
      <c r="R26" s="204">
        <v>5</v>
      </c>
      <c r="S26" s="204">
        <v>12</v>
      </c>
      <c r="T26" s="204">
        <v>3</v>
      </c>
      <c r="U26" s="204">
        <v>3</v>
      </c>
      <c r="V26" s="204">
        <v>3</v>
      </c>
      <c r="W26" s="205">
        <v>26</v>
      </c>
      <c r="X26" s="206">
        <v>31</v>
      </c>
      <c r="Y26" s="203">
        <v>117</v>
      </c>
      <c r="Z26" s="204">
        <v>181</v>
      </c>
      <c r="AA26" s="205">
        <v>298</v>
      </c>
      <c r="AB26" s="196">
        <v>0</v>
      </c>
      <c r="AC26" s="204">
        <v>411</v>
      </c>
      <c r="AD26" s="204">
        <v>312</v>
      </c>
      <c r="AE26" s="204">
        <v>172</v>
      </c>
      <c r="AF26" s="204">
        <v>142</v>
      </c>
      <c r="AG26" s="204">
        <v>79</v>
      </c>
      <c r="AH26" s="205">
        <v>1116</v>
      </c>
      <c r="AI26" s="206">
        <v>1414</v>
      </c>
    </row>
    <row r="27" spans="2:35" ht="21" customHeight="1" x14ac:dyDescent="0.2">
      <c r="B27" s="437" t="s">
        <v>26</v>
      </c>
      <c r="C27" s="203">
        <v>91</v>
      </c>
      <c r="D27" s="204">
        <v>123</v>
      </c>
      <c r="E27" s="205">
        <v>214</v>
      </c>
      <c r="F27" s="196">
        <v>0</v>
      </c>
      <c r="G27" s="204">
        <v>311</v>
      </c>
      <c r="H27" s="204">
        <v>283</v>
      </c>
      <c r="I27" s="204">
        <v>190</v>
      </c>
      <c r="J27" s="204">
        <v>108</v>
      </c>
      <c r="K27" s="204">
        <v>88</v>
      </c>
      <c r="L27" s="205">
        <v>980</v>
      </c>
      <c r="M27" s="206">
        <v>1194</v>
      </c>
      <c r="N27" s="207">
        <v>2</v>
      </c>
      <c r="O27" s="204">
        <v>2</v>
      </c>
      <c r="P27" s="205">
        <v>4</v>
      </c>
      <c r="Q27" s="196">
        <v>0</v>
      </c>
      <c r="R27" s="204">
        <v>6</v>
      </c>
      <c r="S27" s="204">
        <v>5</v>
      </c>
      <c r="T27" s="204">
        <v>5</v>
      </c>
      <c r="U27" s="204">
        <v>3</v>
      </c>
      <c r="V27" s="204">
        <v>3</v>
      </c>
      <c r="W27" s="205">
        <v>22</v>
      </c>
      <c r="X27" s="206">
        <v>26</v>
      </c>
      <c r="Y27" s="203">
        <v>93</v>
      </c>
      <c r="Z27" s="204">
        <v>125</v>
      </c>
      <c r="AA27" s="205">
        <v>218</v>
      </c>
      <c r="AB27" s="196">
        <v>0</v>
      </c>
      <c r="AC27" s="204">
        <v>317</v>
      </c>
      <c r="AD27" s="204">
        <v>288</v>
      </c>
      <c r="AE27" s="204">
        <v>195</v>
      </c>
      <c r="AF27" s="204">
        <v>111</v>
      </c>
      <c r="AG27" s="204">
        <v>91</v>
      </c>
      <c r="AH27" s="205">
        <v>1002</v>
      </c>
      <c r="AI27" s="206">
        <v>1220</v>
      </c>
    </row>
    <row r="28" spans="2:35" ht="21" customHeight="1" x14ac:dyDescent="0.2">
      <c r="B28" s="437" t="s">
        <v>27</v>
      </c>
      <c r="C28" s="203">
        <v>140</v>
      </c>
      <c r="D28" s="204">
        <v>189</v>
      </c>
      <c r="E28" s="205">
        <v>329</v>
      </c>
      <c r="F28" s="196">
        <v>0</v>
      </c>
      <c r="G28" s="204">
        <v>264</v>
      </c>
      <c r="H28" s="204">
        <v>185</v>
      </c>
      <c r="I28" s="204">
        <v>136</v>
      </c>
      <c r="J28" s="204">
        <v>97</v>
      </c>
      <c r="K28" s="204">
        <v>71</v>
      </c>
      <c r="L28" s="205">
        <v>753</v>
      </c>
      <c r="M28" s="206">
        <v>1082</v>
      </c>
      <c r="N28" s="207">
        <v>4</v>
      </c>
      <c r="O28" s="204">
        <v>1</v>
      </c>
      <c r="P28" s="205">
        <v>5</v>
      </c>
      <c r="Q28" s="196">
        <v>0</v>
      </c>
      <c r="R28" s="204">
        <v>5</v>
      </c>
      <c r="S28" s="204">
        <v>6</v>
      </c>
      <c r="T28" s="204">
        <v>3</v>
      </c>
      <c r="U28" s="204">
        <v>1</v>
      </c>
      <c r="V28" s="204">
        <v>3</v>
      </c>
      <c r="W28" s="205">
        <v>18</v>
      </c>
      <c r="X28" s="206">
        <v>23</v>
      </c>
      <c r="Y28" s="203">
        <v>144</v>
      </c>
      <c r="Z28" s="204">
        <v>190</v>
      </c>
      <c r="AA28" s="205">
        <v>334</v>
      </c>
      <c r="AB28" s="196">
        <v>0</v>
      </c>
      <c r="AC28" s="204">
        <v>269</v>
      </c>
      <c r="AD28" s="204">
        <v>191</v>
      </c>
      <c r="AE28" s="204">
        <v>139</v>
      </c>
      <c r="AF28" s="204">
        <v>98</v>
      </c>
      <c r="AG28" s="204">
        <v>74</v>
      </c>
      <c r="AH28" s="205">
        <v>771</v>
      </c>
      <c r="AI28" s="206">
        <v>1105</v>
      </c>
    </row>
    <row r="29" spans="2:35" ht="21" customHeight="1" x14ac:dyDescent="0.2">
      <c r="B29" s="437" t="s">
        <v>28</v>
      </c>
      <c r="C29" s="203">
        <v>10</v>
      </c>
      <c r="D29" s="204">
        <v>19</v>
      </c>
      <c r="E29" s="205">
        <v>29</v>
      </c>
      <c r="F29" s="196">
        <v>0</v>
      </c>
      <c r="G29" s="204">
        <v>90</v>
      </c>
      <c r="H29" s="204">
        <v>103</v>
      </c>
      <c r="I29" s="204">
        <v>50</v>
      </c>
      <c r="J29" s="204">
        <v>36</v>
      </c>
      <c r="K29" s="204">
        <v>20</v>
      </c>
      <c r="L29" s="205">
        <v>299</v>
      </c>
      <c r="M29" s="206">
        <v>328</v>
      </c>
      <c r="N29" s="207">
        <v>0</v>
      </c>
      <c r="O29" s="204">
        <v>0</v>
      </c>
      <c r="P29" s="205">
        <v>0</v>
      </c>
      <c r="Q29" s="196">
        <v>0</v>
      </c>
      <c r="R29" s="204">
        <v>0</v>
      </c>
      <c r="S29" s="204">
        <v>3</v>
      </c>
      <c r="T29" s="204">
        <v>0</v>
      </c>
      <c r="U29" s="204">
        <v>0</v>
      </c>
      <c r="V29" s="204">
        <v>2</v>
      </c>
      <c r="W29" s="205">
        <v>5</v>
      </c>
      <c r="X29" s="206">
        <v>5</v>
      </c>
      <c r="Y29" s="203">
        <v>10</v>
      </c>
      <c r="Z29" s="204">
        <v>19</v>
      </c>
      <c r="AA29" s="205">
        <v>29</v>
      </c>
      <c r="AB29" s="196">
        <v>0</v>
      </c>
      <c r="AC29" s="204">
        <v>90</v>
      </c>
      <c r="AD29" s="204">
        <v>106</v>
      </c>
      <c r="AE29" s="204">
        <v>50</v>
      </c>
      <c r="AF29" s="204">
        <v>36</v>
      </c>
      <c r="AG29" s="204">
        <v>22</v>
      </c>
      <c r="AH29" s="205">
        <v>304</v>
      </c>
      <c r="AI29" s="206">
        <v>333</v>
      </c>
    </row>
    <row r="30" spans="2:35" ht="21" customHeight="1" x14ac:dyDescent="0.2">
      <c r="B30" s="437" t="s">
        <v>29</v>
      </c>
      <c r="C30" s="203">
        <v>33</v>
      </c>
      <c r="D30" s="204">
        <v>41</v>
      </c>
      <c r="E30" s="205">
        <v>74</v>
      </c>
      <c r="F30" s="196">
        <v>0</v>
      </c>
      <c r="G30" s="204">
        <v>99</v>
      </c>
      <c r="H30" s="204">
        <v>101</v>
      </c>
      <c r="I30" s="204">
        <v>78</v>
      </c>
      <c r="J30" s="204">
        <v>47</v>
      </c>
      <c r="K30" s="204">
        <v>29</v>
      </c>
      <c r="L30" s="205">
        <v>354</v>
      </c>
      <c r="M30" s="206">
        <v>428</v>
      </c>
      <c r="N30" s="207">
        <v>1</v>
      </c>
      <c r="O30" s="204">
        <v>3</v>
      </c>
      <c r="P30" s="205">
        <v>4</v>
      </c>
      <c r="Q30" s="196">
        <v>0</v>
      </c>
      <c r="R30" s="204">
        <v>5</v>
      </c>
      <c r="S30" s="204">
        <v>1</v>
      </c>
      <c r="T30" s="204">
        <v>3</v>
      </c>
      <c r="U30" s="204">
        <v>0</v>
      </c>
      <c r="V30" s="204">
        <v>2</v>
      </c>
      <c r="W30" s="205">
        <v>11</v>
      </c>
      <c r="X30" s="206">
        <v>15</v>
      </c>
      <c r="Y30" s="203">
        <v>34</v>
      </c>
      <c r="Z30" s="204">
        <v>44</v>
      </c>
      <c r="AA30" s="205">
        <v>78</v>
      </c>
      <c r="AB30" s="196">
        <v>0</v>
      </c>
      <c r="AC30" s="204">
        <v>104</v>
      </c>
      <c r="AD30" s="204">
        <v>102</v>
      </c>
      <c r="AE30" s="204">
        <v>81</v>
      </c>
      <c r="AF30" s="204">
        <v>47</v>
      </c>
      <c r="AG30" s="204">
        <v>31</v>
      </c>
      <c r="AH30" s="205">
        <v>365</v>
      </c>
      <c r="AI30" s="206">
        <v>443</v>
      </c>
    </row>
    <row r="31" spans="2:35" ht="21" customHeight="1" x14ac:dyDescent="0.2">
      <c r="B31" s="437" t="s">
        <v>30</v>
      </c>
      <c r="C31" s="203">
        <v>40</v>
      </c>
      <c r="D31" s="204">
        <v>34</v>
      </c>
      <c r="E31" s="205">
        <v>74</v>
      </c>
      <c r="F31" s="196">
        <v>0</v>
      </c>
      <c r="G31" s="204">
        <v>97</v>
      </c>
      <c r="H31" s="204">
        <v>66</v>
      </c>
      <c r="I31" s="204">
        <v>53</v>
      </c>
      <c r="J31" s="204">
        <v>45</v>
      </c>
      <c r="K31" s="204">
        <v>18</v>
      </c>
      <c r="L31" s="205">
        <v>279</v>
      </c>
      <c r="M31" s="206">
        <v>353</v>
      </c>
      <c r="N31" s="207">
        <v>0</v>
      </c>
      <c r="O31" s="204">
        <v>1</v>
      </c>
      <c r="P31" s="205">
        <v>1</v>
      </c>
      <c r="Q31" s="196">
        <v>0</v>
      </c>
      <c r="R31" s="204">
        <v>2</v>
      </c>
      <c r="S31" s="204">
        <v>2</v>
      </c>
      <c r="T31" s="204">
        <v>3</v>
      </c>
      <c r="U31" s="204">
        <v>2</v>
      </c>
      <c r="V31" s="204">
        <v>0</v>
      </c>
      <c r="W31" s="205">
        <v>9</v>
      </c>
      <c r="X31" s="206">
        <v>10</v>
      </c>
      <c r="Y31" s="203">
        <v>40</v>
      </c>
      <c r="Z31" s="204">
        <v>35</v>
      </c>
      <c r="AA31" s="205">
        <v>75</v>
      </c>
      <c r="AB31" s="196">
        <v>0</v>
      </c>
      <c r="AC31" s="204">
        <v>99</v>
      </c>
      <c r="AD31" s="204">
        <v>68</v>
      </c>
      <c r="AE31" s="204">
        <v>56</v>
      </c>
      <c r="AF31" s="204">
        <v>47</v>
      </c>
      <c r="AG31" s="204">
        <v>18</v>
      </c>
      <c r="AH31" s="205">
        <v>288</v>
      </c>
      <c r="AI31" s="206">
        <v>363</v>
      </c>
    </row>
    <row r="32" spans="2:35" ht="21" customHeight="1" x14ac:dyDescent="0.2">
      <c r="B32" s="437" t="s">
        <v>31</v>
      </c>
      <c r="C32" s="203">
        <v>25</v>
      </c>
      <c r="D32" s="204">
        <v>57</v>
      </c>
      <c r="E32" s="205">
        <v>82</v>
      </c>
      <c r="F32" s="196">
        <v>0</v>
      </c>
      <c r="G32" s="204">
        <v>107</v>
      </c>
      <c r="H32" s="204">
        <v>101</v>
      </c>
      <c r="I32" s="204">
        <v>54</v>
      </c>
      <c r="J32" s="204">
        <v>34</v>
      </c>
      <c r="K32" s="204">
        <v>18</v>
      </c>
      <c r="L32" s="205">
        <v>314</v>
      </c>
      <c r="M32" s="206">
        <v>396</v>
      </c>
      <c r="N32" s="207">
        <v>0</v>
      </c>
      <c r="O32" s="204">
        <v>3</v>
      </c>
      <c r="P32" s="205">
        <v>3</v>
      </c>
      <c r="Q32" s="196">
        <v>0</v>
      </c>
      <c r="R32" s="204">
        <v>2</v>
      </c>
      <c r="S32" s="204">
        <v>0</v>
      </c>
      <c r="T32" s="204">
        <v>0</v>
      </c>
      <c r="U32" s="204">
        <v>2</v>
      </c>
      <c r="V32" s="204">
        <v>1</v>
      </c>
      <c r="W32" s="205">
        <v>5</v>
      </c>
      <c r="X32" s="206">
        <v>8</v>
      </c>
      <c r="Y32" s="203">
        <v>25</v>
      </c>
      <c r="Z32" s="204">
        <v>60</v>
      </c>
      <c r="AA32" s="205">
        <v>85</v>
      </c>
      <c r="AB32" s="196">
        <v>0</v>
      </c>
      <c r="AC32" s="204">
        <v>109</v>
      </c>
      <c r="AD32" s="204">
        <v>101</v>
      </c>
      <c r="AE32" s="204">
        <v>54</v>
      </c>
      <c r="AF32" s="204">
        <v>36</v>
      </c>
      <c r="AG32" s="204">
        <v>19</v>
      </c>
      <c r="AH32" s="205">
        <v>319</v>
      </c>
      <c r="AI32" s="206">
        <v>404</v>
      </c>
    </row>
    <row r="33" spans="2:35" ht="21" customHeight="1" x14ac:dyDescent="0.2">
      <c r="B33" s="437" t="s">
        <v>32</v>
      </c>
      <c r="C33" s="203">
        <v>31</v>
      </c>
      <c r="D33" s="204">
        <v>56</v>
      </c>
      <c r="E33" s="205">
        <v>87</v>
      </c>
      <c r="F33" s="196">
        <v>0</v>
      </c>
      <c r="G33" s="204">
        <v>151</v>
      </c>
      <c r="H33" s="204">
        <v>120</v>
      </c>
      <c r="I33" s="204">
        <v>65</v>
      </c>
      <c r="J33" s="204">
        <v>49</v>
      </c>
      <c r="K33" s="204">
        <v>26</v>
      </c>
      <c r="L33" s="205">
        <v>411</v>
      </c>
      <c r="M33" s="206">
        <v>498</v>
      </c>
      <c r="N33" s="207">
        <v>0</v>
      </c>
      <c r="O33" s="204">
        <v>2</v>
      </c>
      <c r="P33" s="205">
        <v>2</v>
      </c>
      <c r="Q33" s="196">
        <v>0</v>
      </c>
      <c r="R33" s="204">
        <v>3</v>
      </c>
      <c r="S33" s="204">
        <v>7</v>
      </c>
      <c r="T33" s="204">
        <v>1</v>
      </c>
      <c r="U33" s="204">
        <v>2</v>
      </c>
      <c r="V33" s="204">
        <v>2</v>
      </c>
      <c r="W33" s="205">
        <v>15</v>
      </c>
      <c r="X33" s="206">
        <v>17</v>
      </c>
      <c r="Y33" s="203">
        <v>31</v>
      </c>
      <c r="Z33" s="204">
        <v>58</v>
      </c>
      <c r="AA33" s="205">
        <v>89</v>
      </c>
      <c r="AB33" s="196">
        <v>0</v>
      </c>
      <c r="AC33" s="204">
        <v>154</v>
      </c>
      <c r="AD33" s="204">
        <v>127</v>
      </c>
      <c r="AE33" s="204">
        <v>66</v>
      </c>
      <c r="AF33" s="204">
        <v>51</v>
      </c>
      <c r="AG33" s="204">
        <v>28</v>
      </c>
      <c r="AH33" s="205">
        <v>426</v>
      </c>
      <c r="AI33" s="206">
        <v>515</v>
      </c>
    </row>
    <row r="34" spans="2:35" ht="21" customHeight="1" x14ac:dyDescent="0.2">
      <c r="B34" s="437" t="s">
        <v>33</v>
      </c>
      <c r="C34" s="203">
        <v>36</v>
      </c>
      <c r="D34" s="204">
        <v>63</v>
      </c>
      <c r="E34" s="205">
        <v>99</v>
      </c>
      <c r="F34" s="196">
        <v>0</v>
      </c>
      <c r="G34" s="204">
        <v>133</v>
      </c>
      <c r="H34" s="204">
        <v>78</v>
      </c>
      <c r="I34" s="204">
        <v>71</v>
      </c>
      <c r="J34" s="204">
        <v>31</v>
      </c>
      <c r="K34" s="204">
        <v>30</v>
      </c>
      <c r="L34" s="205">
        <v>343</v>
      </c>
      <c r="M34" s="206">
        <v>442</v>
      </c>
      <c r="N34" s="207">
        <v>0</v>
      </c>
      <c r="O34" s="204">
        <v>0</v>
      </c>
      <c r="P34" s="205">
        <v>0</v>
      </c>
      <c r="Q34" s="196">
        <v>0</v>
      </c>
      <c r="R34" s="204">
        <v>2</v>
      </c>
      <c r="S34" s="204">
        <v>1</v>
      </c>
      <c r="T34" s="204">
        <v>1</v>
      </c>
      <c r="U34" s="204">
        <v>0</v>
      </c>
      <c r="V34" s="204">
        <v>1</v>
      </c>
      <c r="W34" s="205">
        <v>5</v>
      </c>
      <c r="X34" s="206">
        <v>5</v>
      </c>
      <c r="Y34" s="203">
        <v>36</v>
      </c>
      <c r="Z34" s="204">
        <v>63</v>
      </c>
      <c r="AA34" s="205">
        <v>99</v>
      </c>
      <c r="AB34" s="196">
        <v>0</v>
      </c>
      <c r="AC34" s="204">
        <v>135</v>
      </c>
      <c r="AD34" s="204">
        <v>79</v>
      </c>
      <c r="AE34" s="204">
        <v>72</v>
      </c>
      <c r="AF34" s="204">
        <v>31</v>
      </c>
      <c r="AG34" s="204">
        <v>31</v>
      </c>
      <c r="AH34" s="205">
        <v>348</v>
      </c>
      <c r="AI34" s="206">
        <v>447</v>
      </c>
    </row>
    <row r="35" spans="2:35" ht="21" customHeight="1" x14ac:dyDescent="0.2">
      <c r="B35" s="437" t="s">
        <v>34</v>
      </c>
      <c r="C35" s="203">
        <v>15</v>
      </c>
      <c r="D35" s="204">
        <v>30</v>
      </c>
      <c r="E35" s="205">
        <v>45</v>
      </c>
      <c r="F35" s="196">
        <v>0</v>
      </c>
      <c r="G35" s="204">
        <v>96</v>
      </c>
      <c r="H35" s="204">
        <v>64</v>
      </c>
      <c r="I35" s="204">
        <v>37</v>
      </c>
      <c r="J35" s="204">
        <v>26</v>
      </c>
      <c r="K35" s="204">
        <v>15</v>
      </c>
      <c r="L35" s="205">
        <v>238</v>
      </c>
      <c r="M35" s="206">
        <v>283</v>
      </c>
      <c r="N35" s="207">
        <v>0</v>
      </c>
      <c r="O35" s="204">
        <v>0</v>
      </c>
      <c r="P35" s="205">
        <v>0</v>
      </c>
      <c r="Q35" s="196">
        <v>0</v>
      </c>
      <c r="R35" s="204">
        <v>2</v>
      </c>
      <c r="S35" s="204">
        <v>2</v>
      </c>
      <c r="T35" s="204">
        <v>1</v>
      </c>
      <c r="U35" s="204">
        <v>1</v>
      </c>
      <c r="V35" s="204">
        <v>1</v>
      </c>
      <c r="W35" s="205">
        <v>7</v>
      </c>
      <c r="X35" s="206">
        <v>7</v>
      </c>
      <c r="Y35" s="203">
        <v>15</v>
      </c>
      <c r="Z35" s="204">
        <v>30</v>
      </c>
      <c r="AA35" s="205">
        <v>45</v>
      </c>
      <c r="AB35" s="196">
        <v>0</v>
      </c>
      <c r="AC35" s="204">
        <v>98</v>
      </c>
      <c r="AD35" s="204">
        <v>66</v>
      </c>
      <c r="AE35" s="204">
        <v>38</v>
      </c>
      <c r="AF35" s="204">
        <v>27</v>
      </c>
      <c r="AG35" s="204">
        <v>16</v>
      </c>
      <c r="AH35" s="205">
        <v>245</v>
      </c>
      <c r="AI35" s="206">
        <v>290</v>
      </c>
    </row>
    <row r="36" spans="2:35" ht="21" customHeight="1" x14ac:dyDescent="0.2">
      <c r="B36" s="437" t="s">
        <v>35</v>
      </c>
      <c r="C36" s="203">
        <v>79</v>
      </c>
      <c r="D36" s="204">
        <v>134</v>
      </c>
      <c r="E36" s="205">
        <v>213</v>
      </c>
      <c r="F36" s="196">
        <v>0</v>
      </c>
      <c r="G36" s="204">
        <v>377</v>
      </c>
      <c r="H36" s="204">
        <v>197</v>
      </c>
      <c r="I36" s="204">
        <v>164</v>
      </c>
      <c r="J36" s="204">
        <v>117</v>
      </c>
      <c r="K36" s="204">
        <v>51</v>
      </c>
      <c r="L36" s="205">
        <v>906</v>
      </c>
      <c r="M36" s="206">
        <v>1119</v>
      </c>
      <c r="N36" s="207">
        <v>0</v>
      </c>
      <c r="O36" s="204">
        <v>1</v>
      </c>
      <c r="P36" s="205">
        <v>1</v>
      </c>
      <c r="Q36" s="196">
        <v>0</v>
      </c>
      <c r="R36" s="204">
        <v>4</v>
      </c>
      <c r="S36" s="204">
        <v>7</v>
      </c>
      <c r="T36" s="204">
        <v>1</v>
      </c>
      <c r="U36" s="204">
        <v>1</v>
      </c>
      <c r="V36" s="204">
        <v>2</v>
      </c>
      <c r="W36" s="205">
        <v>15</v>
      </c>
      <c r="X36" s="206">
        <v>16</v>
      </c>
      <c r="Y36" s="203">
        <v>79</v>
      </c>
      <c r="Z36" s="204">
        <v>135</v>
      </c>
      <c r="AA36" s="205">
        <v>214</v>
      </c>
      <c r="AB36" s="196">
        <v>0</v>
      </c>
      <c r="AC36" s="204">
        <v>381</v>
      </c>
      <c r="AD36" s="204">
        <v>204</v>
      </c>
      <c r="AE36" s="204">
        <v>165</v>
      </c>
      <c r="AF36" s="204">
        <v>118</v>
      </c>
      <c r="AG36" s="204">
        <v>53</v>
      </c>
      <c r="AH36" s="205">
        <v>921</v>
      </c>
      <c r="AI36" s="206">
        <v>1135</v>
      </c>
    </row>
    <row r="37" spans="2:35" ht="21" customHeight="1" x14ac:dyDescent="0.2">
      <c r="B37" s="437" t="s">
        <v>36</v>
      </c>
      <c r="C37" s="203">
        <v>50</v>
      </c>
      <c r="D37" s="204">
        <v>132</v>
      </c>
      <c r="E37" s="205">
        <v>182</v>
      </c>
      <c r="F37" s="196">
        <v>0</v>
      </c>
      <c r="G37" s="204">
        <v>303</v>
      </c>
      <c r="H37" s="204">
        <v>296</v>
      </c>
      <c r="I37" s="204">
        <v>157</v>
      </c>
      <c r="J37" s="204">
        <v>106</v>
      </c>
      <c r="K37" s="204">
        <v>82</v>
      </c>
      <c r="L37" s="205">
        <v>944</v>
      </c>
      <c r="M37" s="206">
        <v>1126</v>
      </c>
      <c r="N37" s="207">
        <v>1</v>
      </c>
      <c r="O37" s="204">
        <v>3</v>
      </c>
      <c r="P37" s="205">
        <v>4</v>
      </c>
      <c r="Q37" s="196">
        <v>0</v>
      </c>
      <c r="R37" s="204">
        <v>6</v>
      </c>
      <c r="S37" s="204">
        <v>6</v>
      </c>
      <c r="T37" s="204">
        <v>5</v>
      </c>
      <c r="U37" s="204">
        <v>2</v>
      </c>
      <c r="V37" s="204">
        <v>3</v>
      </c>
      <c r="W37" s="205">
        <v>22</v>
      </c>
      <c r="X37" s="206">
        <v>26</v>
      </c>
      <c r="Y37" s="203">
        <v>51</v>
      </c>
      <c r="Z37" s="204">
        <v>135</v>
      </c>
      <c r="AA37" s="205">
        <v>186</v>
      </c>
      <c r="AB37" s="196">
        <v>0</v>
      </c>
      <c r="AC37" s="204">
        <v>309</v>
      </c>
      <c r="AD37" s="204">
        <v>302</v>
      </c>
      <c r="AE37" s="204">
        <v>162</v>
      </c>
      <c r="AF37" s="204">
        <v>108</v>
      </c>
      <c r="AG37" s="204">
        <v>85</v>
      </c>
      <c r="AH37" s="205">
        <v>966</v>
      </c>
      <c r="AI37" s="206">
        <v>1152</v>
      </c>
    </row>
    <row r="38" spans="2:35" ht="21" customHeight="1" thickBot="1" x14ac:dyDescent="0.25">
      <c r="B38" s="438" t="s">
        <v>37</v>
      </c>
      <c r="C38" s="208">
        <v>20</v>
      </c>
      <c r="D38" s="209">
        <v>1</v>
      </c>
      <c r="E38" s="210">
        <v>21</v>
      </c>
      <c r="F38" s="197">
        <v>0</v>
      </c>
      <c r="G38" s="209">
        <v>29</v>
      </c>
      <c r="H38" s="209">
        <v>14</v>
      </c>
      <c r="I38" s="209">
        <v>15</v>
      </c>
      <c r="J38" s="209">
        <v>15</v>
      </c>
      <c r="K38" s="209">
        <v>8</v>
      </c>
      <c r="L38" s="210">
        <v>81</v>
      </c>
      <c r="M38" s="211">
        <v>102</v>
      </c>
      <c r="N38" s="212">
        <v>0</v>
      </c>
      <c r="O38" s="209">
        <v>0</v>
      </c>
      <c r="P38" s="210">
        <v>0</v>
      </c>
      <c r="Q38" s="197">
        <v>0</v>
      </c>
      <c r="R38" s="209">
        <v>0</v>
      </c>
      <c r="S38" s="209">
        <v>3</v>
      </c>
      <c r="T38" s="209">
        <v>0</v>
      </c>
      <c r="U38" s="209">
        <v>1</v>
      </c>
      <c r="V38" s="209">
        <v>0</v>
      </c>
      <c r="W38" s="210">
        <v>4</v>
      </c>
      <c r="X38" s="211">
        <v>4</v>
      </c>
      <c r="Y38" s="208">
        <v>20</v>
      </c>
      <c r="Z38" s="209">
        <v>1</v>
      </c>
      <c r="AA38" s="210">
        <v>21</v>
      </c>
      <c r="AB38" s="197">
        <v>0</v>
      </c>
      <c r="AC38" s="209">
        <v>29</v>
      </c>
      <c r="AD38" s="209">
        <v>17</v>
      </c>
      <c r="AE38" s="209">
        <v>15</v>
      </c>
      <c r="AF38" s="209">
        <v>16</v>
      </c>
      <c r="AG38" s="209">
        <v>8</v>
      </c>
      <c r="AH38" s="210">
        <v>85</v>
      </c>
      <c r="AI38" s="211">
        <v>106</v>
      </c>
    </row>
    <row r="39" spans="2:35" x14ac:dyDescent="0.2">
      <c r="AA39" s="16"/>
      <c r="AB39" s="16"/>
      <c r="AC39" s="16"/>
      <c r="AD39" s="16"/>
      <c r="AE39" s="16"/>
      <c r="AF39" s="16"/>
      <c r="AG39" s="16"/>
      <c r="AH39" s="16"/>
      <c r="AI39" s="16"/>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38" customWidth="1"/>
    <col min="2" max="2" width="9.77734375" style="238" customWidth="1"/>
    <col min="3" max="4" width="9" style="238"/>
    <col min="5" max="5" width="10.33203125" style="238" customWidth="1"/>
    <col min="6" max="6" width="7.6640625" style="238" customWidth="1"/>
    <col min="7" max="7" width="10.21875" style="238" customWidth="1"/>
    <col min="8" max="8" width="10.44140625" style="238" customWidth="1"/>
    <col min="9" max="16" width="9" style="238"/>
    <col min="17" max="17" width="7.21875" style="238" customWidth="1"/>
    <col min="18" max="27" width="9" style="238"/>
    <col min="28" max="28" width="7.6640625" style="238" customWidth="1"/>
    <col min="29" max="38" width="9" style="238"/>
    <col min="39" max="39" width="7.6640625" style="238" customWidth="1"/>
    <col min="40" max="49" width="9" style="238"/>
    <col min="50" max="50" width="7.21875" style="238" customWidth="1"/>
    <col min="51" max="60" width="9" style="238"/>
    <col min="61" max="61" width="7.21875" style="238" customWidth="1"/>
    <col min="62" max="71" width="9" style="238"/>
    <col min="72" max="72" width="7.33203125" style="238" customWidth="1"/>
    <col min="73" max="82" width="9" style="238"/>
    <col min="83" max="83" width="7.44140625" style="238" customWidth="1"/>
    <col min="84" max="93" width="9" style="238"/>
    <col min="94" max="94" width="7.6640625" style="238" customWidth="1"/>
    <col min="95" max="104" width="9" style="238"/>
    <col min="105" max="105" width="7.44140625" style="238" customWidth="1"/>
    <col min="106" max="115" width="9" style="238"/>
    <col min="116" max="116" width="7.44140625" style="238" customWidth="1"/>
    <col min="117" max="126" width="9" style="238"/>
    <col min="127" max="127" width="7.44140625" style="238" customWidth="1"/>
    <col min="128" max="137" width="9" style="238"/>
    <col min="138" max="138" width="7.33203125" style="238" customWidth="1"/>
    <col min="139" max="148" width="9" style="238"/>
    <col min="149" max="149" width="7.77734375" style="238" customWidth="1"/>
    <col min="150" max="16384" width="9" style="238"/>
  </cols>
  <sheetData>
    <row r="1" spans="2:156" ht="24" customHeight="1" x14ac:dyDescent="0.2">
      <c r="B1" s="267" t="s">
        <v>121</v>
      </c>
      <c r="I1" s="495">
        <f>第１表!F2</f>
        <v>6</v>
      </c>
      <c r="J1" s="495"/>
      <c r="K1" s="231">
        <f>第１表!G2</f>
        <v>3</v>
      </c>
      <c r="L1" s="499">
        <f>IF(K1&lt;3,K1+12-2,K1-2)</f>
        <v>1</v>
      </c>
      <c r="M1" s="499"/>
    </row>
    <row r="2" spans="2:156" ht="24" customHeight="1" thickBot="1" x14ac:dyDescent="0.25">
      <c r="B2" s="267" t="s">
        <v>136</v>
      </c>
      <c r="G2" s="230"/>
      <c r="H2" s="231"/>
      <c r="J2" s="237"/>
      <c r="K2" s="237"/>
    </row>
    <row r="3" spans="2:156" ht="21" customHeight="1" thickBot="1" x14ac:dyDescent="0.25">
      <c r="B3" s="512"/>
      <c r="C3" s="503" t="s">
        <v>70</v>
      </c>
      <c r="D3" s="504"/>
      <c r="E3" s="504"/>
      <c r="F3" s="504"/>
      <c r="G3" s="504"/>
      <c r="H3" s="504"/>
      <c r="I3" s="504"/>
      <c r="J3" s="504"/>
      <c r="K3" s="504"/>
      <c r="L3" s="504"/>
      <c r="M3" s="505"/>
      <c r="N3" s="503" t="s">
        <v>71</v>
      </c>
      <c r="O3" s="504"/>
      <c r="P3" s="504"/>
      <c r="Q3" s="504"/>
      <c r="R3" s="504"/>
      <c r="S3" s="504"/>
      <c r="T3" s="504"/>
      <c r="U3" s="504"/>
      <c r="V3" s="504"/>
      <c r="W3" s="504"/>
      <c r="X3" s="505"/>
      <c r="Y3" s="503" t="s">
        <v>72</v>
      </c>
      <c r="Z3" s="504"/>
      <c r="AA3" s="504"/>
      <c r="AB3" s="504"/>
      <c r="AC3" s="504"/>
      <c r="AD3" s="504"/>
      <c r="AE3" s="504"/>
      <c r="AF3" s="504"/>
      <c r="AG3" s="504"/>
      <c r="AH3" s="504"/>
      <c r="AI3" s="505"/>
      <c r="AJ3" s="503" t="s">
        <v>73</v>
      </c>
      <c r="AK3" s="504"/>
      <c r="AL3" s="504"/>
      <c r="AM3" s="504"/>
      <c r="AN3" s="504"/>
      <c r="AO3" s="504"/>
      <c r="AP3" s="504"/>
      <c r="AQ3" s="504"/>
      <c r="AR3" s="504"/>
      <c r="AS3" s="504"/>
      <c r="AT3" s="505"/>
      <c r="AU3" s="503" t="s">
        <v>74</v>
      </c>
      <c r="AV3" s="504"/>
      <c r="AW3" s="504"/>
      <c r="AX3" s="504"/>
      <c r="AY3" s="504"/>
      <c r="AZ3" s="504"/>
      <c r="BA3" s="504"/>
      <c r="BB3" s="504"/>
      <c r="BC3" s="504"/>
      <c r="BD3" s="504"/>
      <c r="BE3" s="505"/>
      <c r="BF3" s="503" t="s">
        <v>75</v>
      </c>
      <c r="BG3" s="504"/>
      <c r="BH3" s="504"/>
      <c r="BI3" s="504"/>
      <c r="BJ3" s="504"/>
      <c r="BK3" s="504"/>
      <c r="BL3" s="504"/>
      <c r="BM3" s="504"/>
      <c r="BN3" s="504"/>
      <c r="BO3" s="504"/>
      <c r="BP3" s="505"/>
      <c r="BQ3" s="503" t="s">
        <v>76</v>
      </c>
      <c r="BR3" s="504"/>
      <c r="BS3" s="504"/>
      <c r="BT3" s="504"/>
      <c r="BU3" s="504"/>
      <c r="BV3" s="504"/>
      <c r="BW3" s="504"/>
      <c r="BX3" s="504"/>
      <c r="BY3" s="504"/>
      <c r="BZ3" s="504"/>
      <c r="CA3" s="505"/>
      <c r="CB3" s="503" t="s">
        <v>77</v>
      </c>
      <c r="CC3" s="504"/>
      <c r="CD3" s="504"/>
      <c r="CE3" s="504"/>
      <c r="CF3" s="504"/>
      <c r="CG3" s="504"/>
      <c r="CH3" s="504"/>
      <c r="CI3" s="504"/>
      <c r="CJ3" s="504"/>
      <c r="CK3" s="504"/>
      <c r="CL3" s="505"/>
      <c r="CM3" s="503" t="s">
        <v>78</v>
      </c>
      <c r="CN3" s="504"/>
      <c r="CO3" s="504"/>
      <c r="CP3" s="504"/>
      <c r="CQ3" s="504"/>
      <c r="CR3" s="504"/>
      <c r="CS3" s="504"/>
      <c r="CT3" s="504"/>
      <c r="CU3" s="504"/>
      <c r="CV3" s="504"/>
      <c r="CW3" s="505"/>
      <c r="CX3" s="503" t="s">
        <v>79</v>
      </c>
      <c r="CY3" s="504"/>
      <c r="CZ3" s="504"/>
      <c r="DA3" s="504"/>
      <c r="DB3" s="504"/>
      <c r="DC3" s="504"/>
      <c r="DD3" s="504"/>
      <c r="DE3" s="504"/>
      <c r="DF3" s="504"/>
      <c r="DG3" s="504"/>
      <c r="DH3" s="505"/>
      <c r="DI3" s="503" t="s">
        <v>150</v>
      </c>
      <c r="DJ3" s="504"/>
      <c r="DK3" s="504"/>
      <c r="DL3" s="504"/>
      <c r="DM3" s="504"/>
      <c r="DN3" s="504"/>
      <c r="DO3" s="504"/>
      <c r="DP3" s="504"/>
      <c r="DQ3" s="504"/>
      <c r="DR3" s="504"/>
      <c r="DS3" s="505"/>
      <c r="DT3" s="503" t="s">
        <v>80</v>
      </c>
      <c r="DU3" s="504"/>
      <c r="DV3" s="504"/>
      <c r="DW3" s="504"/>
      <c r="DX3" s="504"/>
      <c r="DY3" s="504"/>
      <c r="DZ3" s="504"/>
      <c r="EA3" s="504"/>
      <c r="EB3" s="504"/>
      <c r="EC3" s="504"/>
      <c r="ED3" s="505"/>
      <c r="EE3" s="503" t="s">
        <v>68</v>
      </c>
      <c r="EF3" s="504"/>
      <c r="EG3" s="504"/>
      <c r="EH3" s="504"/>
      <c r="EI3" s="504"/>
      <c r="EJ3" s="504"/>
      <c r="EK3" s="504"/>
      <c r="EL3" s="504"/>
      <c r="EM3" s="504"/>
      <c r="EN3" s="504"/>
      <c r="EO3" s="505"/>
      <c r="EP3" s="500" t="s">
        <v>69</v>
      </c>
      <c r="EQ3" s="501"/>
      <c r="ER3" s="501"/>
      <c r="ES3" s="501"/>
      <c r="ET3" s="501"/>
      <c r="EU3" s="501"/>
      <c r="EV3" s="501"/>
      <c r="EW3" s="501"/>
      <c r="EX3" s="501"/>
      <c r="EY3" s="501"/>
      <c r="EZ3" s="502"/>
    </row>
    <row r="4" spans="2:156"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08"/>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c r="DI4" s="511" t="s">
        <v>61</v>
      </c>
      <c r="DJ4" s="507"/>
      <c r="DK4" s="508"/>
      <c r="DL4" s="506" t="s">
        <v>62</v>
      </c>
      <c r="DM4" s="507"/>
      <c r="DN4" s="507"/>
      <c r="DO4" s="507"/>
      <c r="DP4" s="507"/>
      <c r="DQ4" s="507"/>
      <c r="DR4" s="508"/>
      <c r="DS4" s="509" t="s">
        <v>52</v>
      </c>
      <c r="DT4" s="511" t="s">
        <v>61</v>
      </c>
      <c r="DU4" s="507"/>
      <c r="DV4" s="508"/>
      <c r="DW4" s="506" t="s">
        <v>62</v>
      </c>
      <c r="DX4" s="507"/>
      <c r="DY4" s="507"/>
      <c r="DZ4" s="507"/>
      <c r="EA4" s="507"/>
      <c r="EB4" s="507"/>
      <c r="EC4" s="508"/>
      <c r="ED4" s="509" t="s">
        <v>52</v>
      </c>
      <c r="EE4" s="511" t="s">
        <v>61</v>
      </c>
      <c r="EF4" s="507"/>
      <c r="EG4" s="508"/>
      <c r="EH4" s="506" t="s">
        <v>62</v>
      </c>
      <c r="EI4" s="507"/>
      <c r="EJ4" s="507"/>
      <c r="EK4" s="507"/>
      <c r="EL4" s="507"/>
      <c r="EM4" s="507"/>
      <c r="EN4" s="508"/>
      <c r="EO4" s="509" t="s">
        <v>52</v>
      </c>
      <c r="EP4" s="511" t="s">
        <v>61</v>
      </c>
      <c r="EQ4" s="507"/>
      <c r="ER4" s="508"/>
      <c r="ES4" s="506" t="s">
        <v>62</v>
      </c>
      <c r="ET4" s="507"/>
      <c r="EU4" s="507"/>
      <c r="EV4" s="507"/>
      <c r="EW4" s="507"/>
      <c r="EX4" s="507"/>
      <c r="EY4" s="508"/>
      <c r="EZ4" s="509" t="s">
        <v>52</v>
      </c>
    </row>
    <row r="5" spans="2:156" ht="30" customHeight="1" thickBot="1" x14ac:dyDescent="0.25">
      <c r="B5" s="514"/>
      <c r="C5" s="240" t="s">
        <v>43</v>
      </c>
      <c r="D5" s="239" t="s">
        <v>44</v>
      </c>
      <c r="E5" s="338" t="s">
        <v>45</v>
      </c>
      <c r="F5" s="244" t="s">
        <v>83</v>
      </c>
      <c r="G5" s="239" t="s">
        <v>47</v>
      </c>
      <c r="H5" s="239" t="s">
        <v>48</v>
      </c>
      <c r="I5" s="239" t="s">
        <v>49</v>
      </c>
      <c r="J5" s="239" t="s">
        <v>50</v>
      </c>
      <c r="K5" s="239" t="s">
        <v>51</v>
      </c>
      <c r="L5" s="245" t="s">
        <v>45</v>
      </c>
      <c r="M5" s="510"/>
      <c r="N5" s="240" t="s">
        <v>43</v>
      </c>
      <c r="O5" s="239" t="s">
        <v>44</v>
      </c>
      <c r="P5" s="242" t="s">
        <v>45</v>
      </c>
      <c r="Q5" s="244" t="s">
        <v>83</v>
      </c>
      <c r="R5" s="239" t="s">
        <v>47</v>
      </c>
      <c r="S5" s="239" t="s">
        <v>48</v>
      </c>
      <c r="T5" s="239" t="s">
        <v>49</v>
      </c>
      <c r="U5" s="239" t="s">
        <v>50</v>
      </c>
      <c r="V5" s="239" t="s">
        <v>51</v>
      </c>
      <c r="W5" s="242" t="s">
        <v>45</v>
      </c>
      <c r="X5" s="510"/>
      <c r="Y5" s="240" t="s">
        <v>43</v>
      </c>
      <c r="Z5" s="239" t="s">
        <v>44</v>
      </c>
      <c r="AA5" s="242" t="s">
        <v>45</v>
      </c>
      <c r="AB5" s="244" t="s">
        <v>83</v>
      </c>
      <c r="AC5" s="239" t="s">
        <v>47</v>
      </c>
      <c r="AD5" s="239" t="s">
        <v>48</v>
      </c>
      <c r="AE5" s="239" t="s">
        <v>49</v>
      </c>
      <c r="AF5" s="239" t="s">
        <v>50</v>
      </c>
      <c r="AG5" s="239" t="s">
        <v>51</v>
      </c>
      <c r="AH5" s="242" t="s">
        <v>45</v>
      </c>
      <c r="AI5" s="510"/>
      <c r="AJ5" s="240" t="s">
        <v>43</v>
      </c>
      <c r="AK5" s="239" t="s">
        <v>44</v>
      </c>
      <c r="AL5" s="242" t="s">
        <v>45</v>
      </c>
      <c r="AM5" s="244" t="s">
        <v>83</v>
      </c>
      <c r="AN5" s="239" t="s">
        <v>47</v>
      </c>
      <c r="AO5" s="239" t="s">
        <v>48</v>
      </c>
      <c r="AP5" s="239" t="s">
        <v>49</v>
      </c>
      <c r="AQ5" s="239" t="s">
        <v>50</v>
      </c>
      <c r="AR5" s="239" t="s">
        <v>51</v>
      </c>
      <c r="AS5" s="242" t="s">
        <v>45</v>
      </c>
      <c r="AT5" s="510"/>
      <c r="AU5" s="240" t="s">
        <v>43</v>
      </c>
      <c r="AV5" s="239" t="s">
        <v>44</v>
      </c>
      <c r="AW5" s="242" t="s">
        <v>45</v>
      </c>
      <c r="AX5" s="244" t="s">
        <v>83</v>
      </c>
      <c r="AY5" s="239" t="s">
        <v>47</v>
      </c>
      <c r="AZ5" s="239" t="s">
        <v>48</v>
      </c>
      <c r="BA5" s="239" t="s">
        <v>49</v>
      </c>
      <c r="BB5" s="239" t="s">
        <v>50</v>
      </c>
      <c r="BC5" s="239" t="s">
        <v>51</v>
      </c>
      <c r="BD5" s="245" t="s">
        <v>45</v>
      </c>
      <c r="BE5" s="510"/>
      <c r="BF5" s="240" t="s">
        <v>43</v>
      </c>
      <c r="BG5" s="239" t="s">
        <v>44</v>
      </c>
      <c r="BH5" s="242" t="s">
        <v>45</v>
      </c>
      <c r="BI5" s="244" t="s">
        <v>83</v>
      </c>
      <c r="BJ5" s="239" t="s">
        <v>47</v>
      </c>
      <c r="BK5" s="239" t="s">
        <v>48</v>
      </c>
      <c r="BL5" s="239" t="s">
        <v>49</v>
      </c>
      <c r="BM5" s="239" t="s">
        <v>50</v>
      </c>
      <c r="BN5" s="239" t="s">
        <v>51</v>
      </c>
      <c r="BO5" s="242" t="s">
        <v>45</v>
      </c>
      <c r="BP5" s="510"/>
      <c r="BQ5" s="240" t="s">
        <v>43</v>
      </c>
      <c r="BR5" s="239" t="s">
        <v>44</v>
      </c>
      <c r="BS5" s="242" t="s">
        <v>45</v>
      </c>
      <c r="BT5" s="244" t="s">
        <v>83</v>
      </c>
      <c r="BU5" s="239" t="s">
        <v>47</v>
      </c>
      <c r="BV5" s="239" t="s">
        <v>48</v>
      </c>
      <c r="BW5" s="239" t="s">
        <v>49</v>
      </c>
      <c r="BX5" s="239" t="s">
        <v>50</v>
      </c>
      <c r="BY5" s="239" t="s">
        <v>51</v>
      </c>
      <c r="BZ5" s="242" t="s">
        <v>45</v>
      </c>
      <c r="CA5" s="510"/>
      <c r="CB5" s="240" t="s">
        <v>43</v>
      </c>
      <c r="CC5" s="239" t="s">
        <v>44</v>
      </c>
      <c r="CD5" s="242" t="s">
        <v>45</v>
      </c>
      <c r="CE5" s="244" t="s">
        <v>83</v>
      </c>
      <c r="CF5" s="239" t="s">
        <v>47</v>
      </c>
      <c r="CG5" s="239" t="s">
        <v>48</v>
      </c>
      <c r="CH5" s="239" t="s">
        <v>49</v>
      </c>
      <c r="CI5" s="239" t="s">
        <v>50</v>
      </c>
      <c r="CJ5" s="239" t="s">
        <v>51</v>
      </c>
      <c r="CK5" s="242" t="s">
        <v>45</v>
      </c>
      <c r="CL5" s="510"/>
      <c r="CM5" s="240" t="s">
        <v>43</v>
      </c>
      <c r="CN5" s="239" t="s">
        <v>44</v>
      </c>
      <c r="CO5" s="242" t="s">
        <v>45</v>
      </c>
      <c r="CP5" s="244" t="s">
        <v>83</v>
      </c>
      <c r="CQ5" s="239" t="s">
        <v>47</v>
      </c>
      <c r="CR5" s="239" t="s">
        <v>48</v>
      </c>
      <c r="CS5" s="239" t="s">
        <v>49</v>
      </c>
      <c r="CT5" s="239" t="s">
        <v>50</v>
      </c>
      <c r="CU5" s="239" t="s">
        <v>51</v>
      </c>
      <c r="CV5" s="242" t="s">
        <v>45</v>
      </c>
      <c r="CW5" s="510"/>
      <c r="CX5" s="240" t="s">
        <v>43</v>
      </c>
      <c r="CY5" s="239" t="s">
        <v>44</v>
      </c>
      <c r="CZ5" s="242" t="s">
        <v>45</v>
      </c>
      <c r="DA5" s="244" t="s">
        <v>83</v>
      </c>
      <c r="DB5" s="239" t="s">
        <v>47</v>
      </c>
      <c r="DC5" s="239" t="s">
        <v>48</v>
      </c>
      <c r="DD5" s="239" t="s">
        <v>49</v>
      </c>
      <c r="DE5" s="239" t="s">
        <v>50</v>
      </c>
      <c r="DF5" s="239" t="s">
        <v>51</v>
      </c>
      <c r="DG5" s="242" t="s">
        <v>45</v>
      </c>
      <c r="DH5" s="510"/>
      <c r="DI5" s="303" t="s">
        <v>43</v>
      </c>
      <c r="DJ5" s="239" t="s">
        <v>44</v>
      </c>
      <c r="DK5" s="242" t="s">
        <v>45</v>
      </c>
      <c r="DL5" s="244" t="s">
        <v>83</v>
      </c>
      <c r="DM5" s="239" t="s">
        <v>47</v>
      </c>
      <c r="DN5" s="239" t="s">
        <v>48</v>
      </c>
      <c r="DO5" s="239" t="s">
        <v>49</v>
      </c>
      <c r="DP5" s="239" t="s">
        <v>50</v>
      </c>
      <c r="DQ5" s="239" t="s">
        <v>51</v>
      </c>
      <c r="DR5" s="242" t="s">
        <v>45</v>
      </c>
      <c r="DS5" s="510"/>
      <c r="DT5" s="240" t="s">
        <v>43</v>
      </c>
      <c r="DU5" s="239" t="s">
        <v>44</v>
      </c>
      <c r="DV5" s="242" t="s">
        <v>45</v>
      </c>
      <c r="DW5" s="244" t="s">
        <v>83</v>
      </c>
      <c r="DX5" s="239" t="s">
        <v>47</v>
      </c>
      <c r="DY5" s="239" t="s">
        <v>48</v>
      </c>
      <c r="DZ5" s="239" t="s">
        <v>49</v>
      </c>
      <c r="EA5" s="239" t="s">
        <v>50</v>
      </c>
      <c r="EB5" s="239" t="s">
        <v>51</v>
      </c>
      <c r="EC5" s="242" t="s">
        <v>45</v>
      </c>
      <c r="ED5" s="510"/>
      <c r="EE5" s="240" t="s">
        <v>43</v>
      </c>
      <c r="EF5" s="239" t="s">
        <v>44</v>
      </c>
      <c r="EG5" s="242" t="s">
        <v>45</v>
      </c>
      <c r="EH5" s="244" t="s">
        <v>83</v>
      </c>
      <c r="EI5" s="239" t="s">
        <v>47</v>
      </c>
      <c r="EJ5" s="239" t="s">
        <v>48</v>
      </c>
      <c r="EK5" s="239" t="s">
        <v>49</v>
      </c>
      <c r="EL5" s="239" t="s">
        <v>50</v>
      </c>
      <c r="EM5" s="239" t="s">
        <v>51</v>
      </c>
      <c r="EN5" s="242" t="s">
        <v>45</v>
      </c>
      <c r="EO5" s="510"/>
      <c r="EP5" s="240" t="s">
        <v>43</v>
      </c>
      <c r="EQ5" s="239" t="s">
        <v>44</v>
      </c>
      <c r="ER5" s="242" t="s">
        <v>45</v>
      </c>
      <c r="ES5" s="244" t="s">
        <v>83</v>
      </c>
      <c r="ET5" s="239" t="s">
        <v>47</v>
      </c>
      <c r="EU5" s="239" t="s">
        <v>48</v>
      </c>
      <c r="EV5" s="239" t="s">
        <v>49</v>
      </c>
      <c r="EW5" s="239" t="s">
        <v>50</v>
      </c>
      <c r="EX5" s="239" t="s">
        <v>51</v>
      </c>
      <c r="EY5" s="242" t="s">
        <v>45</v>
      </c>
      <c r="EZ5" s="510"/>
    </row>
    <row r="6" spans="2:156" ht="21" customHeight="1" x14ac:dyDescent="0.2">
      <c r="B6" s="435" t="s">
        <v>4</v>
      </c>
      <c r="C6" s="246">
        <v>0</v>
      </c>
      <c r="D6" s="250">
        <v>0</v>
      </c>
      <c r="E6" s="339">
        <v>0</v>
      </c>
      <c r="F6" s="249">
        <v>0</v>
      </c>
      <c r="G6" s="250">
        <v>19105</v>
      </c>
      <c r="H6" s="250">
        <v>23239</v>
      </c>
      <c r="I6" s="250">
        <v>12592</v>
      </c>
      <c r="J6" s="250">
        <v>9930</v>
      </c>
      <c r="K6" s="250">
        <v>7590</v>
      </c>
      <c r="L6" s="251">
        <v>72456</v>
      </c>
      <c r="M6" s="252">
        <v>72456</v>
      </c>
      <c r="N6" s="246">
        <v>4</v>
      </c>
      <c r="O6" s="250">
        <v>20</v>
      </c>
      <c r="P6" s="247">
        <v>24</v>
      </c>
      <c r="Q6" s="249">
        <v>0</v>
      </c>
      <c r="R6" s="250">
        <v>114</v>
      </c>
      <c r="S6" s="250">
        <v>439</v>
      </c>
      <c r="T6" s="250">
        <v>797</v>
      </c>
      <c r="U6" s="250">
        <v>1998</v>
      </c>
      <c r="V6" s="250">
        <v>3478</v>
      </c>
      <c r="W6" s="247">
        <v>6826</v>
      </c>
      <c r="X6" s="252">
        <v>6850</v>
      </c>
      <c r="Y6" s="246">
        <v>2418</v>
      </c>
      <c r="Z6" s="250">
        <v>6172</v>
      </c>
      <c r="AA6" s="247">
        <v>8590</v>
      </c>
      <c r="AB6" s="249">
        <v>0</v>
      </c>
      <c r="AC6" s="250">
        <v>12510</v>
      </c>
      <c r="AD6" s="250">
        <v>17744</v>
      </c>
      <c r="AE6" s="250">
        <v>10394</v>
      </c>
      <c r="AF6" s="250">
        <v>8710</v>
      </c>
      <c r="AG6" s="250">
        <v>6721</v>
      </c>
      <c r="AH6" s="247">
        <v>56079</v>
      </c>
      <c r="AI6" s="252">
        <v>64669</v>
      </c>
      <c r="AJ6" s="246">
        <v>256</v>
      </c>
      <c r="AK6" s="250">
        <v>805</v>
      </c>
      <c r="AL6" s="247">
        <v>1061</v>
      </c>
      <c r="AM6" s="249">
        <v>0</v>
      </c>
      <c r="AN6" s="250">
        <v>1089</v>
      </c>
      <c r="AO6" s="250">
        <v>1761</v>
      </c>
      <c r="AP6" s="250">
        <v>1095</v>
      </c>
      <c r="AQ6" s="250">
        <v>931</v>
      </c>
      <c r="AR6" s="250">
        <v>614</v>
      </c>
      <c r="AS6" s="247">
        <v>5490</v>
      </c>
      <c r="AT6" s="252">
        <v>6551</v>
      </c>
      <c r="AU6" s="246">
        <v>3035</v>
      </c>
      <c r="AV6" s="250">
        <v>4158</v>
      </c>
      <c r="AW6" s="247">
        <v>7193</v>
      </c>
      <c r="AX6" s="249">
        <v>0</v>
      </c>
      <c r="AY6" s="250">
        <v>18870</v>
      </c>
      <c r="AZ6" s="250">
        <v>24098</v>
      </c>
      <c r="BA6" s="250">
        <v>20518</v>
      </c>
      <c r="BB6" s="250">
        <v>19916</v>
      </c>
      <c r="BC6" s="250">
        <v>14988</v>
      </c>
      <c r="BD6" s="251">
        <v>98390</v>
      </c>
      <c r="BE6" s="252">
        <v>105583</v>
      </c>
      <c r="BF6" s="246">
        <v>0</v>
      </c>
      <c r="BG6" s="250">
        <v>0</v>
      </c>
      <c r="BH6" s="247">
        <v>0</v>
      </c>
      <c r="BI6" s="249">
        <v>0</v>
      </c>
      <c r="BJ6" s="250">
        <v>22114</v>
      </c>
      <c r="BK6" s="250">
        <v>21329</v>
      </c>
      <c r="BL6" s="250">
        <v>11146</v>
      </c>
      <c r="BM6" s="250">
        <v>6252</v>
      </c>
      <c r="BN6" s="250">
        <v>3054</v>
      </c>
      <c r="BO6" s="247">
        <v>63895</v>
      </c>
      <c r="BP6" s="252">
        <v>63895</v>
      </c>
      <c r="BQ6" s="246">
        <v>1679</v>
      </c>
      <c r="BR6" s="250">
        <v>2704</v>
      </c>
      <c r="BS6" s="247">
        <v>4383</v>
      </c>
      <c r="BT6" s="249">
        <v>0</v>
      </c>
      <c r="BU6" s="250">
        <v>4528</v>
      </c>
      <c r="BV6" s="250">
        <v>6452</v>
      </c>
      <c r="BW6" s="250">
        <v>3716</v>
      </c>
      <c r="BX6" s="250">
        <v>2290</v>
      </c>
      <c r="BY6" s="250">
        <v>848</v>
      </c>
      <c r="BZ6" s="247">
        <v>17834</v>
      </c>
      <c r="CA6" s="252">
        <v>22217</v>
      </c>
      <c r="CB6" s="246">
        <v>57</v>
      </c>
      <c r="CC6" s="250">
        <v>217</v>
      </c>
      <c r="CD6" s="247">
        <v>274</v>
      </c>
      <c r="CE6" s="249">
        <v>0</v>
      </c>
      <c r="CF6" s="250">
        <v>2081</v>
      </c>
      <c r="CG6" s="250">
        <v>3658</v>
      </c>
      <c r="CH6" s="250">
        <v>4408</v>
      </c>
      <c r="CI6" s="250">
        <v>3149</v>
      </c>
      <c r="CJ6" s="250">
        <v>1754</v>
      </c>
      <c r="CK6" s="247">
        <v>15050</v>
      </c>
      <c r="CL6" s="252">
        <v>15324</v>
      </c>
      <c r="CM6" s="246">
        <v>5</v>
      </c>
      <c r="CN6" s="250">
        <v>18</v>
      </c>
      <c r="CO6" s="247">
        <v>23</v>
      </c>
      <c r="CP6" s="249">
        <v>0</v>
      </c>
      <c r="CQ6" s="250">
        <v>195</v>
      </c>
      <c r="CR6" s="250">
        <v>487</v>
      </c>
      <c r="CS6" s="250">
        <v>527</v>
      </c>
      <c r="CT6" s="250">
        <v>509</v>
      </c>
      <c r="CU6" s="250">
        <v>327</v>
      </c>
      <c r="CV6" s="247">
        <v>2045</v>
      </c>
      <c r="CW6" s="252">
        <v>2068</v>
      </c>
      <c r="CX6" s="246">
        <v>0</v>
      </c>
      <c r="CY6" s="250">
        <v>0</v>
      </c>
      <c r="CZ6" s="247">
        <v>0</v>
      </c>
      <c r="DA6" s="249">
        <v>0</v>
      </c>
      <c r="DB6" s="250">
        <v>0</v>
      </c>
      <c r="DC6" s="250">
        <v>0</v>
      </c>
      <c r="DD6" s="250">
        <v>0</v>
      </c>
      <c r="DE6" s="250">
        <v>0</v>
      </c>
      <c r="DF6" s="250">
        <v>0</v>
      </c>
      <c r="DG6" s="247">
        <v>0</v>
      </c>
      <c r="DH6" s="252">
        <v>0</v>
      </c>
      <c r="DI6" s="246">
        <v>0</v>
      </c>
      <c r="DJ6" s="250">
        <v>0</v>
      </c>
      <c r="DK6" s="247">
        <v>0</v>
      </c>
      <c r="DL6" s="249">
        <v>0</v>
      </c>
      <c r="DM6" s="250">
        <v>0</v>
      </c>
      <c r="DN6" s="250">
        <v>0</v>
      </c>
      <c r="DO6" s="250">
        <v>0</v>
      </c>
      <c r="DP6" s="250">
        <v>0</v>
      </c>
      <c r="DQ6" s="250">
        <v>0</v>
      </c>
      <c r="DR6" s="247">
        <v>0</v>
      </c>
      <c r="DS6" s="252">
        <v>0</v>
      </c>
      <c r="DT6" s="246">
        <v>10244</v>
      </c>
      <c r="DU6" s="250">
        <v>21914</v>
      </c>
      <c r="DV6" s="247">
        <v>32158</v>
      </c>
      <c r="DW6" s="249">
        <v>0</v>
      </c>
      <c r="DX6" s="250">
        <v>25333</v>
      </c>
      <c r="DY6" s="250">
        <v>41927</v>
      </c>
      <c r="DZ6" s="250">
        <v>24259</v>
      </c>
      <c r="EA6" s="250">
        <v>18707</v>
      </c>
      <c r="EB6" s="250">
        <v>12031</v>
      </c>
      <c r="EC6" s="247">
        <v>122257</v>
      </c>
      <c r="ED6" s="252">
        <v>154415</v>
      </c>
      <c r="EE6" s="246">
        <v>1659</v>
      </c>
      <c r="EF6" s="250">
        <v>1268</v>
      </c>
      <c r="EG6" s="247">
        <v>2927</v>
      </c>
      <c r="EH6" s="249">
        <v>0</v>
      </c>
      <c r="EI6" s="250">
        <v>6104</v>
      </c>
      <c r="EJ6" s="250">
        <v>5774</v>
      </c>
      <c r="EK6" s="250">
        <v>4879</v>
      </c>
      <c r="EL6" s="250">
        <v>5571</v>
      </c>
      <c r="EM6" s="250">
        <v>3189</v>
      </c>
      <c r="EN6" s="247">
        <v>25517</v>
      </c>
      <c r="EO6" s="252">
        <v>28444</v>
      </c>
      <c r="EP6" s="246">
        <v>14565</v>
      </c>
      <c r="EQ6" s="250">
        <v>29196</v>
      </c>
      <c r="ER6" s="247">
        <v>43761</v>
      </c>
      <c r="ES6" s="249">
        <v>0</v>
      </c>
      <c r="ET6" s="250">
        <v>58279</v>
      </c>
      <c r="EU6" s="250">
        <v>62198</v>
      </c>
      <c r="EV6" s="250">
        <v>31907</v>
      </c>
      <c r="EW6" s="250">
        <v>21802</v>
      </c>
      <c r="EX6" s="250">
        <v>13328</v>
      </c>
      <c r="EY6" s="247">
        <v>187514</v>
      </c>
      <c r="EZ6" s="252">
        <v>231275</v>
      </c>
    </row>
    <row r="7" spans="2:156" ht="21" customHeight="1" x14ac:dyDescent="0.2">
      <c r="B7" s="436" t="s">
        <v>5</v>
      </c>
      <c r="C7" s="253">
        <v>0</v>
      </c>
      <c r="D7" s="257">
        <v>0</v>
      </c>
      <c r="E7" s="340">
        <v>0</v>
      </c>
      <c r="F7" s="256">
        <v>0</v>
      </c>
      <c r="G7" s="257">
        <v>6675</v>
      </c>
      <c r="H7" s="257">
        <v>11442</v>
      </c>
      <c r="I7" s="257">
        <v>5482</v>
      </c>
      <c r="J7" s="257">
        <v>4004</v>
      </c>
      <c r="K7" s="257">
        <v>3048</v>
      </c>
      <c r="L7" s="258">
        <v>30651</v>
      </c>
      <c r="M7" s="259">
        <v>30651</v>
      </c>
      <c r="N7" s="253">
        <v>1</v>
      </c>
      <c r="O7" s="257">
        <v>9</v>
      </c>
      <c r="P7" s="254">
        <v>10</v>
      </c>
      <c r="Q7" s="256">
        <v>0</v>
      </c>
      <c r="R7" s="257">
        <v>29</v>
      </c>
      <c r="S7" s="257">
        <v>169</v>
      </c>
      <c r="T7" s="257">
        <v>329</v>
      </c>
      <c r="U7" s="257">
        <v>795</v>
      </c>
      <c r="V7" s="257">
        <v>1484</v>
      </c>
      <c r="W7" s="254">
        <v>2806</v>
      </c>
      <c r="X7" s="259">
        <v>2816</v>
      </c>
      <c r="Y7" s="253">
        <v>1061</v>
      </c>
      <c r="Z7" s="257">
        <v>3253</v>
      </c>
      <c r="AA7" s="254">
        <v>4314</v>
      </c>
      <c r="AB7" s="256">
        <v>0</v>
      </c>
      <c r="AC7" s="257">
        <v>4382</v>
      </c>
      <c r="AD7" s="257">
        <v>8916</v>
      </c>
      <c r="AE7" s="257">
        <v>4937</v>
      </c>
      <c r="AF7" s="257">
        <v>3865</v>
      </c>
      <c r="AG7" s="257">
        <v>2878</v>
      </c>
      <c r="AH7" s="254">
        <v>24978</v>
      </c>
      <c r="AI7" s="259">
        <v>29292</v>
      </c>
      <c r="AJ7" s="253">
        <v>93</v>
      </c>
      <c r="AK7" s="257">
        <v>408</v>
      </c>
      <c r="AL7" s="254">
        <v>501</v>
      </c>
      <c r="AM7" s="256">
        <v>0</v>
      </c>
      <c r="AN7" s="257">
        <v>275</v>
      </c>
      <c r="AO7" s="257">
        <v>715</v>
      </c>
      <c r="AP7" s="257">
        <v>457</v>
      </c>
      <c r="AQ7" s="257">
        <v>370</v>
      </c>
      <c r="AR7" s="257">
        <v>227</v>
      </c>
      <c r="AS7" s="254">
        <v>2044</v>
      </c>
      <c r="AT7" s="259">
        <v>2545</v>
      </c>
      <c r="AU7" s="253">
        <v>1262</v>
      </c>
      <c r="AV7" s="257">
        <v>2033</v>
      </c>
      <c r="AW7" s="254">
        <v>3295</v>
      </c>
      <c r="AX7" s="256">
        <v>0</v>
      </c>
      <c r="AY7" s="257">
        <v>6802</v>
      </c>
      <c r="AZ7" s="257">
        <v>10618</v>
      </c>
      <c r="BA7" s="257">
        <v>8416</v>
      </c>
      <c r="BB7" s="257">
        <v>8054</v>
      </c>
      <c r="BC7" s="257">
        <v>6059</v>
      </c>
      <c r="BD7" s="258">
        <v>39949</v>
      </c>
      <c r="BE7" s="259">
        <v>43244</v>
      </c>
      <c r="BF7" s="253">
        <v>0</v>
      </c>
      <c r="BG7" s="257">
        <v>0</v>
      </c>
      <c r="BH7" s="254">
        <v>0</v>
      </c>
      <c r="BI7" s="256">
        <v>0</v>
      </c>
      <c r="BJ7" s="257">
        <v>6846</v>
      </c>
      <c r="BK7" s="257">
        <v>8748</v>
      </c>
      <c r="BL7" s="257">
        <v>4152</v>
      </c>
      <c r="BM7" s="257">
        <v>2234</v>
      </c>
      <c r="BN7" s="257">
        <v>1111</v>
      </c>
      <c r="BO7" s="254">
        <v>23091</v>
      </c>
      <c r="BP7" s="259">
        <v>23091</v>
      </c>
      <c r="BQ7" s="253">
        <v>746</v>
      </c>
      <c r="BR7" s="257">
        <v>1294</v>
      </c>
      <c r="BS7" s="254">
        <v>2040</v>
      </c>
      <c r="BT7" s="256">
        <v>0</v>
      </c>
      <c r="BU7" s="257">
        <v>1361</v>
      </c>
      <c r="BV7" s="257">
        <v>2948</v>
      </c>
      <c r="BW7" s="257">
        <v>1647</v>
      </c>
      <c r="BX7" s="257">
        <v>1031</v>
      </c>
      <c r="BY7" s="257">
        <v>368</v>
      </c>
      <c r="BZ7" s="254">
        <v>7355</v>
      </c>
      <c r="CA7" s="259">
        <v>9395</v>
      </c>
      <c r="CB7" s="253">
        <v>17</v>
      </c>
      <c r="CC7" s="257">
        <v>95</v>
      </c>
      <c r="CD7" s="254">
        <v>112</v>
      </c>
      <c r="CE7" s="256">
        <v>0</v>
      </c>
      <c r="CF7" s="257">
        <v>569</v>
      </c>
      <c r="CG7" s="257">
        <v>1343</v>
      </c>
      <c r="CH7" s="257">
        <v>1597</v>
      </c>
      <c r="CI7" s="257">
        <v>1097</v>
      </c>
      <c r="CJ7" s="257">
        <v>638</v>
      </c>
      <c r="CK7" s="254">
        <v>5244</v>
      </c>
      <c r="CL7" s="259">
        <v>5356</v>
      </c>
      <c r="CM7" s="253">
        <v>3</v>
      </c>
      <c r="CN7" s="257">
        <v>12</v>
      </c>
      <c r="CO7" s="254">
        <v>15</v>
      </c>
      <c r="CP7" s="256">
        <v>0</v>
      </c>
      <c r="CQ7" s="257">
        <v>80</v>
      </c>
      <c r="CR7" s="257">
        <v>285</v>
      </c>
      <c r="CS7" s="257">
        <v>285</v>
      </c>
      <c r="CT7" s="257">
        <v>279</v>
      </c>
      <c r="CU7" s="257">
        <v>189</v>
      </c>
      <c r="CV7" s="254">
        <v>1118</v>
      </c>
      <c r="CW7" s="259">
        <v>1133</v>
      </c>
      <c r="CX7" s="253">
        <v>0</v>
      </c>
      <c r="CY7" s="257">
        <v>0</v>
      </c>
      <c r="CZ7" s="254">
        <v>0</v>
      </c>
      <c r="DA7" s="256">
        <v>0</v>
      </c>
      <c r="DB7" s="257">
        <v>0</v>
      </c>
      <c r="DC7" s="257">
        <v>0</v>
      </c>
      <c r="DD7" s="257">
        <v>0</v>
      </c>
      <c r="DE7" s="257">
        <v>0</v>
      </c>
      <c r="DF7" s="257">
        <v>0</v>
      </c>
      <c r="DG7" s="254">
        <v>0</v>
      </c>
      <c r="DH7" s="259">
        <v>0</v>
      </c>
      <c r="DI7" s="253">
        <v>0</v>
      </c>
      <c r="DJ7" s="257">
        <v>0</v>
      </c>
      <c r="DK7" s="254">
        <v>0</v>
      </c>
      <c r="DL7" s="256">
        <v>0</v>
      </c>
      <c r="DM7" s="257">
        <v>0</v>
      </c>
      <c r="DN7" s="257">
        <v>0</v>
      </c>
      <c r="DO7" s="257">
        <v>0</v>
      </c>
      <c r="DP7" s="257">
        <v>0</v>
      </c>
      <c r="DQ7" s="257">
        <v>0</v>
      </c>
      <c r="DR7" s="254">
        <v>0</v>
      </c>
      <c r="DS7" s="259">
        <v>0</v>
      </c>
      <c r="DT7" s="253">
        <v>3195</v>
      </c>
      <c r="DU7" s="257">
        <v>8803</v>
      </c>
      <c r="DV7" s="254">
        <v>11998</v>
      </c>
      <c r="DW7" s="256">
        <v>0</v>
      </c>
      <c r="DX7" s="257">
        <v>6398</v>
      </c>
      <c r="DY7" s="257">
        <v>17266</v>
      </c>
      <c r="DZ7" s="257">
        <v>9239</v>
      </c>
      <c r="EA7" s="257">
        <v>6981</v>
      </c>
      <c r="EB7" s="257">
        <v>4613</v>
      </c>
      <c r="EC7" s="254">
        <v>44497</v>
      </c>
      <c r="ED7" s="259">
        <v>56495</v>
      </c>
      <c r="EE7" s="253">
        <v>697</v>
      </c>
      <c r="EF7" s="257">
        <v>595</v>
      </c>
      <c r="EG7" s="254">
        <v>1292</v>
      </c>
      <c r="EH7" s="256">
        <v>0</v>
      </c>
      <c r="EI7" s="257">
        <v>2446</v>
      </c>
      <c r="EJ7" s="257">
        <v>2755</v>
      </c>
      <c r="EK7" s="257">
        <v>2127</v>
      </c>
      <c r="EL7" s="257">
        <v>2480</v>
      </c>
      <c r="EM7" s="257">
        <v>1332</v>
      </c>
      <c r="EN7" s="254">
        <v>11140</v>
      </c>
      <c r="EO7" s="259">
        <v>12432</v>
      </c>
      <c r="EP7" s="253">
        <v>5274</v>
      </c>
      <c r="EQ7" s="257">
        <v>13063</v>
      </c>
      <c r="ER7" s="254">
        <v>18337</v>
      </c>
      <c r="ES7" s="256">
        <v>0</v>
      </c>
      <c r="ET7" s="257">
        <v>18815</v>
      </c>
      <c r="EU7" s="257">
        <v>28125</v>
      </c>
      <c r="EV7" s="257">
        <v>13302</v>
      </c>
      <c r="EW7" s="257">
        <v>8779</v>
      </c>
      <c r="EX7" s="257">
        <v>5429</v>
      </c>
      <c r="EY7" s="254">
        <v>74450</v>
      </c>
      <c r="EZ7" s="259">
        <v>92787</v>
      </c>
    </row>
    <row r="8" spans="2:156" ht="21" customHeight="1" x14ac:dyDescent="0.2">
      <c r="B8" s="437" t="s">
        <v>6</v>
      </c>
      <c r="C8" s="253">
        <v>0</v>
      </c>
      <c r="D8" s="257">
        <v>0</v>
      </c>
      <c r="E8" s="340">
        <v>0</v>
      </c>
      <c r="F8" s="256">
        <v>0</v>
      </c>
      <c r="G8" s="257">
        <v>3493</v>
      </c>
      <c r="H8" s="257">
        <v>3071</v>
      </c>
      <c r="I8" s="257">
        <v>1803</v>
      </c>
      <c r="J8" s="257">
        <v>1532</v>
      </c>
      <c r="K8" s="257">
        <v>1235</v>
      </c>
      <c r="L8" s="258">
        <v>11134</v>
      </c>
      <c r="M8" s="259">
        <v>11134</v>
      </c>
      <c r="N8" s="253">
        <v>1</v>
      </c>
      <c r="O8" s="257">
        <v>2</v>
      </c>
      <c r="P8" s="254">
        <v>3</v>
      </c>
      <c r="Q8" s="256">
        <v>0</v>
      </c>
      <c r="R8" s="257">
        <v>15</v>
      </c>
      <c r="S8" s="257">
        <v>53</v>
      </c>
      <c r="T8" s="257">
        <v>101</v>
      </c>
      <c r="U8" s="257">
        <v>249</v>
      </c>
      <c r="V8" s="257">
        <v>523</v>
      </c>
      <c r="W8" s="254">
        <v>941</v>
      </c>
      <c r="X8" s="259">
        <v>944</v>
      </c>
      <c r="Y8" s="253">
        <v>355</v>
      </c>
      <c r="Z8" s="257">
        <v>784</v>
      </c>
      <c r="AA8" s="254">
        <v>1139</v>
      </c>
      <c r="AB8" s="256">
        <v>0</v>
      </c>
      <c r="AC8" s="257">
        <v>2365</v>
      </c>
      <c r="AD8" s="257">
        <v>2396</v>
      </c>
      <c r="AE8" s="257">
        <v>1400</v>
      </c>
      <c r="AF8" s="257">
        <v>1171</v>
      </c>
      <c r="AG8" s="257">
        <v>968</v>
      </c>
      <c r="AH8" s="254">
        <v>8300</v>
      </c>
      <c r="AI8" s="259">
        <v>9439</v>
      </c>
      <c r="AJ8" s="253">
        <v>23</v>
      </c>
      <c r="AK8" s="257">
        <v>55</v>
      </c>
      <c r="AL8" s="254">
        <v>78</v>
      </c>
      <c r="AM8" s="256">
        <v>0</v>
      </c>
      <c r="AN8" s="257">
        <v>182</v>
      </c>
      <c r="AO8" s="257">
        <v>198</v>
      </c>
      <c r="AP8" s="257">
        <v>106</v>
      </c>
      <c r="AQ8" s="257">
        <v>116</v>
      </c>
      <c r="AR8" s="257">
        <v>73</v>
      </c>
      <c r="AS8" s="254">
        <v>675</v>
      </c>
      <c r="AT8" s="259">
        <v>753</v>
      </c>
      <c r="AU8" s="253">
        <v>513</v>
      </c>
      <c r="AV8" s="257">
        <v>601</v>
      </c>
      <c r="AW8" s="254">
        <v>1114</v>
      </c>
      <c r="AX8" s="256">
        <v>0</v>
      </c>
      <c r="AY8" s="257">
        <v>3635</v>
      </c>
      <c r="AZ8" s="257">
        <v>3888</v>
      </c>
      <c r="BA8" s="257">
        <v>3306</v>
      </c>
      <c r="BB8" s="257">
        <v>3244</v>
      </c>
      <c r="BC8" s="257">
        <v>2563</v>
      </c>
      <c r="BD8" s="258">
        <v>16636</v>
      </c>
      <c r="BE8" s="259">
        <v>17750</v>
      </c>
      <c r="BF8" s="253">
        <v>0</v>
      </c>
      <c r="BG8" s="257">
        <v>0</v>
      </c>
      <c r="BH8" s="254">
        <v>0</v>
      </c>
      <c r="BI8" s="256">
        <v>0</v>
      </c>
      <c r="BJ8" s="257">
        <v>3712</v>
      </c>
      <c r="BK8" s="257">
        <v>2969</v>
      </c>
      <c r="BL8" s="257">
        <v>1565</v>
      </c>
      <c r="BM8" s="257">
        <v>906</v>
      </c>
      <c r="BN8" s="257">
        <v>470</v>
      </c>
      <c r="BO8" s="254">
        <v>9622</v>
      </c>
      <c r="BP8" s="259">
        <v>9622</v>
      </c>
      <c r="BQ8" s="253">
        <v>121</v>
      </c>
      <c r="BR8" s="257">
        <v>206</v>
      </c>
      <c r="BS8" s="254">
        <v>327</v>
      </c>
      <c r="BT8" s="256">
        <v>0</v>
      </c>
      <c r="BU8" s="257">
        <v>649</v>
      </c>
      <c r="BV8" s="257">
        <v>722</v>
      </c>
      <c r="BW8" s="257">
        <v>471</v>
      </c>
      <c r="BX8" s="257">
        <v>280</v>
      </c>
      <c r="BY8" s="257">
        <v>118</v>
      </c>
      <c r="BZ8" s="254">
        <v>2240</v>
      </c>
      <c r="CA8" s="259">
        <v>2567</v>
      </c>
      <c r="CB8" s="253">
        <v>3</v>
      </c>
      <c r="CC8" s="257">
        <v>16</v>
      </c>
      <c r="CD8" s="254">
        <v>19</v>
      </c>
      <c r="CE8" s="256">
        <v>0</v>
      </c>
      <c r="CF8" s="257">
        <v>239</v>
      </c>
      <c r="CG8" s="257">
        <v>432</v>
      </c>
      <c r="CH8" s="257">
        <v>561</v>
      </c>
      <c r="CI8" s="257">
        <v>417</v>
      </c>
      <c r="CJ8" s="257">
        <v>248</v>
      </c>
      <c r="CK8" s="254">
        <v>1897</v>
      </c>
      <c r="CL8" s="259">
        <v>1916</v>
      </c>
      <c r="CM8" s="253">
        <v>0</v>
      </c>
      <c r="CN8" s="257">
        <v>1</v>
      </c>
      <c r="CO8" s="254">
        <v>1</v>
      </c>
      <c r="CP8" s="256">
        <v>0</v>
      </c>
      <c r="CQ8" s="257">
        <v>26</v>
      </c>
      <c r="CR8" s="257">
        <v>58</v>
      </c>
      <c r="CS8" s="257">
        <v>73</v>
      </c>
      <c r="CT8" s="257">
        <v>67</v>
      </c>
      <c r="CU8" s="257">
        <v>49</v>
      </c>
      <c r="CV8" s="254">
        <v>273</v>
      </c>
      <c r="CW8" s="259">
        <v>274</v>
      </c>
      <c r="CX8" s="253">
        <v>0</v>
      </c>
      <c r="CY8" s="257">
        <v>0</v>
      </c>
      <c r="CZ8" s="254">
        <v>0</v>
      </c>
      <c r="DA8" s="256">
        <v>0</v>
      </c>
      <c r="DB8" s="257">
        <v>0</v>
      </c>
      <c r="DC8" s="257">
        <v>0</v>
      </c>
      <c r="DD8" s="257">
        <v>0</v>
      </c>
      <c r="DE8" s="257">
        <v>0</v>
      </c>
      <c r="DF8" s="257">
        <v>0</v>
      </c>
      <c r="DG8" s="254">
        <v>0</v>
      </c>
      <c r="DH8" s="259">
        <v>0</v>
      </c>
      <c r="DI8" s="253">
        <v>0</v>
      </c>
      <c r="DJ8" s="257">
        <v>0</v>
      </c>
      <c r="DK8" s="254">
        <v>0</v>
      </c>
      <c r="DL8" s="256">
        <v>0</v>
      </c>
      <c r="DM8" s="257">
        <v>0</v>
      </c>
      <c r="DN8" s="257">
        <v>0</v>
      </c>
      <c r="DO8" s="257">
        <v>0</v>
      </c>
      <c r="DP8" s="257">
        <v>0</v>
      </c>
      <c r="DQ8" s="257">
        <v>0</v>
      </c>
      <c r="DR8" s="254">
        <v>0</v>
      </c>
      <c r="DS8" s="259">
        <v>0</v>
      </c>
      <c r="DT8" s="253">
        <v>1383</v>
      </c>
      <c r="DU8" s="257">
        <v>2487</v>
      </c>
      <c r="DV8" s="254">
        <v>3870</v>
      </c>
      <c r="DW8" s="256">
        <v>0</v>
      </c>
      <c r="DX8" s="257">
        <v>4511</v>
      </c>
      <c r="DY8" s="257">
        <v>5334</v>
      </c>
      <c r="DZ8" s="257">
        <v>3320</v>
      </c>
      <c r="EA8" s="257">
        <v>2684</v>
      </c>
      <c r="EB8" s="257">
        <v>1866</v>
      </c>
      <c r="EC8" s="254">
        <v>17715</v>
      </c>
      <c r="ED8" s="259">
        <v>21585</v>
      </c>
      <c r="EE8" s="253">
        <v>234</v>
      </c>
      <c r="EF8" s="257">
        <v>157</v>
      </c>
      <c r="EG8" s="254">
        <v>391</v>
      </c>
      <c r="EH8" s="256">
        <v>0</v>
      </c>
      <c r="EI8" s="257">
        <v>909</v>
      </c>
      <c r="EJ8" s="257">
        <v>745</v>
      </c>
      <c r="EK8" s="257">
        <v>694</v>
      </c>
      <c r="EL8" s="257">
        <v>804</v>
      </c>
      <c r="EM8" s="257">
        <v>517</v>
      </c>
      <c r="EN8" s="254">
        <v>3669</v>
      </c>
      <c r="EO8" s="259">
        <v>4060</v>
      </c>
      <c r="EP8" s="253">
        <v>2010</v>
      </c>
      <c r="EQ8" s="257">
        <v>3451</v>
      </c>
      <c r="ER8" s="254">
        <v>5461</v>
      </c>
      <c r="ES8" s="256">
        <v>0</v>
      </c>
      <c r="ET8" s="257">
        <v>9747</v>
      </c>
      <c r="EU8" s="257">
        <v>7943</v>
      </c>
      <c r="EV8" s="257">
        <v>4352</v>
      </c>
      <c r="EW8" s="257">
        <v>3159</v>
      </c>
      <c r="EX8" s="257">
        <v>2093</v>
      </c>
      <c r="EY8" s="254">
        <v>27294</v>
      </c>
      <c r="EZ8" s="259">
        <v>32755</v>
      </c>
    </row>
    <row r="9" spans="2:156" ht="21" customHeight="1" x14ac:dyDescent="0.2">
      <c r="B9" s="437" t="s">
        <v>14</v>
      </c>
      <c r="C9" s="253">
        <v>0</v>
      </c>
      <c r="D9" s="257">
        <v>0</v>
      </c>
      <c r="E9" s="340">
        <v>0</v>
      </c>
      <c r="F9" s="256">
        <v>0</v>
      </c>
      <c r="G9" s="257">
        <v>1173</v>
      </c>
      <c r="H9" s="257">
        <v>1745</v>
      </c>
      <c r="I9" s="257">
        <v>1026</v>
      </c>
      <c r="J9" s="257">
        <v>791</v>
      </c>
      <c r="K9" s="257">
        <v>524</v>
      </c>
      <c r="L9" s="258">
        <v>5259</v>
      </c>
      <c r="M9" s="259">
        <v>5259</v>
      </c>
      <c r="N9" s="253">
        <v>1</v>
      </c>
      <c r="O9" s="257">
        <v>2</v>
      </c>
      <c r="P9" s="254">
        <v>3</v>
      </c>
      <c r="Q9" s="256">
        <v>0</v>
      </c>
      <c r="R9" s="257">
        <v>3</v>
      </c>
      <c r="S9" s="257">
        <v>28</v>
      </c>
      <c r="T9" s="257">
        <v>52</v>
      </c>
      <c r="U9" s="257">
        <v>151</v>
      </c>
      <c r="V9" s="257">
        <v>221</v>
      </c>
      <c r="W9" s="254">
        <v>455</v>
      </c>
      <c r="X9" s="259">
        <v>458</v>
      </c>
      <c r="Y9" s="253">
        <v>121</v>
      </c>
      <c r="Z9" s="257">
        <v>422</v>
      </c>
      <c r="AA9" s="254">
        <v>543</v>
      </c>
      <c r="AB9" s="256">
        <v>0</v>
      </c>
      <c r="AC9" s="257">
        <v>726</v>
      </c>
      <c r="AD9" s="257">
        <v>1231</v>
      </c>
      <c r="AE9" s="257">
        <v>818</v>
      </c>
      <c r="AF9" s="257">
        <v>671</v>
      </c>
      <c r="AG9" s="257">
        <v>469</v>
      </c>
      <c r="AH9" s="254">
        <v>3915</v>
      </c>
      <c r="AI9" s="259">
        <v>4458</v>
      </c>
      <c r="AJ9" s="253">
        <v>6</v>
      </c>
      <c r="AK9" s="257">
        <v>39</v>
      </c>
      <c r="AL9" s="254">
        <v>45</v>
      </c>
      <c r="AM9" s="256">
        <v>0</v>
      </c>
      <c r="AN9" s="257">
        <v>23</v>
      </c>
      <c r="AO9" s="257">
        <v>74</v>
      </c>
      <c r="AP9" s="257">
        <v>49</v>
      </c>
      <c r="AQ9" s="257">
        <v>40</v>
      </c>
      <c r="AR9" s="257">
        <v>24</v>
      </c>
      <c r="AS9" s="254">
        <v>210</v>
      </c>
      <c r="AT9" s="259">
        <v>255</v>
      </c>
      <c r="AU9" s="253">
        <v>212</v>
      </c>
      <c r="AV9" s="257">
        <v>383</v>
      </c>
      <c r="AW9" s="254">
        <v>595</v>
      </c>
      <c r="AX9" s="256">
        <v>0</v>
      </c>
      <c r="AY9" s="257">
        <v>1300</v>
      </c>
      <c r="AZ9" s="257">
        <v>1808</v>
      </c>
      <c r="BA9" s="257">
        <v>1776</v>
      </c>
      <c r="BB9" s="257">
        <v>1564</v>
      </c>
      <c r="BC9" s="257">
        <v>1097</v>
      </c>
      <c r="BD9" s="258">
        <v>7545</v>
      </c>
      <c r="BE9" s="259">
        <v>8140</v>
      </c>
      <c r="BF9" s="253">
        <v>0</v>
      </c>
      <c r="BG9" s="257">
        <v>0</v>
      </c>
      <c r="BH9" s="254">
        <v>0</v>
      </c>
      <c r="BI9" s="256">
        <v>0</v>
      </c>
      <c r="BJ9" s="257">
        <v>1615</v>
      </c>
      <c r="BK9" s="257">
        <v>1838</v>
      </c>
      <c r="BL9" s="257">
        <v>1117</v>
      </c>
      <c r="BM9" s="257">
        <v>599</v>
      </c>
      <c r="BN9" s="257">
        <v>265</v>
      </c>
      <c r="BO9" s="254">
        <v>5434</v>
      </c>
      <c r="BP9" s="259">
        <v>5434</v>
      </c>
      <c r="BQ9" s="253">
        <v>86</v>
      </c>
      <c r="BR9" s="257">
        <v>168</v>
      </c>
      <c r="BS9" s="254">
        <v>254</v>
      </c>
      <c r="BT9" s="256">
        <v>0</v>
      </c>
      <c r="BU9" s="257">
        <v>154</v>
      </c>
      <c r="BV9" s="257">
        <v>403</v>
      </c>
      <c r="BW9" s="257">
        <v>250</v>
      </c>
      <c r="BX9" s="257">
        <v>135</v>
      </c>
      <c r="BY9" s="257">
        <v>43</v>
      </c>
      <c r="BZ9" s="254">
        <v>985</v>
      </c>
      <c r="CA9" s="259">
        <v>1239</v>
      </c>
      <c r="CB9" s="253">
        <v>3</v>
      </c>
      <c r="CC9" s="257">
        <v>14</v>
      </c>
      <c r="CD9" s="254">
        <v>17</v>
      </c>
      <c r="CE9" s="256">
        <v>0</v>
      </c>
      <c r="CF9" s="257">
        <v>129</v>
      </c>
      <c r="CG9" s="257">
        <v>281</v>
      </c>
      <c r="CH9" s="257">
        <v>370</v>
      </c>
      <c r="CI9" s="257">
        <v>291</v>
      </c>
      <c r="CJ9" s="257">
        <v>140</v>
      </c>
      <c r="CK9" s="254">
        <v>1211</v>
      </c>
      <c r="CL9" s="259">
        <v>1228</v>
      </c>
      <c r="CM9" s="253">
        <v>0</v>
      </c>
      <c r="CN9" s="257">
        <v>0</v>
      </c>
      <c r="CO9" s="254">
        <v>0</v>
      </c>
      <c r="CP9" s="256">
        <v>0</v>
      </c>
      <c r="CQ9" s="257">
        <v>1</v>
      </c>
      <c r="CR9" s="257">
        <v>8</v>
      </c>
      <c r="CS9" s="257">
        <v>11</v>
      </c>
      <c r="CT9" s="257">
        <v>15</v>
      </c>
      <c r="CU9" s="257">
        <v>5</v>
      </c>
      <c r="CV9" s="254">
        <v>40</v>
      </c>
      <c r="CW9" s="259">
        <v>40</v>
      </c>
      <c r="CX9" s="253">
        <v>0</v>
      </c>
      <c r="CY9" s="257">
        <v>0</v>
      </c>
      <c r="CZ9" s="254">
        <v>0</v>
      </c>
      <c r="DA9" s="256">
        <v>0</v>
      </c>
      <c r="DB9" s="257">
        <v>0</v>
      </c>
      <c r="DC9" s="257">
        <v>0</v>
      </c>
      <c r="DD9" s="257">
        <v>0</v>
      </c>
      <c r="DE9" s="257">
        <v>0</v>
      </c>
      <c r="DF9" s="257">
        <v>0</v>
      </c>
      <c r="DG9" s="254">
        <v>0</v>
      </c>
      <c r="DH9" s="259">
        <v>0</v>
      </c>
      <c r="DI9" s="253">
        <v>0</v>
      </c>
      <c r="DJ9" s="257">
        <v>0</v>
      </c>
      <c r="DK9" s="254">
        <v>0</v>
      </c>
      <c r="DL9" s="256">
        <v>0</v>
      </c>
      <c r="DM9" s="257">
        <v>0</v>
      </c>
      <c r="DN9" s="257">
        <v>0</v>
      </c>
      <c r="DO9" s="257">
        <v>0</v>
      </c>
      <c r="DP9" s="257">
        <v>0</v>
      </c>
      <c r="DQ9" s="257">
        <v>0</v>
      </c>
      <c r="DR9" s="254">
        <v>0</v>
      </c>
      <c r="DS9" s="259">
        <v>0</v>
      </c>
      <c r="DT9" s="253">
        <v>887</v>
      </c>
      <c r="DU9" s="257">
        <v>2440</v>
      </c>
      <c r="DV9" s="254">
        <v>3327</v>
      </c>
      <c r="DW9" s="256">
        <v>0</v>
      </c>
      <c r="DX9" s="257">
        <v>1933</v>
      </c>
      <c r="DY9" s="257">
        <v>3859</v>
      </c>
      <c r="DZ9" s="257">
        <v>2369</v>
      </c>
      <c r="EA9" s="257">
        <v>1729</v>
      </c>
      <c r="EB9" s="257">
        <v>970</v>
      </c>
      <c r="EC9" s="254">
        <v>10860</v>
      </c>
      <c r="ED9" s="259">
        <v>14187</v>
      </c>
      <c r="EE9" s="253">
        <v>110</v>
      </c>
      <c r="EF9" s="257">
        <v>112</v>
      </c>
      <c r="EG9" s="254">
        <v>222</v>
      </c>
      <c r="EH9" s="256">
        <v>0</v>
      </c>
      <c r="EI9" s="257">
        <v>347</v>
      </c>
      <c r="EJ9" s="257">
        <v>279</v>
      </c>
      <c r="EK9" s="257">
        <v>275</v>
      </c>
      <c r="EL9" s="257">
        <v>319</v>
      </c>
      <c r="EM9" s="257">
        <v>158</v>
      </c>
      <c r="EN9" s="254">
        <v>1378</v>
      </c>
      <c r="EO9" s="259">
        <v>1600</v>
      </c>
      <c r="EP9" s="253">
        <v>1038</v>
      </c>
      <c r="EQ9" s="257">
        <v>2719</v>
      </c>
      <c r="ER9" s="254">
        <v>3757</v>
      </c>
      <c r="ES9" s="256">
        <v>0</v>
      </c>
      <c r="ET9" s="257">
        <v>4013</v>
      </c>
      <c r="EU9" s="257">
        <v>5153</v>
      </c>
      <c r="EV9" s="257">
        <v>2832</v>
      </c>
      <c r="EW9" s="257">
        <v>1870</v>
      </c>
      <c r="EX9" s="257">
        <v>1007</v>
      </c>
      <c r="EY9" s="254">
        <v>14875</v>
      </c>
      <c r="EZ9" s="259">
        <v>18632</v>
      </c>
    </row>
    <row r="10" spans="2:156" ht="21" customHeight="1" x14ac:dyDescent="0.2">
      <c r="B10" s="437" t="s">
        <v>7</v>
      </c>
      <c r="C10" s="253">
        <v>0</v>
      </c>
      <c r="D10" s="257">
        <v>0</v>
      </c>
      <c r="E10" s="340">
        <v>0</v>
      </c>
      <c r="F10" s="256">
        <v>0</v>
      </c>
      <c r="G10" s="257">
        <v>1495</v>
      </c>
      <c r="H10" s="257">
        <v>1097</v>
      </c>
      <c r="I10" s="257">
        <v>571</v>
      </c>
      <c r="J10" s="257">
        <v>514</v>
      </c>
      <c r="K10" s="257">
        <v>390</v>
      </c>
      <c r="L10" s="258">
        <v>4067</v>
      </c>
      <c r="M10" s="259">
        <v>4067</v>
      </c>
      <c r="N10" s="253">
        <v>0</v>
      </c>
      <c r="O10" s="257">
        <v>0</v>
      </c>
      <c r="P10" s="254">
        <v>0</v>
      </c>
      <c r="Q10" s="256">
        <v>0</v>
      </c>
      <c r="R10" s="257">
        <v>9</v>
      </c>
      <c r="S10" s="257">
        <v>37</v>
      </c>
      <c r="T10" s="257">
        <v>52</v>
      </c>
      <c r="U10" s="257">
        <v>137</v>
      </c>
      <c r="V10" s="257">
        <v>206</v>
      </c>
      <c r="W10" s="254">
        <v>441</v>
      </c>
      <c r="X10" s="259">
        <v>441</v>
      </c>
      <c r="Y10" s="253">
        <v>21</v>
      </c>
      <c r="Z10" s="257">
        <v>32</v>
      </c>
      <c r="AA10" s="254">
        <v>53</v>
      </c>
      <c r="AB10" s="256">
        <v>0</v>
      </c>
      <c r="AC10" s="257">
        <v>560</v>
      </c>
      <c r="AD10" s="257">
        <v>533</v>
      </c>
      <c r="AE10" s="257">
        <v>342</v>
      </c>
      <c r="AF10" s="257">
        <v>329</v>
      </c>
      <c r="AG10" s="257">
        <v>319</v>
      </c>
      <c r="AH10" s="254">
        <v>2083</v>
      </c>
      <c r="AI10" s="259">
        <v>2136</v>
      </c>
      <c r="AJ10" s="253">
        <v>6</v>
      </c>
      <c r="AK10" s="257">
        <v>6</v>
      </c>
      <c r="AL10" s="254">
        <v>12</v>
      </c>
      <c r="AM10" s="256">
        <v>0</v>
      </c>
      <c r="AN10" s="257">
        <v>72</v>
      </c>
      <c r="AO10" s="257">
        <v>82</v>
      </c>
      <c r="AP10" s="257">
        <v>54</v>
      </c>
      <c r="AQ10" s="257">
        <v>54</v>
      </c>
      <c r="AR10" s="257">
        <v>29</v>
      </c>
      <c r="AS10" s="254">
        <v>291</v>
      </c>
      <c r="AT10" s="259">
        <v>303</v>
      </c>
      <c r="AU10" s="253">
        <v>131</v>
      </c>
      <c r="AV10" s="257">
        <v>94</v>
      </c>
      <c r="AW10" s="254">
        <v>225</v>
      </c>
      <c r="AX10" s="256">
        <v>0</v>
      </c>
      <c r="AY10" s="257">
        <v>1213</v>
      </c>
      <c r="AZ10" s="257">
        <v>1188</v>
      </c>
      <c r="BA10" s="257">
        <v>994</v>
      </c>
      <c r="BB10" s="257">
        <v>1016</v>
      </c>
      <c r="BC10" s="257">
        <v>721</v>
      </c>
      <c r="BD10" s="258">
        <v>5132</v>
      </c>
      <c r="BE10" s="259">
        <v>5357</v>
      </c>
      <c r="BF10" s="253">
        <v>0</v>
      </c>
      <c r="BG10" s="257">
        <v>0</v>
      </c>
      <c r="BH10" s="254">
        <v>0</v>
      </c>
      <c r="BI10" s="256">
        <v>0</v>
      </c>
      <c r="BJ10" s="257">
        <v>1810</v>
      </c>
      <c r="BK10" s="257">
        <v>1092</v>
      </c>
      <c r="BL10" s="257">
        <v>501</v>
      </c>
      <c r="BM10" s="257">
        <v>270</v>
      </c>
      <c r="BN10" s="257">
        <v>146</v>
      </c>
      <c r="BO10" s="254">
        <v>3819</v>
      </c>
      <c r="BP10" s="259">
        <v>3819</v>
      </c>
      <c r="BQ10" s="253">
        <v>40</v>
      </c>
      <c r="BR10" s="257">
        <v>53</v>
      </c>
      <c r="BS10" s="254">
        <v>93</v>
      </c>
      <c r="BT10" s="256">
        <v>0</v>
      </c>
      <c r="BU10" s="257">
        <v>270</v>
      </c>
      <c r="BV10" s="257">
        <v>222</v>
      </c>
      <c r="BW10" s="257">
        <v>135</v>
      </c>
      <c r="BX10" s="257">
        <v>64</v>
      </c>
      <c r="BY10" s="257">
        <v>27</v>
      </c>
      <c r="BZ10" s="254">
        <v>718</v>
      </c>
      <c r="CA10" s="259">
        <v>811</v>
      </c>
      <c r="CB10" s="253">
        <v>1</v>
      </c>
      <c r="CC10" s="257">
        <v>4</v>
      </c>
      <c r="CD10" s="254">
        <v>5</v>
      </c>
      <c r="CE10" s="256">
        <v>0</v>
      </c>
      <c r="CF10" s="257">
        <v>227</v>
      </c>
      <c r="CG10" s="257">
        <v>278</v>
      </c>
      <c r="CH10" s="257">
        <v>260</v>
      </c>
      <c r="CI10" s="257">
        <v>187</v>
      </c>
      <c r="CJ10" s="257">
        <v>112</v>
      </c>
      <c r="CK10" s="254">
        <v>1064</v>
      </c>
      <c r="CL10" s="259">
        <v>1069</v>
      </c>
      <c r="CM10" s="253">
        <v>0</v>
      </c>
      <c r="CN10" s="257">
        <v>0</v>
      </c>
      <c r="CO10" s="254">
        <v>0</v>
      </c>
      <c r="CP10" s="256">
        <v>0</v>
      </c>
      <c r="CQ10" s="257">
        <v>12</v>
      </c>
      <c r="CR10" s="257">
        <v>15</v>
      </c>
      <c r="CS10" s="257">
        <v>16</v>
      </c>
      <c r="CT10" s="257">
        <v>18</v>
      </c>
      <c r="CU10" s="257">
        <v>7</v>
      </c>
      <c r="CV10" s="254">
        <v>68</v>
      </c>
      <c r="CW10" s="259">
        <v>68</v>
      </c>
      <c r="CX10" s="253">
        <v>0</v>
      </c>
      <c r="CY10" s="257">
        <v>0</v>
      </c>
      <c r="CZ10" s="254">
        <v>0</v>
      </c>
      <c r="DA10" s="256">
        <v>0</v>
      </c>
      <c r="DB10" s="257">
        <v>0</v>
      </c>
      <c r="DC10" s="257">
        <v>0</v>
      </c>
      <c r="DD10" s="257">
        <v>0</v>
      </c>
      <c r="DE10" s="257">
        <v>0</v>
      </c>
      <c r="DF10" s="257">
        <v>0</v>
      </c>
      <c r="DG10" s="254">
        <v>0</v>
      </c>
      <c r="DH10" s="259">
        <v>0</v>
      </c>
      <c r="DI10" s="253">
        <v>0</v>
      </c>
      <c r="DJ10" s="257">
        <v>0</v>
      </c>
      <c r="DK10" s="254">
        <v>0</v>
      </c>
      <c r="DL10" s="256">
        <v>0</v>
      </c>
      <c r="DM10" s="257">
        <v>0</v>
      </c>
      <c r="DN10" s="257">
        <v>0</v>
      </c>
      <c r="DO10" s="257">
        <v>0</v>
      </c>
      <c r="DP10" s="257">
        <v>0</v>
      </c>
      <c r="DQ10" s="257">
        <v>0</v>
      </c>
      <c r="DR10" s="254">
        <v>0</v>
      </c>
      <c r="DS10" s="259">
        <v>0</v>
      </c>
      <c r="DT10" s="253">
        <v>333</v>
      </c>
      <c r="DU10" s="257">
        <v>691</v>
      </c>
      <c r="DV10" s="254">
        <v>1024</v>
      </c>
      <c r="DW10" s="256">
        <v>0</v>
      </c>
      <c r="DX10" s="257">
        <v>1939</v>
      </c>
      <c r="DY10" s="257">
        <v>2053</v>
      </c>
      <c r="DZ10" s="257">
        <v>1103</v>
      </c>
      <c r="EA10" s="257">
        <v>879</v>
      </c>
      <c r="EB10" s="257">
        <v>569</v>
      </c>
      <c r="EC10" s="254">
        <v>6543</v>
      </c>
      <c r="ED10" s="259">
        <v>7567</v>
      </c>
      <c r="EE10" s="253">
        <v>92</v>
      </c>
      <c r="EF10" s="257">
        <v>40</v>
      </c>
      <c r="EG10" s="254">
        <v>132</v>
      </c>
      <c r="EH10" s="256">
        <v>0</v>
      </c>
      <c r="EI10" s="257">
        <v>448</v>
      </c>
      <c r="EJ10" s="257">
        <v>311</v>
      </c>
      <c r="EK10" s="257">
        <v>256</v>
      </c>
      <c r="EL10" s="257">
        <v>273</v>
      </c>
      <c r="EM10" s="257">
        <v>158</v>
      </c>
      <c r="EN10" s="254">
        <v>1446</v>
      </c>
      <c r="EO10" s="259">
        <v>1578</v>
      </c>
      <c r="EP10" s="253">
        <v>444</v>
      </c>
      <c r="EQ10" s="257">
        <v>842</v>
      </c>
      <c r="ER10" s="254">
        <v>1286</v>
      </c>
      <c r="ES10" s="256">
        <v>0</v>
      </c>
      <c r="ET10" s="257">
        <v>4555</v>
      </c>
      <c r="EU10" s="257">
        <v>3086</v>
      </c>
      <c r="EV10" s="257">
        <v>1498</v>
      </c>
      <c r="EW10" s="257">
        <v>1050</v>
      </c>
      <c r="EX10" s="257">
        <v>649</v>
      </c>
      <c r="EY10" s="254">
        <v>10838</v>
      </c>
      <c r="EZ10" s="259">
        <v>12124</v>
      </c>
    </row>
    <row r="11" spans="2:156" ht="21" customHeight="1" x14ac:dyDescent="0.2">
      <c r="B11" s="437" t="s">
        <v>8</v>
      </c>
      <c r="C11" s="253">
        <v>0</v>
      </c>
      <c r="D11" s="257">
        <v>0</v>
      </c>
      <c r="E11" s="340">
        <v>0</v>
      </c>
      <c r="F11" s="256">
        <v>0</v>
      </c>
      <c r="G11" s="257">
        <v>459</v>
      </c>
      <c r="H11" s="257">
        <v>637</v>
      </c>
      <c r="I11" s="257">
        <v>390</v>
      </c>
      <c r="J11" s="257">
        <v>323</v>
      </c>
      <c r="K11" s="257">
        <v>264</v>
      </c>
      <c r="L11" s="258">
        <v>2073</v>
      </c>
      <c r="M11" s="259">
        <v>2073</v>
      </c>
      <c r="N11" s="253">
        <v>0</v>
      </c>
      <c r="O11" s="257">
        <v>0</v>
      </c>
      <c r="P11" s="254">
        <v>0</v>
      </c>
      <c r="Q11" s="256">
        <v>0</v>
      </c>
      <c r="R11" s="257">
        <v>6</v>
      </c>
      <c r="S11" s="257">
        <v>16</v>
      </c>
      <c r="T11" s="257">
        <v>27</v>
      </c>
      <c r="U11" s="257">
        <v>55</v>
      </c>
      <c r="V11" s="257">
        <v>87</v>
      </c>
      <c r="W11" s="254">
        <v>191</v>
      </c>
      <c r="X11" s="259">
        <v>191</v>
      </c>
      <c r="Y11" s="253">
        <v>59</v>
      </c>
      <c r="Z11" s="257">
        <v>78</v>
      </c>
      <c r="AA11" s="254">
        <v>137</v>
      </c>
      <c r="AB11" s="256">
        <v>0</v>
      </c>
      <c r="AC11" s="257">
        <v>304</v>
      </c>
      <c r="AD11" s="257">
        <v>431</v>
      </c>
      <c r="AE11" s="257">
        <v>260</v>
      </c>
      <c r="AF11" s="257">
        <v>226</v>
      </c>
      <c r="AG11" s="257">
        <v>202</v>
      </c>
      <c r="AH11" s="254">
        <v>1423</v>
      </c>
      <c r="AI11" s="259">
        <v>1560</v>
      </c>
      <c r="AJ11" s="253">
        <v>11</v>
      </c>
      <c r="AK11" s="257">
        <v>20</v>
      </c>
      <c r="AL11" s="254">
        <v>31</v>
      </c>
      <c r="AM11" s="256">
        <v>0</v>
      </c>
      <c r="AN11" s="257">
        <v>69</v>
      </c>
      <c r="AO11" s="257">
        <v>92</v>
      </c>
      <c r="AP11" s="257">
        <v>49</v>
      </c>
      <c r="AQ11" s="257">
        <v>52</v>
      </c>
      <c r="AR11" s="257">
        <v>29</v>
      </c>
      <c r="AS11" s="254">
        <v>291</v>
      </c>
      <c r="AT11" s="259">
        <v>322</v>
      </c>
      <c r="AU11" s="253">
        <v>81</v>
      </c>
      <c r="AV11" s="257">
        <v>56</v>
      </c>
      <c r="AW11" s="254">
        <v>137</v>
      </c>
      <c r="AX11" s="256">
        <v>0</v>
      </c>
      <c r="AY11" s="257">
        <v>475</v>
      </c>
      <c r="AZ11" s="257">
        <v>579</v>
      </c>
      <c r="BA11" s="257">
        <v>560</v>
      </c>
      <c r="BB11" s="257">
        <v>565</v>
      </c>
      <c r="BC11" s="257">
        <v>421</v>
      </c>
      <c r="BD11" s="258">
        <v>2600</v>
      </c>
      <c r="BE11" s="259">
        <v>2737</v>
      </c>
      <c r="BF11" s="253">
        <v>0</v>
      </c>
      <c r="BG11" s="257">
        <v>0</v>
      </c>
      <c r="BH11" s="254">
        <v>0</v>
      </c>
      <c r="BI11" s="256">
        <v>0</v>
      </c>
      <c r="BJ11" s="257">
        <v>572</v>
      </c>
      <c r="BK11" s="257">
        <v>634</v>
      </c>
      <c r="BL11" s="257">
        <v>360</v>
      </c>
      <c r="BM11" s="257">
        <v>206</v>
      </c>
      <c r="BN11" s="257">
        <v>110</v>
      </c>
      <c r="BO11" s="254">
        <v>1882</v>
      </c>
      <c r="BP11" s="259">
        <v>1882</v>
      </c>
      <c r="BQ11" s="253">
        <v>61</v>
      </c>
      <c r="BR11" s="257">
        <v>62</v>
      </c>
      <c r="BS11" s="254">
        <v>123</v>
      </c>
      <c r="BT11" s="256">
        <v>0</v>
      </c>
      <c r="BU11" s="257">
        <v>164</v>
      </c>
      <c r="BV11" s="257">
        <v>158</v>
      </c>
      <c r="BW11" s="257">
        <v>97</v>
      </c>
      <c r="BX11" s="257">
        <v>51</v>
      </c>
      <c r="BY11" s="257">
        <v>20</v>
      </c>
      <c r="BZ11" s="254">
        <v>490</v>
      </c>
      <c r="CA11" s="259">
        <v>613</v>
      </c>
      <c r="CB11" s="253">
        <v>2</v>
      </c>
      <c r="CC11" s="257">
        <v>10</v>
      </c>
      <c r="CD11" s="254">
        <v>12</v>
      </c>
      <c r="CE11" s="256">
        <v>0</v>
      </c>
      <c r="CF11" s="257">
        <v>85</v>
      </c>
      <c r="CG11" s="257">
        <v>157</v>
      </c>
      <c r="CH11" s="257">
        <v>199</v>
      </c>
      <c r="CI11" s="257">
        <v>105</v>
      </c>
      <c r="CJ11" s="257">
        <v>56</v>
      </c>
      <c r="CK11" s="254">
        <v>602</v>
      </c>
      <c r="CL11" s="259">
        <v>614</v>
      </c>
      <c r="CM11" s="253">
        <v>0</v>
      </c>
      <c r="CN11" s="257">
        <v>0</v>
      </c>
      <c r="CO11" s="254">
        <v>0</v>
      </c>
      <c r="CP11" s="256">
        <v>0</v>
      </c>
      <c r="CQ11" s="257">
        <v>3</v>
      </c>
      <c r="CR11" s="257">
        <v>8</v>
      </c>
      <c r="CS11" s="257">
        <v>7</v>
      </c>
      <c r="CT11" s="257">
        <v>5</v>
      </c>
      <c r="CU11" s="257">
        <v>3</v>
      </c>
      <c r="CV11" s="254">
        <v>26</v>
      </c>
      <c r="CW11" s="259">
        <v>26</v>
      </c>
      <c r="CX11" s="253">
        <v>0</v>
      </c>
      <c r="CY11" s="257">
        <v>0</v>
      </c>
      <c r="CZ11" s="254">
        <v>0</v>
      </c>
      <c r="DA11" s="256">
        <v>0</v>
      </c>
      <c r="DB11" s="257">
        <v>0</v>
      </c>
      <c r="DC11" s="257">
        <v>0</v>
      </c>
      <c r="DD11" s="257">
        <v>0</v>
      </c>
      <c r="DE11" s="257">
        <v>0</v>
      </c>
      <c r="DF11" s="257">
        <v>0</v>
      </c>
      <c r="DG11" s="254">
        <v>0</v>
      </c>
      <c r="DH11" s="259">
        <v>0</v>
      </c>
      <c r="DI11" s="253">
        <v>0</v>
      </c>
      <c r="DJ11" s="257">
        <v>0</v>
      </c>
      <c r="DK11" s="254">
        <v>0</v>
      </c>
      <c r="DL11" s="256">
        <v>0</v>
      </c>
      <c r="DM11" s="257">
        <v>0</v>
      </c>
      <c r="DN11" s="257">
        <v>0</v>
      </c>
      <c r="DO11" s="257">
        <v>0</v>
      </c>
      <c r="DP11" s="257">
        <v>0</v>
      </c>
      <c r="DQ11" s="257">
        <v>0</v>
      </c>
      <c r="DR11" s="254">
        <v>0</v>
      </c>
      <c r="DS11" s="259">
        <v>0</v>
      </c>
      <c r="DT11" s="253">
        <v>456</v>
      </c>
      <c r="DU11" s="257">
        <v>622</v>
      </c>
      <c r="DV11" s="254">
        <v>1078</v>
      </c>
      <c r="DW11" s="256">
        <v>0</v>
      </c>
      <c r="DX11" s="257">
        <v>1035</v>
      </c>
      <c r="DY11" s="257">
        <v>1562</v>
      </c>
      <c r="DZ11" s="257">
        <v>880</v>
      </c>
      <c r="EA11" s="257">
        <v>633</v>
      </c>
      <c r="EB11" s="257">
        <v>406</v>
      </c>
      <c r="EC11" s="254">
        <v>4516</v>
      </c>
      <c r="ED11" s="259">
        <v>5594</v>
      </c>
      <c r="EE11" s="253">
        <v>54</v>
      </c>
      <c r="EF11" s="257">
        <v>19</v>
      </c>
      <c r="EG11" s="254">
        <v>73</v>
      </c>
      <c r="EH11" s="256">
        <v>0</v>
      </c>
      <c r="EI11" s="257">
        <v>152</v>
      </c>
      <c r="EJ11" s="257">
        <v>126</v>
      </c>
      <c r="EK11" s="257">
        <v>115</v>
      </c>
      <c r="EL11" s="257">
        <v>133</v>
      </c>
      <c r="EM11" s="257">
        <v>71</v>
      </c>
      <c r="EN11" s="254">
        <v>597</v>
      </c>
      <c r="EO11" s="259">
        <v>670</v>
      </c>
      <c r="EP11" s="253">
        <v>547</v>
      </c>
      <c r="EQ11" s="257">
        <v>700</v>
      </c>
      <c r="ER11" s="254">
        <v>1247</v>
      </c>
      <c r="ES11" s="256">
        <v>0</v>
      </c>
      <c r="ET11" s="257">
        <v>1884</v>
      </c>
      <c r="EU11" s="257">
        <v>1951</v>
      </c>
      <c r="EV11" s="257">
        <v>1037</v>
      </c>
      <c r="EW11" s="257">
        <v>672</v>
      </c>
      <c r="EX11" s="257">
        <v>424</v>
      </c>
      <c r="EY11" s="254">
        <v>5968</v>
      </c>
      <c r="EZ11" s="259">
        <v>7215</v>
      </c>
    </row>
    <row r="12" spans="2:156" ht="21" customHeight="1" x14ac:dyDescent="0.2">
      <c r="B12" s="437" t="s">
        <v>9</v>
      </c>
      <c r="C12" s="253">
        <v>0</v>
      </c>
      <c r="D12" s="257">
        <v>0</v>
      </c>
      <c r="E12" s="340">
        <v>0</v>
      </c>
      <c r="F12" s="256">
        <v>0</v>
      </c>
      <c r="G12" s="257">
        <v>633</v>
      </c>
      <c r="H12" s="257">
        <v>489</v>
      </c>
      <c r="I12" s="257">
        <v>361</v>
      </c>
      <c r="J12" s="257">
        <v>332</v>
      </c>
      <c r="K12" s="257">
        <v>249</v>
      </c>
      <c r="L12" s="258">
        <v>2064</v>
      </c>
      <c r="M12" s="259">
        <v>2064</v>
      </c>
      <c r="N12" s="253">
        <v>0</v>
      </c>
      <c r="O12" s="257">
        <v>0</v>
      </c>
      <c r="P12" s="254">
        <v>0</v>
      </c>
      <c r="Q12" s="256">
        <v>0</v>
      </c>
      <c r="R12" s="257">
        <v>2</v>
      </c>
      <c r="S12" s="257">
        <v>6</v>
      </c>
      <c r="T12" s="257">
        <v>16</v>
      </c>
      <c r="U12" s="257">
        <v>50</v>
      </c>
      <c r="V12" s="257">
        <v>98</v>
      </c>
      <c r="W12" s="254">
        <v>172</v>
      </c>
      <c r="X12" s="259">
        <v>172</v>
      </c>
      <c r="Y12" s="253">
        <v>55</v>
      </c>
      <c r="Z12" s="257">
        <v>93</v>
      </c>
      <c r="AA12" s="254">
        <v>148</v>
      </c>
      <c r="AB12" s="256">
        <v>0</v>
      </c>
      <c r="AC12" s="257">
        <v>399</v>
      </c>
      <c r="AD12" s="257">
        <v>321</v>
      </c>
      <c r="AE12" s="257">
        <v>245</v>
      </c>
      <c r="AF12" s="257">
        <v>234</v>
      </c>
      <c r="AG12" s="257">
        <v>199</v>
      </c>
      <c r="AH12" s="254">
        <v>1398</v>
      </c>
      <c r="AI12" s="259">
        <v>1546</v>
      </c>
      <c r="AJ12" s="253">
        <v>8</v>
      </c>
      <c r="AK12" s="257">
        <v>17</v>
      </c>
      <c r="AL12" s="254">
        <v>25</v>
      </c>
      <c r="AM12" s="256">
        <v>0</v>
      </c>
      <c r="AN12" s="257">
        <v>40</v>
      </c>
      <c r="AO12" s="257">
        <v>49</v>
      </c>
      <c r="AP12" s="257">
        <v>41</v>
      </c>
      <c r="AQ12" s="257">
        <v>41</v>
      </c>
      <c r="AR12" s="257">
        <v>29</v>
      </c>
      <c r="AS12" s="254">
        <v>200</v>
      </c>
      <c r="AT12" s="259">
        <v>225</v>
      </c>
      <c r="AU12" s="253">
        <v>82</v>
      </c>
      <c r="AV12" s="257">
        <v>65</v>
      </c>
      <c r="AW12" s="254">
        <v>147</v>
      </c>
      <c r="AX12" s="256">
        <v>0</v>
      </c>
      <c r="AY12" s="257">
        <v>534</v>
      </c>
      <c r="AZ12" s="257">
        <v>566</v>
      </c>
      <c r="BA12" s="257">
        <v>567</v>
      </c>
      <c r="BB12" s="257">
        <v>605</v>
      </c>
      <c r="BC12" s="257">
        <v>430</v>
      </c>
      <c r="BD12" s="258">
        <v>2702</v>
      </c>
      <c r="BE12" s="259">
        <v>2849</v>
      </c>
      <c r="BF12" s="253">
        <v>0</v>
      </c>
      <c r="BG12" s="257">
        <v>0</v>
      </c>
      <c r="BH12" s="254">
        <v>0</v>
      </c>
      <c r="BI12" s="256">
        <v>0</v>
      </c>
      <c r="BJ12" s="257">
        <v>605</v>
      </c>
      <c r="BK12" s="257">
        <v>397</v>
      </c>
      <c r="BL12" s="257">
        <v>248</v>
      </c>
      <c r="BM12" s="257">
        <v>164</v>
      </c>
      <c r="BN12" s="257">
        <v>51</v>
      </c>
      <c r="BO12" s="254">
        <v>1465</v>
      </c>
      <c r="BP12" s="259">
        <v>1465</v>
      </c>
      <c r="BQ12" s="253">
        <v>52</v>
      </c>
      <c r="BR12" s="257">
        <v>80</v>
      </c>
      <c r="BS12" s="254">
        <v>132</v>
      </c>
      <c r="BT12" s="256">
        <v>0</v>
      </c>
      <c r="BU12" s="257">
        <v>154</v>
      </c>
      <c r="BV12" s="257">
        <v>132</v>
      </c>
      <c r="BW12" s="257">
        <v>80</v>
      </c>
      <c r="BX12" s="257">
        <v>85</v>
      </c>
      <c r="BY12" s="257">
        <v>25</v>
      </c>
      <c r="BZ12" s="254">
        <v>476</v>
      </c>
      <c r="CA12" s="259">
        <v>608</v>
      </c>
      <c r="CB12" s="253">
        <v>1</v>
      </c>
      <c r="CC12" s="257">
        <v>4</v>
      </c>
      <c r="CD12" s="254">
        <v>5</v>
      </c>
      <c r="CE12" s="256">
        <v>0</v>
      </c>
      <c r="CF12" s="257">
        <v>77</v>
      </c>
      <c r="CG12" s="257">
        <v>96</v>
      </c>
      <c r="CH12" s="257">
        <v>135</v>
      </c>
      <c r="CI12" s="257">
        <v>92</v>
      </c>
      <c r="CJ12" s="257">
        <v>52</v>
      </c>
      <c r="CK12" s="254">
        <v>452</v>
      </c>
      <c r="CL12" s="259">
        <v>457</v>
      </c>
      <c r="CM12" s="253">
        <v>0</v>
      </c>
      <c r="CN12" s="257">
        <v>1</v>
      </c>
      <c r="CO12" s="254">
        <v>1</v>
      </c>
      <c r="CP12" s="256">
        <v>0</v>
      </c>
      <c r="CQ12" s="257">
        <v>9</v>
      </c>
      <c r="CR12" s="257">
        <v>12</v>
      </c>
      <c r="CS12" s="257">
        <v>28</v>
      </c>
      <c r="CT12" s="257">
        <v>25</v>
      </c>
      <c r="CU12" s="257">
        <v>12</v>
      </c>
      <c r="CV12" s="254">
        <v>86</v>
      </c>
      <c r="CW12" s="259">
        <v>87</v>
      </c>
      <c r="CX12" s="253">
        <v>0</v>
      </c>
      <c r="CY12" s="257">
        <v>0</v>
      </c>
      <c r="CZ12" s="254">
        <v>0</v>
      </c>
      <c r="DA12" s="256">
        <v>0</v>
      </c>
      <c r="DB12" s="257">
        <v>0</v>
      </c>
      <c r="DC12" s="257">
        <v>0</v>
      </c>
      <c r="DD12" s="257">
        <v>0</v>
      </c>
      <c r="DE12" s="257">
        <v>0</v>
      </c>
      <c r="DF12" s="257">
        <v>0</v>
      </c>
      <c r="DG12" s="254">
        <v>0</v>
      </c>
      <c r="DH12" s="259">
        <v>0</v>
      </c>
      <c r="DI12" s="253">
        <v>0</v>
      </c>
      <c r="DJ12" s="257">
        <v>0</v>
      </c>
      <c r="DK12" s="254">
        <v>0</v>
      </c>
      <c r="DL12" s="256">
        <v>0</v>
      </c>
      <c r="DM12" s="257">
        <v>0</v>
      </c>
      <c r="DN12" s="257">
        <v>0</v>
      </c>
      <c r="DO12" s="257">
        <v>0</v>
      </c>
      <c r="DP12" s="257">
        <v>0</v>
      </c>
      <c r="DQ12" s="257">
        <v>0</v>
      </c>
      <c r="DR12" s="254">
        <v>0</v>
      </c>
      <c r="DS12" s="259">
        <v>0</v>
      </c>
      <c r="DT12" s="253">
        <v>334</v>
      </c>
      <c r="DU12" s="257">
        <v>435</v>
      </c>
      <c r="DV12" s="254">
        <v>769</v>
      </c>
      <c r="DW12" s="256">
        <v>0</v>
      </c>
      <c r="DX12" s="257">
        <v>886</v>
      </c>
      <c r="DY12" s="257">
        <v>864</v>
      </c>
      <c r="DZ12" s="257">
        <v>625</v>
      </c>
      <c r="EA12" s="257">
        <v>534</v>
      </c>
      <c r="EB12" s="257">
        <v>351</v>
      </c>
      <c r="EC12" s="254">
        <v>3260</v>
      </c>
      <c r="ED12" s="259">
        <v>4029</v>
      </c>
      <c r="EE12" s="253">
        <v>53</v>
      </c>
      <c r="EF12" s="257">
        <v>19</v>
      </c>
      <c r="EG12" s="254">
        <v>72</v>
      </c>
      <c r="EH12" s="256">
        <v>0</v>
      </c>
      <c r="EI12" s="257">
        <v>201</v>
      </c>
      <c r="EJ12" s="257">
        <v>158</v>
      </c>
      <c r="EK12" s="257">
        <v>168</v>
      </c>
      <c r="EL12" s="257">
        <v>161</v>
      </c>
      <c r="EM12" s="257">
        <v>124</v>
      </c>
      <c r="EN12" s="254">
        <v>812</v>
      </c>
      <c r="EO12" s="259">
        <v>884</v>
      </c>
      <c r="EP12" s="253">
        <v>438</v>
      </c>
      <c r="EQ12" s="257">
        <v>572</v>
      </c>
      <c r="ER12" s="254">
        <v>1010</v>
      </c>
      <c r="ES12" s="256">
        <v>0</v>
      </c>
      <c r="ET12" s="257">
        <v>1764</v>
      </c>
      <c r="EU12" s="257">
        <v>1239</v>
      </c>
      <c r="EV12" s="257">
        <v>761</v>
      </c>
      <c r="EW12" s="257">
        <v>595</v>
      </c>
      <c r="EX12" s="257">
        <v>362</v>
      </c>
      <c r="EY12" s="254">
        <v>4721</v>
      </c>
      <c r="EZ12" s="259">
        <v>5731</v>
      </c>
    </row>
    <row r="13" spans="2:156" ht="21" customHeight="1" x14ac:dyDescent="0.2">
      <c r="B13" s="437" t="s">
        <v>10</v>
      </c>
      <c r="C13" s="253">
        <v>0</v>
      </c>
      <c r="D13" s="257">
        <v>0</v>
      </c>
      <c r="E13" s="340">
        <v>0</v>
      </c>
      <c r="F13" s="256">
        <v>0</v>
      </c>
      <c r="G13" s="257">
        <v>1327</v>
      </c>
      <c r="H13" s="257">
        <v>767</v>
      </c>
      <c r="I13" s="257">
        <v>514</v>
      </c>
      <c r="J13" s="257">
        <v>476</v>
      </c>
      <c r="K13" s="257">
        <v>363</v>
      </c>
      <c r="L13" s="258">
        <v>3447</v>
      </c>
      <c r="M13" s="259">
        <v>3447</v>
      </c>
      <c r="N13" s="253">
        <v>0</v>
      </c>
      <c r="O13" s="257">
        <v>1</v>
      </c>
      <c r="P13" s="254">
        <v>1</v>
      </c>
      <c r="Q13" s="256">
        <v>0</v>
      </c>
      <c r="R13" s="257">
        <v>8</v>
      </c>
      <c r="S13" s="257">
        <v>26</v>
      </c>
      <c r="T13" s="257">
        <v>34</v>
      </c>
      <c r="U13" s="257">
        <v>87</v>
      </c>
      <c r="V13" s="257">
        <v>173</v>
      </c>
      <c r="W13" s="254">
        <v>328</v>
      </c>
      <c r="X13" s="259">
        <v>329</v>
      </c>
      <c r="Y13" s="253">
        <v>185</v>
      </c>
      <c r="Z13" s="257">
        <v>301</v>
      </c>
      <c r="AA13" s="254">
        <v>486</v>
      </c>
      <c r="AB13" s="256">
        <v>0</v>
      </c>
      <c r="AC13" s="257">
        <v>860</v>
      </c>
      <c r="AD13" s="257">
        <v>596</v>
      </c>
      <c r="AE13" s="257">
        <v>353</v>
      </c>
      <c r="AF13" s="257">
        <v>339</v>
      </c>
      <c r="AG13" s="257">
        <v>297</v>
      </c>
      <c r="AH13" s="254">
        <v>2445</v>
      </c>
      <c r="AI13" s="259">
        <v>2931</v>
      </c>
      <c r="AJ13" s="253">
        <v>26</v>
      </c>
      <c r="AK13" s="257">
        <v>47</v>
      </c>
      <c r="AL13" s="254">
        <v>73</v>
      </c>
      <c r="AM13" s="256">
        <v>0</v>
      </c>
      <c r="AN13" s="257">
        <v>101</v>
      </c>
      <c r="AO13" s="257">
        <v>91</v>
      </c>
      <c r="AP13" s="257">
        <v>68</v>
      </c>
      <c r="AQ13" s="257">
        <v>38</v>
      </c>
      <c r="AR13" s="257">
        <v>59</v>
      </c>
      <c r="AS13" s="254">
        <v>357</v>
      </c>
      <c r="AT13" s="259">
        <v>430</v>
      </c>
      <c r="AU13" s="253">
        <v>195</v>
      </c>
      <c r="AV13" s="257">
        <v>276</v>
      </c>
      <c r="AW13" s="254">
        <v>471</v>
      </c>
      <c r="AX13" s="256">
        <v>0</v>
      </c>
      <c r="AY13" s="257">
        <v>1305</v>
      </c>
      <c r="AZ13" s="257">
        <v>1112</v>
      </c>
      <c r="BA13" s="257">
        <v>978</v>
      </c>
      <c r="BB13" s="257">
        <v>1002</v>
      </c>
      <c r="BC13" s="257">
        <v>778</v>
      </c>
      <c r="BD13" s="258">
        <v>5175</v>
      </c>
      <c r="BE13" s="259">
        <v>5646</v>
      </c>
      <c r="BF13" s="253">
        <v>0</v>
      </c>
      <c r="BG13" s="257">
        <v>0</v>
      </c>
      <c r="BH13" s="254">
        <v>0</v>
      </c>
      <c r="BI13" s="256">
        <v>0</v>
      </c>
      <c r="BJ13" s="257">
        <v>1644</v>
      </c>
      <c r="BK13" s="257">
        <v>858</v>
      </c>
      <c r="BL13" s="257">
        <v>497</v>
      </c>
      <c r="BM13" s="257">
        <v>295</v>
      </c>
      <c r="BN13" s="257">
        <v>135</v>
      </c>
      <c r="BO13" s="254">
        <v>3429</v>
      </c>
      <c r="BP13" s="259">
        <v>3429</v>
      </c>
      <c r="BQ13" s="253">
        <v>55</v>
      </c>
      <c r="BR13" s="257">
        <v>89</v>
      </c>
      <c r="BS13" s="254">
        <v>144</v>
      </c>
      <c r="BT13" s="256">
        <v>0</v>
      </c>
      <c r="BU13" s="257">
        <v>266</v>
      </c>
      <c r="BV13" s="257">
        <v>208</v>
      </c>
      <c r="BW13" s="257">
        <v>96</v>
      </c>
      <c r="BX13" s="257">
        <v>65</v>
      </c>
      <c r="BY13" s="257">
        <v>33</v>
      </c>
      <c r="BZ13" s="254">
        <v>668</v>
      </c>
      <c r="CA13" s="259">
        <v>812</v>
      </c>
      <c r="CB13" s="253">
        <v>6</v>
      </c>
      <c r="CC13" s="257">
        <v>19</v>
      </c>
      <c r="CD13" s="254">
        <v>25</v>
      </c>
      <c r="CE13" s="256">
        <v>0</v>
      </c>
      <c r="CF13" s="257">
        <v>169</v>
      </c>
      <c r="CG13" s="257">
        <v>170</v>
      </c>
      <c r="CH13" s="257">
        <v>177</v>
      </c>
      <c r="CI13" s="257">
        <v>144</v>
      </c>
      <c r="CJ13" s="257">
        <v>86</v>
      </c>
      <c r="CK13" s="254">
        <v>746</v>
      </c>
      <c r="CL13" s="259">
        <v>771</v>
      </c>
      <c r="CM13" s="253">
        <v>0</v>
      </c>
      <c r="CN13" s="257">
        <v>2</v>
      </c>
      <c r="CO13" s="254">
        <v>2</v>
      </c>
      <c r="CP13" s="256">
        <v>0</v>
      </c>
      <c r="CQ13" s="257">
        <v>11</v>
      </c>
      <c r="CR13" s="257">
        <v>17</v>
      </c>
      <c r="CS13" s="257">
        <v>15</v>
      </c>
      <c r="CT13" s="257">
        <v>15</v>
      </c>
      <c r="CU13" s="257">
        <v>10</v>
      </c>
      <c r="CV13" s="254">
        <v>68</v>
      </c>
      <c r="CW13" s="259">
        <v>70</v>
      </c>
      <c r="CX13" s="253">
        <v>0</v>
      </c>
      <c r="CY13" s="257">
        <v>0</v>
      </c>
      <c r="CZ13" s="254">
        <v>0</v>
      </c>
      <c r="DA13" s="256">
        <v>0</v>
      </c>
      <c r="DB13" s="257">
        <v>0</v>
      </c>
      <c r="DC13" s="257">
        <v>0</v>
      </c>
      <c r="DD13" s="257">
        <v>0</v>
      </c>
      <c r="DE13" s="257">
        <v>0</v>
      </c>
      <c r="DF13" s="257">
        <v>0</v>
      </c>
      <c r="DG13" s="254">
        <v>0</v>
      </c>
      <c r="DH13" s="259">
        <v>0</v>
      </c>
      <c r="DI13" s="253">
        <v>0</v>
      </c>
      <c r="DJ13" s="257">
        <v>0</v>
      </c>
      <c r="DK13" s="254">
        <v>0</v>
      </c>
      <c r="DL13" s="256">
        <v>0</v>
      </c>
      <c r="DM13" s="257">
        <v>0</v>
      </c>
      <c r="DN13" s="257">
        <v>0</v>
      </c>
      <c r="DO13" s="257">
        <v>0</v>
      </c>
      <c r="DP13" s="257">
        <v>0</v>
      </c>
      <c r="DQ13" s="257">
        <v>0</v>
      </c>
      <c r="DR13" s="254">
        <v>0</v>
      </c>
      <c r="DS13" s="259">
        <v>0</v>
      </c>
      <c r="DT13" s="253">
        <v>951</v>
      </c>
      <c r="DU13" s="257">
        <v>1237</v>
      </c>
      <c r="DV13" s="254">
        <v>2188</v>
      </c>
      <c r="DW13" s="256">
        <v>0</v>
      </c>
      <c r="DX13" s="257">
        <v>1972</v>
      </c>
      <c r="DY13" s="257">
        <v>1610</v>
      </c>
      <c r="DZ13" s="257">
        <v>1008</v>
      </c>
      <c r="EA13" s="257">
        <v>872</v>
      </c>
      <c r="EB13" s="257">
        <v>601</v>
      </c>
      <c r="EC13" s="254">
        <v>6063</v>
      </c>
      <c r="ED13" s="259">
        <v>8251</v>
      </c>
      <c r="EE13" s="253">
        <v>76</v>
      </c>
      <c r="EF13" s="257">
        <v>66</v>
      </c>
      <c r="EG13" s="254">
        <v>142</v>
      </c>
      <c r="EH13" s="256">
        <v>0</v>
      </c>
      <c r="EI13" s="257">
        <v>294</v>
      </c>
      <c r="EJ13" s="257">
        <v>240</v>
      </c>
      <c r="EK13" s="257">
        <v>223</v>
      </c>
      <c r="EL13" s="257">
        <v>234</v>
      </c>
      <c r="EM13" s="257">
        <v>145</v>
      </c>
      <c r="EN13" s="254">
        <v>1136</v>
      </c>
      <c r="EO13" s="259">
        <v>1278</v>
      </c>
      <c r="EP13" s="253">
        <v>1164</v>
      </c>
      <c r="EQ13" s="257">
        <v>1490</v>
      </c>
      <c r="ER13" s="254">
        <v>2654</v>
      </c>
      <c r="ES13" s="256">
        <v>0</v>
      </c>
      <c r="ET13" s="257">
        <v>3649</v>
      </c>
      <c r="EU13" s="257">
        <v>2036</v>
      </c>
      <c r="EV13" s="257">
        <v>1153</v>
      </c>
      <c r="EW13" s="257">
        <v>872</v>
      </c>
      <c r="EX13" s="257">
        <v>577</v>
      </c>
      <c r="EY13" s="254">
        <v>8287</v>
      </c>
      <c r="EZ13" s="259">
        <v>10941</v>
      </c>
    </row>
    <row r="14" spans="2:156" ht="21" customHeight="1" x14ac:dyDescent="0.2">
      <c r="B14" s="437" t="s">
        <v>11</v>
      </c>
      <c r="C14" s="253">
        <v>0</v>
      </c>
      <c r="D14" s="257">
        <v>0</v>
      </c>
      <c r="E14" s="340">
        <v>0</v>
      </c>
      <c r="F14" s="256">
        <v>0</v>
      </c>
      <c r="G14" s="257">
        <v>513</v>
      </c>
      <c r="H14" s="257">
        <v>358</v>
      </c>
      <c r="I14" s="257">
        <v>250</v>
      </c>
      <c r="J14" s="257">
        <v>253</v>
      </c>
      <c r="K14" s="257">
        <v>169</v>
      </c>
      <c r="L14" s="258">
        <v>1543</v>
      </c>
      <c r="M14" s="259">
        <v>1543</v>
      </c>
      <c r="N14" s="253">
        <v>0</v>
      </c>
      <c r="O14" s="257">
        <v>0</v>
      </c>
      <c r="P14" s="254">
        <v>0</v>
      </c>
      <c r="Q14" s="256">
        <v>0</v>
      </c>
      <c r="R14" s="257">
        <v>5</v>
      </c>
      <c r="S14" s="257">
        <v>6</v>
      </c>
      <c r="T14" s="257">
        <v>24</v>
      </c>
      <c r="U14" s="257">
        <v>60</v>
      </c>
      <c r="V14" s="257">
        <v>63</v>
      </c>
      <c r="W14" s="254">
        <v>158</v>
      </c>
      <c r="X14" s="259">
        <v>158</v>
      </c>
      <c r="Y14" s="253">
        <v>48</v>
      </c>
      <c r="Z14" s="257">
        <v>62</v>
      </c>
      <c r="AA14" s="254">
        <v>110</v>
      </c>
      <c r="AB14" s="256">
        <v>0</v>
      </c>
      <c r="AC14" s="257">
        <v>340</v>
      </c>
      <c r="AD14" s="257">
        <v>236</v>
      </c>
      <c r="AE14" s="257">
        <v>201</v>
      </c>
      <c r="AF14" s="257">
        <v>225</v>
      </c>
      <c r="AG14" s="257">
        <v>145</v>
      </c>
      <c r="AH14" s="254">
        <v>1147</v>
      </c>
      <c r="AI14" s="259">
        <v>1257</v>
      </c>
      <c r="AJ14" s="253">
        <v>4</v>
      </c>
      <c r="AK14" s="257">
        <v>6</v>
      </c>
      <c r="AL14" s="254">
        <v>10</v>
      </c>
      <c r="AM14" s="256">
        <v>0</v>
      </c>
      <c r="AN14" s="257">
        <v>21</v>
      </c>
      <c r="AO14" s="257">
        <v>31</v>
      </c>
      <c r="AP14" s="257">
        <v>25</v>
      </c>
      <c r="AQ14" s="257">
        <v>26</v>
      </c>
      <c r="AR14" s="257">
        <v>6</v>
      </c>
      <c r="AS14" s="254">
        <v>109</v>
      </c>
      <c r="AT14" s="259">
        <v>119</v>
      </c>
      <c r="AU14" s="253">
        <v>50</v>
      </c>
      <c r="AV14" s="257">
        <v>47</v>
      </c>
      <c r="AW14" s="254">
        <v>97</v>
      </c>
      <c r="AX14" s="256">
        <v>0</v>
      </c>
      <c r="AY14" s="257">
        <v>442</v>
      </c>
      <c r="AZ14" s="257">
        <v>479</v>
      </c>
      <c r="BA14" s="257">
        <v>437</v>
      </c>
      <c r="BB14" s="257">
        <v>476</v>
      </c>
      <c r="BC14" s="257">
        <v>296</v>
      </c>
      <c r="BD14" s="258">
        <v>2130</v>
      </c>
      <c r="BE14" s="259">
        <v>2227</v>
      </c>
      <c r="BF14" s="253">
        <v>0</v>
      </c>
      <c r="BG14" s="257">
        <v>0</v>
      </c>
      <c r="BH14" s="254">
        <v>0</v>
      </c>
      <c r="BI14" s="256">
        <v>0</v>
      </c>
      <c r="BJ14" s="257">
        <v>691</v>
      </c>
      <c r="BK14" s="257">
        <v>416</v>
      </c>
      <c r="BL14" s="257">
        <v>272</v>
      </c>
      <c r="BM14" s="257">
        <v>199</v>
      </c>
      <c r="BN14" s="257">
        <v>83</v>
      </c>
      <c r="BO14" s="254">
        <v>1661</v>
      </c>
      <c r="BP14" s="259">
        <v>1661</v>
      </c>
      <c r="BQ14" s="253">
        <v>88</v>
      </c>
      <c r="BR14" s="257">
        <v>58</v>
      </c>
      <c r="BS14" s="254">
        <v>146</v>
      </c>
      <c r="BT14" s="256">
        <v>0</v>
      </c>
      <c r="BU14" s="257">
        <v>208</v>
      </c>
      <c r="BV14" s="257">
        <v>131</v>
      </c>
      <c r="BW14" s="257">
        <v>78</v>
      </c>
      <c r="BX14" s="257">
        <v>65</v>
      </c>
      <c r="BY14" s="257">
        <v>23</v>
      </c>
      <c r="BZ14" s="254">
        <v>505</v>
      </c>
      <c r="CA14" s="259">
        <v>651</v>
      </c>
      <c r="CB14" s="253">
        <v>7</v>
      </c>
      <c r="CC14" s="257">
        <v>6</v>
      </c>
      <c r="CD14" s="254">
        <v>13</v>
      </c>
      <c r="CE14" s="256">
        <v>0</v>
      </c>
      <c r="CF14" s="257">
        <v>79</v>
      </c>
      <c r="CG14" s="257">
        <v>62</v>
      </c>
      <c r="CH14" s="257">
        <v>102</v>
      </c>
      <c r="CI14" s="257">
        <v>82</v>
      </c>
      <c r="CJ14" s="257">
        <v>41</v>
      </c>
      <c r="CK14" s="254">
        <v>366</v>
      </c>
      <c r="CL14" s="259">
        <v>379</v>
      </c>
      <c r="CM14" s="253">
        <v>0</v>
      </c>
      <c r="CN14" s="257">
        <v>1</v>
      </c>
      <c r="CO14" s="254">
        <v>1</v>
      </c>
      <c r="CP14" s="256">
        <v>0</v>
      </c>
      <c r="CQ14" s="257">
        <v>8</v>
      </c>
      <c r="CR14" s="257">
        <v>4</v>
      </c>
      <c r="CS14" s="257">
        <v>7</v>
      </c>
      <c r="CT14" s="257">
        <v>5</v>
      </c>
      <c r="CU14" s="257">
        <v>8</v>
      </c>
      <c r="CV14" s="254">
        <v>32</v>
      </c>
      <c r="CW14" s="259">
        <v>33</v>
      </c>
      <c r="CX14" s="253">
        <v>0</v>
      </c>
      <c r="CY14" s="257">
        <v>0</v>
      </c>
      <c r="CZ14" s="254">
        <v>0</v>
      </c>
      <c r="DA14" s="256">
        <v>0</v>
      </c>
      <c r="DB14" s="257">
        <v>0</v>
      </c>
      <c r="DC14" s="257">
        <v>0</v>
      </c>
      <c r="DD14" s="257">
        <v>0</v>
      </c>
      <c r="DE14" s="257">
        <v>0</v>
      </c>
      <c r="DF14" s="257">
        <v>0</v>
      </c>
      <c r="DG14" s="254">
        <v>0</v>
      </c>
      <c r="DH14" s="259">
        <v>0</v>
      </c>
      <c r="DI14" s="253">
        <v>0</v>
      </c>
      <c r="DJ14" s="257">
        <v>0</v>
      </c>
      <c r="DK14" s="254">
        <v>0</v>
      </c>
      <c r="DL14" s="256">
        <v>0</v>
      </c>
      <c r="DM14" s="257">
        <v>0</v>
      </c>
      <c r="DN14" s="257">
        <v>0</v>
      </c>
      <c r="DO14" s="257">
        <v>0</v>
      </c>
      <c r="DP14" s="257">
        <v>0</v>
      </c>
      <c r="DQ14" s="257">
        <v>0</v>
      </c>
      <c r="DR14" s="254">
        <v>0</v>
      </c>
      <c r="DS14" s="259">
        <v>0</v>
      </c>
      <c r="DT14" s="253">
        <v>399</v>
      </c>
      <c r="DU14" s="257">
        <v>494</v>
      </c>
      <c r="DV14" s="254">
        <v>893</v>
      </c>
      <c r="DW14" s="256">
        <v>0</v>
      </c>
      <c r="DX14" s="257">
        <v>1007</v>
      </c>
      <c r="DY14" s="257">
        <v>861</v>
      </c>
      <c r="DZ14" s="257">
        <v>635</v>
      </c>
      <c r="EA14" s="257">
        <v>541</v>
      </c>
      <c r="EB14" s="257">
        <v>275</v>
      </c>
      <c r="EC14" s="254">
        <v>3319</v>
      </c>
      <c r="ED14" s="259">
        <v>4212</v>
      </c>
      <c r="EE14" s="253">
        <v>39</v>
      </c>
      <c r="EF14" s="257">
        <v>22</v>
      </c>
      <c r="EG14" s="254">
        <v>61</v>
      </c>
      <c r="EH14" s="256">
        <v>0</v>
      </c>
      <c r="EI14" s="257">
        <v>183</v>
      </c>
      <c r="EJ14" s="257">
        <v>150</v>
      </c>
      <c r="EK14" s="257">
        <v>116</v>
      </c>
      <c r="EL14" s="257">
        <v>155</v>
      </c>
      <c r="EM14" s="257">
        <v>70</v>
      </c>
      <c r="EN14" s="254">
        <v>674</v>
      </c>
      <c r="EO14" s="259">
        <v>735</v>
      </c>
      <c r="EP14" s="253">
        <v>508</v>
      </c>
      <c r="EQ14" s="257">
        <v>569</v>
      </c>
      <c r="ER14" s="254">
        <v>1077</v>
      </c>
      <c r="ES14" s="256">
        <v>0</v>
      </c>
      <c r="ET14" s="257">
        <v>1863</v>
      </c>
      <c r="EU14" s="257">
        <v>1101</v>
      </c>
      <c r="EV14" s="257">
        <v>735</v>
      </c>
      <c r="EW14" s="257">
        <v>575</v>
      </c>
      <c r="EX14" s="257">
        <v>288</v>
      </c>
      <c r="EY14" s="254">
        <v>4562</v>
      </c>
      <c r="EZ14" s="259">
        <v>5639</v>
      </c>
    </row>
    <row r="15" spans="2:156" ht="21" customHeight="1" x14ac:dyDescent="0.2">
      <c r="B15" s="437" t="s">
        <v>12</v>
      </c>
      <c r="C15" s="253">
        <v>0</v>
      </c>
      <c r="D15" s="257">
        <v>0</v>
      </c>
      <c r="E15" s="340">
        <v>0</v>
      </c>
      <c r="F15" s="256">
        <v>0</v>
      </c>
      <c r="G15" s="257">
        <v>508</v>
      </c>
      <c r="H15" s="257">
        <v>496</v>
      </c>
      <c r="I15" s="257">
        <v>307</v>
      </c>
      <c r="J15" s="257">
        <v>274</v>
      </c>
      <c r="K15" s="257">
        <v>231</v>
      </c>
      <c r="L15" s="258">
        <v>1816</v>
      </c>
      <c r="M15" s="259">
        <v>1816</v>
      </c>
      <c r="N15" s="253">
        <v>0</v>
      </c>
      <c r="O15" s="257">
        <v>5</v>
      </c>
      <c r="P15" s="254">
        <v>5</v>
      </c>
      <c r="Q15" s="256">
        <v>0</v>
      </c>
      <c r="R15" s="257">
        <v>3</v>
      </c>
      <c r="S15" s="257">
        <v>17</v>
      </c>
      <c r="T15" s="257">
        <v>21</v>
      </c>
      <c r="U15" s="257">
        <v>64</v>
      </c>
      <c r="V15" s="257">
        <v>87</v>
      </c>
      <c r="W15" s="254">
        <v>192</v>
      </c>
      <c r="X15" s="259">
        <v>197</v>
      </c>
      <c r="Y15" s="253">
        <v>126</v>
      </c>
      <c r="Z15" s="257">
        <v>299</v>
      </c>
      <c r="AA15" s="254">
        <v>425</v>
      </c>
      <c r="AB15" s="256">
        <v>0</v>
      </c>
      <c r="AC15" s="257">
        <v>348</v>
      </c>
      <c r="AD15" s="257">
        <v>428</v>
      </c>
      <c r="AE15" s="257">
        <v>250</v>
      </c>
      <c r="AF15" s="257">
        <v>233</v>
      </c>
      <c r="AG15" s="257">
        <v>188</v>
      </c>
      <c r="AH15" s="254">
        <v>1447</v>
      </c>
      <c r="AI15" s="259">
        <v>1872</v>
      </c>
      <c r="AJ15" s="253">
        <v>7</v>
      </c>
      <c r="AK15" s="257">
        <v>31</v>
      </c>
      <c r="AL15" s="254">
        <v>38</v>
      </c>
      <c r="AM15" s="256">
        <v>0</v>
      </c>
      <c r="AN15" s="257">
        <v>12</v>
      </c>
      <c r="AO15" s="257">
        <v>38</v>
      </c>
      <c r="AP15" s="257">
        <v>26</v>
      </c>
      <c r="AQ15" s="257">
        <v>22</v>
      </c>
      <c r="AR15" s="257">
        <v>17</v>
      </c>
      <c r="AS15" s="254">
        <v>115</v>
      </c>
      <c r="AT15" s="259">
        <v>153</v>
      </c>
      <c r="AU15" s="253">
        <v>78</v>
      </c>
      <c r="AV15" s="257">
        <v>130</v>
      </c>
      <c r="AW15" s="254">
        <v>208</v>
      </c>
      <c r="AX15" s="256">
        <v>0</v>
      </c>
      <c r="AY15" s="257">
        <v>350</v>
      </c>
      <c r="AZ15" s="257">
        <v>407</v>
      </c>
      <c r="BA15" s="257">
        <v>384</v>
      </c>
      <c r="BB15" s="257">
        <v>442</v>
      </c>
      <c r="BC15" s="257">
        <v>349</v>
      </c>
      <c r="BD15" s="258">
        <v>1932</v>
      </c>
      <c r="BE15" s="259">
        <v>2140</v>
      </c>
      <c r="BF15" s="253">
        <v>0</v>
      </c>
      <c r="BG15" s="257">
        <v>0</v>
      </c>
      <c r="BH15" s="254">
        <v>0</v>
      </c>
      <c r="BI15" s="256">
        <v>0</v>
      </c>
      <c r="BJ15" s="257">
        <v>652</v>
      </c>
      <c r="BK15" s="257">
        <v>465</v>
      </c>
      <c r="BL15" s="257">
        <v>289</v>
      </c>
      <c r="BM15" s="257">
        <v>198</v>
      </c>
      <c r="BN15" s="257">
        <v>96</v>
      </c>
      <c r="BO15" s="254">
        <v>1700</v>
      </c>
      <c r="BP15" s="259">
        <v>1700</v>
      </c>
      <c r="BQ15" s="253">
        <v>109</v>
      </c>
      <c r="BR15" s="257">
        <v>131</v>
      </c>
      <c r="BS15" s="254">
        <v>240</v>
      </c>
      <c r="BT15" s="256">
        <v>0</v>
      </c>
      <c r="BU15" s="257">
        <v>130</v>
      </c>
      <c r="BV15" s="257">
        <v>177</v>
      </c>
      <c r="BW15" s="257">
        <v>122</v>
      </c>
      <c r="BX15" s="257">
        <v>75</v>
      </c>
      <c r="BY15" s="257">
        <v>24</v>
      </c>
      <c r="BZ15" s="254">
        <v>528</v>
      </c>
      <c r="CA15" s="259">
        <v>768</v>
      </c>
      <c r="CB15" s="253">
        <v>5</v>
      </c>
      <c r="CC15" s="257">
        <v>14</v>
      </c>
      <c r="CD15" s="254">
        <v>19</v>
      </c>
      <c r="CE15" s="256">
        <v>0</v>
      </c>
      <c r="CF15" s="257">
        <v>92</v>
      </c>
      <c r="CG15" s="257">
        <v>115</v>
      </c>
      <c r="CH15" s="257">
        <v>127</v>
      </c>
      <c r="CI15" s="257">
        <v>103</v>
      </c>
      <c r="CJ15" s="257">
        <v>52</v>
      </c>
      <c r="CK15" s="254">
        <v>489</v>
      </c>
      <c r="CL15" s="259">
        <v>508</v>
      </c>
      <c r="CM15" s="253">
        <v>0</v>
      </c>
      <c r="CN15" s="257">
        <v>0</v>
      </c>
      <c r="CO15" s="254">
        <v>0</v>
      </c>
      <c r="CP15" s="256">
        <v>0</v>
      </c>
      <c r="CQ15" s="257">
        <v>4</v>
      </c>
      <c r="CR15" s="257">
        <v>3</v>
      </c>
      <c r="CS15" s="257">
        <v>4</v>
      </c>
      <c r="CT15" s="257">
        <v>3</v>
      </c>
      <c r="CU15" s="257">
        <v>3</v>
      </c>
      <c r="CV15" s="254">
        <v>17</v>
      </c>
      <c r="CW15" s="259">
        <v>17</v>
      </c>
      <c r="CX15" s="253">
        <v>0</v>
      </c>
      <c r="CY15" s="257">
        <v>0</v>
      </c>
      <c r="CZ15" s="254">
        <v>0</v>
      </c>
      <c r="DA15" s="256">
        <v>0</v>
      </c>
      <c r="DB15" s="257">
        <v>0</v>
      </c>
      <c r="DC15" s="257">
        <v>0</v>
      </c>
      <c r="DD15" s="257">
        <v>0</v>
      </c>
      <c r="DE15" s="257">
        <v>0</v>
      </c>
      <c r="DF15" s="257">
        <v>0</v>
      </c>
      <c r="DG15" s="254">
        <v>0</v>
      </c>
      <c r="DH15" s="259">
        <v>0</v>
      </c>
      <c r="DI15" s="253">
        <v>0</v>
      </c>
      <c r="DJ15" s="257">
        <v>0</v>
      </c>
      <c r="DK15" s="254">
        <v>0</v>
      </c>
      <c r="DL15" s="256">
        <v>0</v>
      </c>
      <c r="DM15" s="257">
        <v>0</v>
      </c>
      <c r="DN15" s="257">
        <v>0</v>
      </c>
      <c r="DO15" s="257">
        <v>0</v>
      </c>
      <c r="DP15" s="257">
        <v>0</v>
      </c>
      <c r="DQ15" s="257">
        <v>0</v>
      </c>
      <c r="DR15" s="254">
        <v>0</v>
      </c>
      <c r="DS15" s="259">
        <v>0</v>
      </c>
      <c r="DT15" s="253">
        <v>491</v>
      </c>
      <c r="DU15" s="257">
        <v>899</v>
      </c>
      <c r="DV15" s="254">
        <v>1390</v>
      </c>
      <c r="DW15" s="256">
        <v>0</v>
      </c>
      <c r="DX15" s="257">
        <v>630</v>
      </c>
      <c r="DY15" s="257">
        <v>1066</v>
      </c>
      <c r="DZ15" s="257">
        <v>673</v>
      </c>
      <c r="EA15" s="257">
        <v>601</v>
      </c>
      <c r="EB15" s="257">
        <v>376</v>
      </c>
      <c r="EC15" s="254">
        <v>3346</v>
      </c>
      <c r="ED15" s="259">
        <v>4736</v>
      </c>
      <c r="EE15" s="253">
        <v>41</v>
      </c>
      <c r="EF15" s="257">
        <v>40</v>
      </c>
      <c r="EG15" s="254">
        <v>81</v>
      </c>
      <c r="EH15" s="256">
        <v>0</v>
      </c>
      <c r="EI15" s="257">
        <v>131</v>
      </c>
      <c r="EJ15" s="257">
        <v>108</v>
      </c>
      <c r="EK15" s="257">
        <v>111</v>
      </c>
      <c r="EL15" s="257">
        <v>142</v>
      </c>
      <c r="EM15" s="257">
        <v>72</v>
      </c>
      <c r="EN15" s="254">
        <v>564</v>
      </c>
      <c r="EO15" s="259">
        <v>645</v>
      </c>
      <c r="EP15" s="253">
        <v>670</v>
      </c>
      <c r="EQ15" s="257">
        <v>1095</v>
      </c>
      <c r="ER15" s="254">
        <v>1765</v>
      </c>
      <c r="ES15" s="256">
        <v>0</v>
      </c>
      <c r="ET15" s="257">
        <v>1554</v>
      </c>
      <c r="EU15" s="257">
        <v>1325</v>
      </c>
      <c r="EV15" s="257">
        <v>759</v>
      </c>
      <c r="EW15" s="257">
        <v>616</v>
      </c>
      <c r="EX15" s="257">
        <v>353</v>
      </c>
      <c r="EY15" s="254">
        <v>4607</v>
      </c>
      <c r="EZ15" s="259">
        <v>6372</v>
      </c>
    </row>
    <row r="16" spans="2:156" ht="21" customHeight="1" x14ac:dyDescent="0.2">
      <c r="B16" s="437" t="s">
        <v>13</v>
      </c>
      <c r="C16" s="253">
        <v>0</v>
      </c>
      <c r="D16" s="257">
        <v>0</v>
      </c>
      <c r="E16" s="340">
        <v>0</v>
      </c>
      <c r="F16" s="256">
        <v>0</v>
      </c>
      <c r="G16" s="257">
        <v>236</v>
      </c>
      <c r="H16" s="257">
        <v>235</v>
      </c>
      <c r="I16" s="257">
        <v>142</v>
      </c>
      <c r="J16" s="257">
        <v>94</v>
      </c>
      <c r="K16" s="257">
        <v>111</v>
      </c>
      <c r="L16" s="258">
        <v>818</v>
      </c>
      <c r="M16" s="259">
        <v>818</v>
      </c>
      <c r="N16" s="253">
        <v>0</v>
      </c>
      <c r="O16" s="257">
        <v>0</v>
      </c>
      <c r="P16" s="254">
        <v>0</v>
      </c>
      <c r="Q16" s="256">
        <v>0</v>
      </c>
      <c r="R16" s="257">
        <v>1</v>
      </c>
      <c r="S16" s="257">
        <v>1</v>
      </c>
      <c r="T16" s="257">
        <v>5</v>
      </c>
      <c r="U16" s="257">
        <v>14</v>
      </c>
      <c r="V16" s="257">
        <v>41</v>
      </c>
      <c r="W16" s="254">
        <v>62</v>
      </c>
      <c r="X16" s="259">
        <v>62</v>
      </c>
      <c r="Y16" s="253">
        <v>10</v>
      </c>
      <c r="Z16" s="257">
        <v>25</v>
      </c>
      <c r="AA16" s="254">
        <v>35</v>
      </c>
      <c r="AB16" s="256">
        <v>0</v>
      </c>
      <c r="AC16" s="257">
        <v>120</v>
      </c>
      <c r="AD16" s="257">
        <v>164</v>
      </c>
      <c r="AE16" s="257">
        <v>96</v>
      </c>
      <c r="AF16" s="257">
        <v>82</v>
      </c>
      <c r="AG16" s="257">
        <v>77</v>
      </c>
      <c r="AH16" s="254">
        <v>539</v>
      </c>
      <c r="AI16" s="259">
        <v>574</v>
      </c>
      <c r="AJ16" s="253">
        <v>1</v>
      </c>
      <c r="AK16" s="257">
        <v>5</v>
      </c>
      <c r="AL16" s="254">
        <v>6</v>
      </c>
      <c r="AM16" s="256">
        <v>0</v>
      </c>
      <c r="AN16" s="257">
        <v>20</v>
      </c>
      <c r="AO16" s="257">
        <v>20</v>
      </c>
      <c r="AP16" s="257">
        <v>13</v>
      </c>
      <c r="AQ16" s="257">
        <v>11</v>
      </c>
      <c r="AR16" s="257">
        <v>9</v>
      </c>
      <c r="AS16" s="254">
        <v>73</v>
      </c>
      <c r="AT16" s="259">
        <v>79</v>
      </c>
      <c r="AU16" s="253">
        <v>27</v>
      </c>
      <c r="AV16" s="257">
        <v>21</v>
      </c>
      <c r="AW16" s="254">
        <v>48</v>
      </c>
      <c r="AX16" s="256">
        <v>0</v>
      </c>
      <c r="AY16" s="257">
        <v>201</v>
      </c>
      <c r="AZ16" s="257">
        <v>229</v>
      </c>
      <c r="BA16" s="257">
        <v>203</v>
      </c>
      <c r="BB16" s="257">
        <v>183</v>
      </c>
      <c r="BC16" s="257">
        <v>181</v>
      </c>
      <c r="BD16" s="258">
        <v>997</v>
      </c>
      <c r="BE16" s="259">
        <v>1045</v>
      </c>
      <c r="BF16" s="253">
        <v>0</v>
      </c>
      <c r="BG16" s="257">
        <v>0</v>
      </c>
      <c r="BH16" s="254">
        <v>0</v>
      </c>
      <c r="BI16" s="256">
        <v>0</v>
      </c>
      <c r="BJ16" s="257">
        <v>180</v>
      </c>
      <c r="BK16" s="257">
        <v>205</v>
      </c>
      <c r="BL16" s="257">
        <v>102</v>
      </c>
      <c r="BM16" s="257">
        <v>57</v>
      </c>
      <c r="BN16" s="257">
        <v>33</v>
      </c>
      <c r="BO16" s="254">
        <v>577</v>
      </c>
      <c r="BP16" s="259">
        <v>577</v>
      </c>
      <c r="BQ16" s="253">
        <v>10</v>
      </c>
      <c r="BR16" s="257">
        <v>21</v>
      </c>
      <c r="BS16" s="254">
        <v>31</v>
      </c>
      <c r="BT16" s="256">
        <v>0</v>
      </c>
      <c r="BU16" s="257">
        <v>42</v>
      </c>
      <c r="BV16" s="257">
        <v>37</v>
      </c>
      <c r="BW16" s="257">
        <v>26</v>
      </c>
      <c r="BX16" s="257">
        <v>25</v>
      </c>
      <c r="BY16" s="257">
        <v>16</v>
      </c>
      <c r="BZ16" s="254">
        <v>146</v>
      </c>
      <c r="CA16" s="259">
        <v>177</v>
      </c>
      <c r="CB16" s="253">
        <v>0</v>
      </c>
      <c r="CC16" s="257">
        <v>1</v>
      </c>
      <c r="CD16" s="254">
        <v>1</v>
      </c>
      <c r="CE16" s="256">
        <v>0</v>
      </c>
      <c r="CF16" s="257">
        <v>14</v>
      </c>
      <c r="CG16" s="257">
        <v>32</v>
      </c>
      <c r="CH16" s="257">
        <v>50</v>
      </c>
      <c r="CI16" s="257">
        <v>36</v>
      </c>
      <c r="CJ16" s="257">
        <v>25</v>
      </c>
      <c r="CK16" s="254">
        <v>157</v>
      </c>
      <c r="CL16" s="259">
        <v>158</v>
      </c>
      <c r="CM16" s="253">
        <v>0</v>
      </c>
      <c r="CN16" s="257">
        <v>0</v>
      </c>
      <c r="CO16" s="254">
        <v>0</v>
      </c>
      <c r="CP16" s="256">
        <v>0</v>
      </c>
      <c r="CQ16" s="257">
        <v>2</v>
      </c>
      <c r="CR16" s="257">
        <v>6</v>
      </c>
      <c r="CS16" s="257">
        <v>2</v>
      </c>
      <c r="CT16" s="257">
        <v>5</v>
      </c>
      <c r="CU16" s="257">
        <v>2</v>
      </c>
      <c r="CV16" s="254">
        <v>17</v>
      </c>
      <c r="CW16" s="259">
        <v>17</v>
      </c>
      <c r="CX16" s="253">
        <v>0</v>
      </c>
      <c r="CY16" s="257">
        <v>0</v>
      </c>
      <c r="CZ16" s="254">
        <v>0</v>
      </c>
      <c r="DA16" s="256">
        <v>0</v>
      </c>
      <c r="DB16" s="257">
        <v>0</v>
      </c>
      <c r="DC16" s="257">
        <v>0</v>
      </c>
      <c r="DD16" s="257">
        <v>0</v>
      </c>
      <c r="DE16" s="257">
        <v>0</v>
      </c>
      <c r="DF16" s="257">
        <v>0</v>
      </c>
      <c r="DG16" s="254">
        <v>0</v>
      </c>
      <c r="DH16" s="259">
        <v>0</v>
      </c>
      <c r="DI16" s="253">
        <v>0</v>
      </c>
      <c r="DJ16" s="257">
        <v>0</v>
      </c>
      <c r="DK16" s="254">
        <v>0</v>
      </c>
      <c r="DL16" s="256">
        <v>0</v>
      </c>
      <c r="DM16" s="257">
        <v>0</v>
      </c>
      <c r="DN16" s="257">
        <v>0</v>
      </c>
      <c r="DO16" s="257">
        <v>0</v>
      </c>
      <c r="DP16" s="257">
        <v>0</v>
      </c>
      <c r="DQ16" s="257">
        <v>0</v>
      </c>
      <c r="DR16" s="254">
        <v>0</v>
      </c>
      <c r="DS16" s="259">
        <v>0</v>
      </c>
      <c r="DT16" s="253">
        <v>57</v>
      </c>
      <c r="DU16" s="257">
        <v>121</v>
      </c>
      <c r="DV16" s="254">
        <v>178</v>
      </c>
      <c r="DW16" s="256">
        <v>0</v>
      </c>
      <c r="DX16" s="257">
        <v>217</v>
      </c>
      <c r="DY16" s="257">
        <v>344</v>
      </c>
      <c r="DZ16" s="257">
        <v>203</v>
      </c>
      <c r="EA16" s="257">
        <v>155</v>
      </c>
      <c r="EB16" s="257">
        <v>125</v>
      </c>
      <c r="EC16" s="254">
        <v>1044</v>
      </c>
      <c r="ED16" s="259">
        <v>1222</v>
      </c>
      <c r="EE16" s="253">
        <v>18</v>
      </c>
      <c r="EF16" s="257">
        <v>11</v>
      </c>
      <c r="EG16" s="254">
        <v>29</v>
      </c>
      <c r="EH16" s="256">
        <v>0</v>
      </c>
      <c r="EI16" s="257">
        <v>78</v>
      </c>
      <c r="EJ16" s="257">
        <v>71</v>
      </c>
      <c r="EK16" s="257">
        <v>67</v>
      </c>
      <c r="EL16" s="257">
        <v>72</v>
      </c>
      <c r="EM16" s="257">
        <v>41</v>
      </c>
      <c r="EN16" s="254">
        <v>329</v>
      </c>
      <c r="EO16" s="259">
        <v>358</v>
      </c>
      <c r="EP16" s="253">
        <v>97</v>
      </c>
      <c r="EQ16" s="257">
        <v>194</v>
      </c>
      <c r="ER16" s="254">
        <v>291</v>
      </c>
      <c r="ES16" s="256">
        <v>0</v>
      </c>
      <c r="ET16" s="257">
        <v>583</v>
      </c>
      <c r="EU16" s="257">
        <v>589</v>
      </c>
      <c r="EV16" s="257">
        <v>316</v>
      </c>
      <c r="EW16" s="257">
        <v>199</v>
      </c>
      <c r="EX16" s="257">
        <v>163</v>
      </c>
      <c r="EY16" s="254">
        <v>1850</v>
      </c>
      <c r="EZ16" s="259">
        <v>2141</v>
      </c>
    </row>
    <row r="17" spans="2:156" ht="21" customHeight="1" x14ac:dyDescent="0.2">
      <c r="B17" s="437" t="s">
        <v>15</v>
      </c>
      <c r="C17" s="253">
        <v>0</v>
      </c>
      <c r="D17" s="257">
        <v>0</v>
      </c>
      <c r="E17" s="340">
        <v>0</v>
      </c>
      <c r="F17" s="256">
        <v>0</v>
      </c>
      <c r="G17" s="257">
        <v>133</v>
      </c>
      <c r="H17" s="257">
        <v>168</v>
      </c>
      <c r="I17" s="257">
        <v>88</v>
      </c>
      <c r="J17" s="257">
        <v>49</v>
      </c>
      <c r="K17" s="257">
        <v>41</v>
      </c>
      <c r="L17" s="258">
        <v>479</v>
      </c>
      <c r="M17" s="259">
        <v>479</v>
      </c>
      <c r="N17" s="253">
        <v>0</v>
      </c>
      <c r="O17" s="257">
        <v>0</v>
      </c>
      <c r="P17" s="254">
        <v>0</v>
      </c>
      <c r="Q17" s="256">
        <v>0</v>
      </c>
      <c r="R17" s="257">
        <v>0</v>
      </c>
      <c r="S17" s="257">
        <v>5</v>
      </c>
      <c r="T17" s="257">
        <v>7</v>
      </c>
      <c r="U17" s="257">
        <v>16</v>
      </c>
      <c r="V17" s="257">
        <v>23</v>
      </c>
      <c r="W17" s="254">
        <v>51</v>
      </c>
      <c r="X17" s="259">
        <v>51</v>
      </c>
      <c r="Y17" s="253">
        <v>7</v>
      </c>
      <c r="Z17" s="257">
        <v>18</v>
      </c>
      <c r="AA17" s="254">
        <v>25</v>
      </c>
      <c r="AB17" s="256">
        <v>0</v>
      </c>
      <c r="AC17" s="257">
        <v>65</v>
      </c>
      <c r="AD17" s="257">
        <v>85</v>
      </c>
      <c r="AE17" s="257">
        <v>46</v>
      </c>
      <c r="AF17" s="257">
        <v>34</v>
      </c>
      <c r="AG17" s="257">
        <v>35</v>
      </c>
      <c r="AH17" s="254">
        <v>265</v>
      </c>
      <c r="AI17" s="259">
        <v>290</v>
      </c>
      <c r="AJ17" s="253">
        <v>0</v>
      </c>
      <c r="AK17" s="257">
        <v>4</v>
      </c>
      <c r="AL17" s="254">
        <v>4</v>
      </c>
      <c r="AM17" s="256">
        <v>0</v>
      </c>
      <c r="AN17" s="257">
        <v>12</v>
      </c>
      <c r="AO17" s="257">
        <v>15</v>
      </c>
      <c r="AP17" s="257">
        <v>6</v>
      </c>
      <c r="AQ17" s="257">
        <v>4</v>
      </c>
      <c r="AR17" s="257">
        <v>4</v>
      </c>
      <c r="AS17" s="254">
        <v>41</v>
      </c>
      <c r="AT17" s="259">
        <v>45</v>
      </c>
      <c r="AU17" s="253">
        <v>12</v>
      </c>
      <c r="AV17" s="257">
        <v>16</v>
      </c>
      <c r="AW17" s="254">
        <v>28</v>
      </c>
      <c r="AX17" s="256">
        <v>0</v>
      </c>
      <c r="AY17" s="257">
        <v>118</v>
      </c>
      <c r="AZ17" s="257">
        <v>128</v>
      </c>
      <c r="BA17" s="257">
        <v>104</v>
      </c>
      <c r="BB17" s="257">
        <v>104</v>
      </c>
      <c r="BC17" s="257">
        <v>75</v>
      </c>
      <c r="BD17" s="258">
        <v>529</v>
      </c>
      <c r="BE17" s="259">
        <v>557</v>
      </c>
      <c r="BF17" s="253">
        <v>0</v>
      </c>
      <c r="BG17" s="257">
        <v>0</v>
      </c>
      <c r="BH17" s="254">
        <v>0</v>
      </c>
      <c r="BI17" s="256">
        <v>0</v>
      </c>
      <c r="BJ17" s="257">
        <v>130</v>
      </c>
      <c r="BK17" s="257">
        <v>126</v>
      </c>
      <c r="BL17" s="257">
        <v>68</v>
      </c>
      <c r="BM17" s="257">
        <v>31</v>
      </c>
      <c r="BN17" s="257">
        <v>11</v>
      </c>
      <c r="BO17" s="254">
        <v>366</v>
      </c>
      <c r="BP17" s="259">
        <v>366</v>
      </c>
      <c r="BQ17" s="253">
        <v>2</v>
      </c>
      <c r="BR17" s="257">
        <v>5</v>
      </c>
      <c r="BS17" s="254">
        <v>7</v>
      </c>
      <c r="BT17" s="256">
        <v>0</v>
      </c>
      <c r="BU17" s="257">
        <v>34</v>
      </c>
      <c r="BV17" s="257">
        <v>39</v>
      </c>
      <c r="BW17" s="257">
        <v>21</v>
      </c>
      <c r="BX17" s="257">
        <v>14</v>
      </c>
      <c r="BY17" s="257">
        <v>5</v>
      </c>
      <c r="BZ17" s="254">
        <v>113</v>
      </c>
      <c r="CA17" s="259">
        <v>120</v>
      </c>
      <c r="CB17" s="253">
        <v>0</v>
      </c>
      <c r="CC17" s="257">
        <v>1</v>
      </c>
      <c r="CD17" s="254">
        <v>1</v>
      </c>
      <c r="CE17" s="256">
        <v>0</v>
      </c>
      <c r="CF17" s="257">
        <v>19</v>
      </c>
      <c r="CG17" s="257">
        <v>29</v>
      </c>
      <c r="CH17" s="257">
        <v>53</v>
      </c>
      <c r="CI17" s="257">
        <v>33</v>
      </c>
      <c r="CJ17" s="257">
        <v>14</v>
      </c>
      <c r="CK17" s="254">
        <v>148</v>
      </c>
      <c r="CL17" s="259">
        <v>149</v>
      </c>
      <c r="CM17" s="253">
        <v>0</v>
      </c>
      <c r="CN17" s="257">
        <v>0</v>
      </c>
      <c r="CO17" s="254">
        <v>0</v>
      </c>
      <c r="CP17" s="256">
        <v>0</v>
      </c>
      <c r="CQ17" s="257">
        <v>1</v>
      </c>
      <c r="CR17" s="257">
        <v>6</v>
      </c>
      <c r="CS17" s="257">
        <v>3</v>
      </c>
      <c r="CT17" s="257">
        <v>2</v>
      </c>
      <c r="CU17" s="257">
        <v>0</v>
      </c>
      <c r="CV17" s="254">
        <v>12</v>
      </c>
      <c r="CW17" s="259">
        <v>12</v>
      </c>
      <c r="CX17" s="253">
        <v>0</v>
      </c>
      <c r="CY17" s="257">
        <v>0</v>
      </c>
      <c r="CZ17" s="254">
        <v>0</v>
      </c>
      <c r="DA17" s="256">
        <v>0</v>
      </c>
      <c r="DB17" s="257">
        <v>0</v>
      </c>
      <c r="DC17" s="257">
        <v>0</v>
      </c>
      <c r="DD17" s="257">
        <v>0</v>
      </c>
      <c r="DE17" s="257">
        <v>0</v>
      </c>
      <c r="DF17" s="257">
        <v>0</v>
      </c>
      <c r="DG17" s="254">
        <v>0</v>
      </c>
      <c r="DH17" s="259">
        <v>0</v>
      </c>
      <c r="DI17" s="253">
        <v>0</v>
      </c>
      <c r="DJ17" s="257">
        <v>0</v>
      </c>
      <c r="DK17" s="254">
        <v>0</v>
      </c>
      <c r="DL17" s="256">
        <v>0</v>
      </c>
      <c r="DM17" s="257">
        <v>0</v>
      </c>
      <c r="DN17" s="257">
        <v>0</v>
      </c>
      <c r="DO17" s="257">
        <v>0</v>
      </c>
      <c r="DP17" s="257">
        <v>0</v>
      </c>
      <c r="DQ17" s="257">
        <v>0</v>
      </c>
      <c r="DR17" s="254">
        <v>0</v>
      </c>
      <c r="DS17" s="259">
        <v>0</v>
      </c>
      <c r="DT17" s="253">
        <v>71</v>
      </c>
      <c r="DU17" s="257">
        <v>165</v>
      </c>
      <c r="DV17" s="254">
        <v>236</v>
      </c>
      <c r="DW17" s="256">
        <v>0</v>
      </c>
      <c r="DX17" s="257">
        <v>249</v>
      </c>
      <c r="DY17" s="257">
        <v>373</v>
      </c>
      <c r="DZ17" s="257">
        <v>182</v>
      </c>
      <c r="EA17" s="257">
        <v>110</v>
      </c>
      <c r="EB17" s="257">
        <v>69</v>
      </c>
      <c r="EC17" s="254">
        <v>983</v>
      </c>
      <c r="ED17" s="259">
        <v>1219</v>
      </c>
      <c r="EE17" s="253">
        <v>22</v>
      </c>
      <c r="EF17" s="257">
        <v>12</v>
      </c>
      <c r="EG17" s="254">
        <v>34</v>
      </c>
      <c r="EH17" s="256">
        <v>0</v>
      </c>
      <c r="EI17" s="257">
        <v>58</v>
      </c>
      <c r="EJ17" s="257">
        <v>32</v>
      </c>
      <c r="EK17" s="257">
        <v>32</v>
      </c>
      <c r="EL17" s="257">
        <v>38</v>
      </c>
      <c r="EM17" s="257">
        <v>19</v>
      </c>
      <c r="EN17" s="254">
        <v>179</v>
      </c>
      <c r="EO17" s="259">
        <v>213</v>
      </c>
      <c r="EP17" s="253">
        <v>79</v>
      </c>
      <c r="EQ17" s="257">
        <v>175</v>
      </c>
      <c r="ER17" s="254">
        <v>254</v>
      </c>
      <c r="ES17" s="256">
        <v>0</v>
      </c>
      <c r="ET17" s="257">
        <v>468</v>
      </c>
      <c r="EU17" s="257">
        <v>492</v>
      </c>
      <c r="EV17" s="257">
        <v>241</v>
      </c>
      <c r="EW17" s="257">
        <v>132</v>
      </c>
      <c r="EX17" s="257">
        <v>77</v>
      </c>
      <c r="EY17" s="254">
        <v>1410</v>
      </c>
      <c r="EZ17" s="259">
        <v>1664</v>
      </c>
    </row>
    <row r="18" spans="2:156" ht="21" customHeight="1" x14ac:dyDescent="0.2">
      <c r="B18" s="437" t="s">
        <v>16</v>
      </c>
      <c r="C18" s="253">
        <v>0</v>
      </c>
      <c r="D18" s="257">
        <v>0</v>
      </c>
      <c r="E18" s="340">
        <v>0</v>
      </c>
      <c r="F18" s="256">
        <v>0</v>
      </c>
      <c r="G18" s="257">
        <v>194</v>
      </c>
      <c r="H18" s="257">
        <v>316</v>
      </c>
      <c r="I18" s="257">
        <v>158</v>
      </c>
      <c r="J18" s="257">
        <v>145</v>
      </c>
      <c r="K18" s="257">
        <v>84</v>
      </c>
      <c r="L18" s="258">
        <v>897</v>
      </c>
      <c r="M18" s="259">
        <v>897</v>
      </c>
      <c r="N18" s="253">
        <v>0</v>
      </c>
      <c r="O18" s="257">
        <v>0</v>
      </c>
      <c r="P18" s="254">
        <v>0</v>
      </c>
      <c r="Q18" s="256">
        <v>0</v>
      </c>
      <c r="R18" s="257">
        <v>2</v>
      </c>
      <c r="S18" s="257">
        <v>7</v>
      </c>
      <c r="T18" s="257">
        <v>13</v>
      </c>
      <c r="U18" s="257">
        <v>26</v>
      </c>
      <c r="V18" s="257">
        <v>49</v>
      </c>
      <c r="W18" s="254">
        <v>97</v>
      </c>
      <c r="X18" s="259">
        <v>97</v>
      </c>
      <c r="Y18" s="253">
        <v>23</v>
      </c>
      <c r="Z18" s="257">
        <v>66</v>
      </c>
      <c r="AA18" s="254">
        <v>89</v>
      </c>
      <c r="AB18" s="256">
        <v>0</v>
      </c>
      <c r="AC18" s="257">
        <v>163</v>
      </c>
      <c r="AD18" s="257">
        <v>310</v>
      </c>
      <c r="AE18" s="257">
        <v>166</v>
      </c>
      <c r="AF18" s="257">
        <v>162</v>
      </c>
      <c r="AG18" s="257">
        <v>121</v>
      </c>
      <c r="AH18" s="254">
        <v>922</v>
      </c>
      <c r="AI18" s="259">
        <v>1011</v>
      </c>
      <c r="AJ18" s="253">
        <v>4</v>
      </c>
      <c r="AK18" s="257">
        <v>9</v>
      </c>
      <c r="AL18" s="254">
        <v>13</v>
      </c>
      <c r="AM18" s="256">
        <v>0</v>
      </c>
      <c r="AN18" s="257">
        <v>8</v>
      </c>
      <c r="AO18" s="257">
        <v>31</v>
      </c>
      <c r="AP18" s="257">
        <v>13</v>
      </c>
      <c r="AQ18" s="257">
        <v>5</v>
      </c>
      <c r="AR18" s="257">
        <v>11</v>
      </c>
      <c r="AS18" s="254">
        <v>68</v>
      </c>
      <c r="AT18" s="259">
        <v>81</v>
      </c>
      <c r="AU18" s="253">
        <v>38</v>
      </c>
      <c r="AV18" s="257">
        <v>40</v>
      </c>
      <c r="AW18" s="254">
        <v>78</v>
      </c>
      <c r="AX18" s="256">
        <v>0</v>
      </c>
      <c r="AY18" s="257">
        <v>207</v>
      </c>
      <c r="AZ18" s="257">
        <v>347</v>
      </c>
      <c r="BA18" s="257">
        <v>280</v>
      </c>
      <c r="BB18" s="257">
        <v>293</v>
      </c>
      <c r="BC18" s="257">
        <v>211</v>
      </c>
      <c r="BD18" s="258">
        <v>1338</v>
      </c>
      <c r="BE18" s="259">
        <v>1416</v>
      </c>
      <c r="BF18" s="253">
        <v>0</v>
      </c>
      <c r="BG18" s="257">
        <v>0</v>
      </c>
      <c r="BH18" s="254">
        <v>0</v>
      </c>
      <c r="BI18" s="256">
        <v>0</v>
      </c>
      <c r="BJ18" s="257">
        <v>301</v>
      </c>
      <c r="BK18" s="257">
        <v>439</v>
      </c>
      <c r="BL18" s="257">
        <v>233</v>
      </c>
      <c r="BM18" s="257">
        <v>137</v>
      </c>
      <c r="BN18" s="257">
        <v>90</v>
      </c>
      <c r="BO18" s="254">
        <v>1200</v>
      </c>
      <c r="BP18" s="259">
        <v>1200</v>
      </c>
      <c r="BQ18" s="253">
        <v>44</v>
      </c>
      <c r="BR18" s="257">
        <v>99</v>
      </c>
      <c r="BS18" s="254">
        <v>143</v>
      </c>
      <c r="BT18" s="256">
        <v>0</v>
      </c>
      <c r="BU18" s="257">
        <v>178</v>
      </c>
      <c r="BV18" s="257">
        <v>256</v>
      </c>
      <c r="BW18" s="257">
        <v>108</v>
      </c>
      <c r="BX18" s="257">
        <v>59</v>
      </c>
      <c r="BY18" s="257">
        <v>14</v>
      </c>
      <c r="BZ18" s="254">
        <v>615</v>
      </c>
      <c r="CA18" s="259">
        <v>758</v>
      </c>
      <c r="CB18" s="253">
        <v>1</v>
      </c>
      <c r="CC18" s="257">
        <v>2</v>
      </c>
      <c r="CD18" s="254">
        <v>3</v>
      </c>
      <c r="CE18" s="256">
        <v>0</v>
      </c>
      <c r="CF18" s="257">
        <v>49</v>
      </c>
      <c r="CG18" s="257">
        <v>94</v>
      </c>
      <c r="CH18" s="257">
        <v>84</v>
      </c>
      <c r="CI18" s="257">
        <v>61</v>
      </c>
      <c r="CJ18" s="257">
        <v>25</v>
      </c>
      <c r="CK18" s="254">
        <v>313</v>
      </c>
      <c r="CL18" s="259">
        <v>316</v>
      </c>
      <c r="CM18" s="253">
        <v>0</v>
      </c>
      <c r="CN18" s="257">
        <v>0</v>
      </c>
      <c r="CO18" s="254">
        <v>0</v>
      </c>
      <c r="CP18" s="256">
        <v>0</v>
      </c>
      <c r="CQ18" s="257">
        <v>3</v>
      </c>
      <c r="CR18" s="257">
        <v>6</v>
      </c>
      <c r="CS18" s="257">
        <v>11</v>
      </c>
      <c r="CT18" s="257">
        <v>8</v>
      </c>
      <c r="CU18" s="257">
        <v>5</v>
      </c>
      <c r="CV18" s="254">
        <v>33</v>
      </c>
      <c r="CW18" s="259">
        <v>33</v>
      </c>
      <c r="CX18" s="253">
        <v>0</v>
      </c>
      <c r="CY18" s="257">
        <v>0</v>
      </c>
      <c r="CZ18" s="254">
        <v>0</v>
      </c>
      <c r="DA18" s="256">
        <v>0</v>
      </c>
      <c r="DB18" s="257">
        <v>0</v>
      </c>
      <c r="DC18" s="257">
        <v>0</v>
      </c>
      <c r="DD18" s="257">
        <v>0</v>
      </c>
      <c r="DE18" s="257">
        <v>0</v>
      </c>
      <c r="DF18" s="257">
        <v>0</v>
      </c>
      <c r="DG18" s="254">
        <v>0</v>
      </c>
      <c r="DH18" s="259">
        <v>0</v>
      </c>
      <c r="DI18" s="253">
        <v>0</v>
      </c>
      <c r="DJ18" s="257">
        <v>0</v>
      </c>
      <c r="DK18" s="254">
        <v>0</v>
      </c>
      <c r="DL18" s="256">
        <v>0</v>
      </c>
      <c r="DM18" s="257">
        <v>0</v>
      </c>
      <c r="DN18" s="257">
        <v>0</v>
      </c>
      <c r="DO18" s="257">
        <v>0</v>
      </c>
      <c r="DP18" s="257">
        <v>0</v>
      </c>
      <c r="DQ18" s="257">
        <v>0</v>
      </c>
      <c r="DR18" s="254">
        <v>0</v>
      </c>
      <c r="DS18" s="259">
        <v>0</v>
      </c>
      <c r="DT18" s="253">
        <v>164</v>
      </c>
      <c r="DU18" s="257">
        <v>383</v>
      </c>
      <c r="DV18" s="254">
        <v>547</v>
      </c>
      <c r="DW18" s="256">
        <v>0</v>
      </c>
      <c r="DX18" s="257">
        <v>413</v>
      </c>
      <c r="DY18" s="257">
        <v>891</v>
      </c>
      <c r="DZ18" s="257">
        <v>462</v>
      </c>
      <c r="EA18" s="257">
        <v>346</v>
      </c>
      <c r="EB18" s="257">
        <v>225</v>
      </c>
      <c r="EC18" s="254">
        <v>2337</v>
      </c>
      <c r="ED18" s="259">
        <v>2884</v>
      </c>
      <c r="EE18" s="253">
        <v>28</v>
      </c>
      <c r="EF18" s="257">
        <v>18</v>
      </c>
      <c r="EG18" s="254">
        <v>46</v>
      </c>
      <c r="EH18" s="256">
        <v>0</v>
      </c>
      <c r="EI18" s="257">
        <v>92</v>
      </c>
      <c r="EJ18" s="257">
        <v>110</v>
      </c>
      <c r="EK18" s="257">
        <v>94</v>
      </c>
      <c r="EL18" s="257">
        <v>119</v>
      </c>
      <c r="EM18" s="257">
        <v>69</v>
      </c>
      <c r="EN18" s="254">
        <v>484</v>
      </c>
      <c r="EO18" s="259">
        <v>530</v>
      </c>
      <c r="EP18" s="253">
        <v>215</v>
      </c>
      <c r="EQ18" s="257">
        <v>471</v>
      </c>
      <c r="ER18" s="254">
        <v>686</v>
      </c>
      <c r="ES18" s="256">
        <v>0</v>
      </c>
      <c r="ET18" s="257">
        <v>863</v>
      </c>
      <c r="EU18" s="257">
        <v>1196</v>
      </c>
      <c r="EV18" s="257">
        <v>563</v>
      </c>
      <c r="EW18" s="257">
        <v>364</v>
      </c>
      <c r="EX18" s="257">
        <v>221</v>
      </c>
      <c r="EY18" s="254">
        <v>3207</v>
      </c>
      <c r="EZ18" s="259">
        <v>3893</v>
      </c>
    </row>
    <row r="19" spans="2:156" ht="21" customHeight="1" x14ac:dyDescent="0.2">
      <c r="B19" s="437" t="s">
        <v>17</v>
      </c>
      <c r="C19" s="253">
        <v>0</v>
      </c>
      <c r="D19" s="257">
        <v>0</v>
      </c>
      <c r="E19" s="340">
        <v>0</v>
      </c>
      <c r="F19" s="256">
        <v>0</v>
      </c>
      <c r="G19" s="257">
        <v>231</v>
      </c>
      <c r="H19" s="257">
        <v>471</v>
      </c>
      <c r="I19" s="257">
        <v>301</v>
      </c>
      <c r="J19" s="257">
        <v>225</v>
      </c>
      <c r="K19" s="257">
        <v>135</v>
      </c>
      <c r="L19" s="258">
        <v>1363</v>
      </c>
      <c r="M19" s="259">
        <v>1363</v>
      </c>
      <c r="N19" s="253">
        <v>0</v>
      </c>
      <c r="O19" s="257">
        <v>0</v>
      </c>
      <c r="P19" s="254">
        <v>0</v>
      </c>
      <c r="Q19" s="256">
        <v>0</v>
      </c>
      <c r="R19" s="257">
        <v>2</v>
      </c>
      <c r="S19" s="257">
        <v>4</v>
      </c>
      <c r="T19" s="257">
        <v>15</v>
      </c>
      <c r="U19" s="257">
        <v>56</v>
      </c>
      <c r="V19" s="257">
        <v>74</v>
      </c>
      <c r="W19" s="254">
        <v>151</v>
      </c>
      <c r="X19" s="259">
        <v>151</v>
      </c>
      <c r="Y19" s="253">
        <v>35</v>
      </c>
      <c r="Z19" s="257">
        <v>99</v>
      </c>
      <c r="AA19" s="254">
        <v>134</v>
      </c>
      <c r="AB19" s="256">
        <v>0</v>
      </c>
      <c r="AC19" s="257">
        <v>192</v>
      </c>
      <c r="AD19" s="257">
        <v>361</v>
      </c>
      <c r="AE19" s="257">
        <v>225</v>
      </c>
      <c r="AF19" s="257">
        <v>205</v>
      </c>
      <c r="AG19" s="257">
        <v>138</v>
      </c>
      <c r="AH19" s="254">
        <v>1121</v>
      </c>
      <c r="AI19" s="259">
        <v>1255</v>
      </c>
      <c r="AJ19" s="253">
        <v>4</v>
      </c>
      <c r="AK19" s="257">
        <v>9</v>
      </c>
      <c r="AL19" s="254">
        <v>13</v>
      </c>
      <c r="AM19" s="256">
        <v>0</v>
      </c>
      <c r="AN19" s="257">
        <v>10</v>
      </c>
      <c r="AO19" s="257">
        <v>41</v>
      </c>
      <c r="AP19" s="257">
        <v>27</v>
      </c>
      <c r="AQ19" s="257">
        <v>18</v>
      </c>
      <c r="AR19" s="257">
        <v>19</v>
      </c>
      <c r="AS19" s="254">
        <v>115</v>
      </c>
      <c r="AT19" s="259">
        <v>128</v>
      </c>
      <c r="AU19" s="253">
        <v>53</v>
      </c>
      <c r="AV19" s="257">
        <v>65</v>
      </c>
      <c r="AW19" s="254">
        <v>118</v>
      </c>
      <c r="AX19" s="256">
        <v>0</v>
      </c>
      <c r="AY19" s="257">
        <v>262</v>
      </c>
      <c r="AZ19" s="257">
        <v>461</v>
      </c>
      <c r="BA19" s="257">
        <v>459</v>
      </c>
      <c r="BB19" s="257">
        <v>425</v>
      </c>
      <c r="BC19" s="257">
        <v>312</v>
      </c>
      <c r="BD19" s="258">
        <v>1919</v>
      </c>
      <c r="BE19" s="259">
        <v>2037</v>
      </c>
      <c r="BF19" s="253">
        <v>0</v>
      </c>
      <c r="BG19" s="257">
        <v>0</v>
      </c>
      <c r="BH19" s="254">
        <v>0</v>
      </c>
      <c r="BI19" s="256">
        <v>0</v>
      </c>
      <c r="BJ19" s="257">
        <v>342</v>
      </c>
      <c r="BK19" s="257">
        <v>553</v>
      </c>
      <c r="BL19" s="257">
        <v>320</v>
      </c>
      <c r="BM19" s="257">
        <v>175</v>
      </c>
      <c r="BN19" s="257">
        <v>100</v>
      </c>
      <c r="BO19" s="254">
        <v>1490</v>
      </c>
      <c r="BP19" s="259">
        <v>1490</v>
      </c>
      <c r="BQ19" s="253">
        <v>39</v>
      </c>
      <c r="BR19" s="257">
        <v>76</v>
      </c>
      <c r="BS19" s="254">
        <v>115</v>
      </c>
      <c r="BT19" s="256">
        <v>0</v>
      </c>
      <c r="BU19" s="257">
        <v>57</v>
      </c>
      <c r="BV19" s="257">
        <v>202</v>
      </c>
      <c r="BW19" s="257">
        <v>104</v>
      </c>
      <c r="BX19" s="257">
        <v>53</v>
      </c>
      <c r="BY19" s="257">
        <v>21</v>
      </c>
      <c r="BZ19" s="254">
        <v>437</v>
      </c>
      <c r="CA19" s="259">
        <v>552</v>
      </c>
      <c r="CB19" s="253">
        <v>2</v>
      </c>
      <c r="CC19" s="257">
        <v>4</v>
      </c>
      <c r="CD19" s="254">
        <v>6</v>
      </c>
      <c r="CE19" s="256">
        <v>0</v>
      </c>
      <c r="CF19" s="257">
        <v>34</v>
      </c>
      <c r="CG19" s="257">
        <v>93</v>
      </c>
      <c r="CH19" s="257">
        <v>105</v>
      </c>
      <c r="CI19" s="257">
        <v>90</v>
      </c>
      <c r="CJ19" s="257">
        <v>37</v>
      </c>
      <c r="CK19" s="254">
        <v>359</v>
      </c>
      <c r="CL19" s="259">
        <v>365</v>
      </c>
      <c r="CM19" s="253">
        <v>0</v>
      </c>
      <c r="CN19" s="257">
        <v>0</v>
      </c>
      <c r="CO19" s="254">
        <v>0</v>
      </c>
      <c r="CP19" s="256">
        <v>0</v>
      </c>
      <c r="CQ19" s="257">
        <v>4</v>
      </c>
      <c r="CR19" s="257">
        <v>11</v>
      </c>
      <c r="CS19" s="257">
        <v>16</v>
      </c>
      <c r="CT19" s="257">
        <v>7</v>
      </c>
      <c r="CU19" s="257">
        <v>8</v>
      </c>
      <c r="CV19" s="254">
        <v>46</v>
      </c>
      <c r="CW19" s="259">
        <v>46</v>
      </c>
      <c r="CX19" s="253">
        <v>0</v>
      </c>
      <c r="CY19" s="257">
        <v>0</v>
      </c>
      <c r="CZ19" s="254">
        <v>0</v>
      </c>
      <c r="DA19" s="256">
        <v>0</v>
      </c>
      <c r="DB19" s="257">
        <v>0</v>
      </c>
      <c r="DC19" s="257">
        <v>0</v>
      </c>
      <c r="DD19" s="257">
        <v>0</v>
      </c>
      <c r="DE19" s="257">
        <v>0</v>
      </c>
      <c r="DF19" s="257">
        <v>0</v>
      </c>
      <c r="DG19" s="254">
        <v>0</v>
      </c>
      <c r="DH19" s="259">
        <v>0</v>
      </c>
      <c r="DI19" s="253">
        <v>0</v>
      </c>
      <c r="DJ19" s="257">
        <v>0</v>
      </c>
      <c r="DK19" s="254">
        <v>0</v>
      </c>
      <c r="DL19" s="256">
        <v>0</v>
      </c>
      <c r="DM19" s="257">
        <v>0</v>
      </c>
      <c r="DN19" s="257">
        <v>0</v>
      </c>
      <c r="DO19" s="257">
        <v>0</v>
      </c>
      <c r="DP19" s="257">
        <v>0</v>
      </c>
      <c r="DQ19" s="257">
        <v>0</v>
      </c>
      <c r="DR19" s="254">
        <v>0</v>
      </c>
      <c r="DS19" s="259">
        <v>0</v>
      </c>
      <c r="DT19" s="253">
        <v>199</v>
      </c>
      <c r="DU19" s="257">
        <v>541</v>
      </c>
      <c r="DV19" s="254">
        <v>740</v>
      </c>
      <c r="DW19" s="256">
        <v>0</v>
      </c>
      <c r="DX19" s="257">
        <v>425</v>
      </c>
      <c r="DY19" s="257">
        <v>1208</v>
      </c>
      <c r="DZ19" s="257">
        <v>737</v>
      </c>
      <c r="EA19" s="257">
        <v>536</v>
      </c>
      <c r="EB19" s="257">
        <v>305</v>
      </c>
      <c r="EC19" s="254">
        <v>3211</v>
      </c>
      <c r="ED19" s="259">
        <v>3951</v>
      </c>
      <c r="EE19" s="253">
        <v>31</v>
      </c>
      <c r="EF19" s="257">
        <v>33</v>
      </c>
      <c r="EG19" s="254">
        <v>64</v>
      </c>
      <c r="EH19" s="256">
        <v>0</v>
      </c>
      <c r="EI19" s="257">
        <v>97</v>
      </c>
      <c r="EJ19" s="257">
        <v>129</v>
      </c>
      <c r="EK19" s="257">
        <v>97</v>
      </c>
      <c r="EL19" s="257">
        <v>95</v>
      </c>
      <c r="EM19" s="257">
        <v>67</v>
      </c>
      <c r="EN19" s="254">
        <v>485</v>
      </c>
      <c r="EO19" s="259">
        <v>549</v>
      </c>
      <c r="EP19" s="253">
        <v>262</v>
      </c>
      <c r="EQ19" s="257">
        <v>615</v>
      </c>
      <c r="ER19" s="254">
        <v>877</v>
      </c>
      <c r="ES19" s="256">
        <v>0</v>
      </c>
      <c r="ET19" s="257">
        <v>964</v>
      </c>
      <c r="EU19" s="257">
        <v>1577</v>
      </c>
      <c r="EV19" s="257">
        <v>849</v>
      </c>
      <c r="EW19" s="257">
        <v>591</v>
      </c>
      <c r="EX19" s="257">
        <v>318</v>
      </c>
      <c r="EY19" s="254">
        <v>4299</v>
      </c>
      <c r="EZ19" s="259">
        <v>5176</v>
      </c>
    </row>
    <row r="20" spans="2:156" ht="21" customHeight="1" x14ac:dyDescent="0.2">
      <c r="B20" s="437" t="s">
        <v>18</v>
      </c>
      <c r="C20" s="253">
        <v>0</v>
      </c>
      <c r="D20" s="257">
        <v>0</v>
      </c>
      <c r="E20" s="340">
        <v>0</v>
      </c>
      <c r="F20" s="256">
        <v>0</v>
      </c>
      <c r="G20" s="257">
        <v>470</v>
      </c>
      <c r="H20" s="257">
        <v>501</v>
      </c>
      <c r="I20" s="257">
        <v>291</v>
      </c>
      <c r="J20" s="257">
        <v>249</v>
      </c>
      <c r="K20" s="257">
        <v>191</v>
      </c>
      <c r="L20" s="258">
        <v>1702</v>
      </c>
      <c r="M20" s="259">
        <v>1702</v>
      </c>
      <c r="N20" s="253">
        <v>1</v>
      </c>
      <c r="O20" s="257">
        <v>0</v>
      </c>
      <c r="P20" s="254">
        <v>1</v>
      </c>
      <c r="Q20" s="256">
        <v>0</v>
      </c>
      <c r="R20" s="257">
        <v>3</v>
      </c>
      <c r="S20" s="257">
        <v>9</v>
      </c>
      <c r="T20" s="257">
        <v>15</v>
      </c>
      <c r="U20" s="257">
        <v>48</v>
      </c>
      <c r="V20" s="257">
        <v>79</v>
      </c>
      <c r="W20" s="254">
        <v>154</v>
      </c>
      <c r="X20" s="259">
        <v>155</v>
      </c>
      <c r="Y20" s="253">
        <v>51</v>
      </c>
      <c r="Z20" s="257">
        <v>118</v>
      </c>
      <c r="AA20" s="254">
        <v>169</v>
      </c>
      <c r="AB20" s="256">
        <v>0</v>
      </c>
      <c r="AC20" s="257">
        <v>353</v>
      </c>
      <c r="AD20" s="257">
        <v>387</v>
      </c>
      <c r="AE20" s="257">
        <v>248</v>
      </c>
      <c r="AF20" s="257">
        <v>207</v>
      </c>
      <c r="AG20" s="257">
        <v>153</v>
      </c>
      <c r="AH20" s="254">
        <v>1348</v>
      </c>
      <c r="AI20" s="259">
        <v>1517</v>
      </c>
      <c r="AJ20" s="253">
        <v>8</v>
      </c>
      <c r="AK20" s="257">
        <v>12</v>
      </c>
      <c r="AL20" s="254">
        <v>20</v>
      </c>
      <c r="AM20" s="256">
        <v>0</v>
      </c>
      <c r="AN20" s="257">
        <v>35</v>
      </c>
      <c r="AO20" s="257">
        <v>48</v>
      </c>
      <c r="AP20" s="257">
        <v>31</v>
      </c>
      <c r="AQ20" s="257">
        <v>21</v>
      </c>
      <c r="AR20" s="257">
        <v>15</v>
      </c>
      <c r="AS20" s="254">
        <v>150</v>
      </c>
      <c r="AT20" s="259">
        <v>170</v>
      </c>
      <c r="AU20" s="253">
        <v>61</v>
      </c>
      <c r="AV20" s="257">
        <v>70</v>
      </c>
      <c r="AW20" s="254">
        <v>131</v>
      </c>
      <c r="AX20" s="256">
        <v>0</v>
      </c>
      <c r="AY20" s="257">
        <v>506</v>
      </c>
      <c r="AZ20" s="257">
        <v>608</v>
      </c>
      <c r="BA20" s="257">
        <v>525</v>
      </c>
      <c r="BB20" s="257">
        <v>512</v>
      </c>
      <c r="BC20" s="257">
        <v>377</v>
      </c>
      <c r="BD20" s="258">
        <v>2528</v>
      </c>
      <c r="BE20" s="259">
        <v>2659</v>
      </c>
      <c r="BF20" s="253">
        <v>0</v>
      </c>
      <c r="BG20" s="257">
        <v>0</v>
      </c>
      <c r="BH20" s="254">
        <v>0</v>
      </c>
      <c r="BI20" s="256">
        <v>0</v>
      </c>
      <c r="BJ20" s="257">
        <v>712</v>
      </c>
      <c r="BK20" s="257">
        <v>614</v>
      </c>
      <c r="BL20" s="257">
        <v>335</v>
      </c>
      <c r="BM20" s="257">
        <v>194</v>
      </c>
      <c r="BN20" s="257">
        <v>82</v>
      </c>
      <c r="BO20" s="254">
        <v>1937</v>
      </c>
      <c r="BP20" s="259">
        <v>1937</v>
      </c>
      <c r="BQ20" s="253">
        <v>73</v>
      </c>
      <c r="BR20" s="257">
        <v>108</v>
      </c>
      <c r="BS20" s="254">
        <v>181</v>
      </c>
      <c r="BT20" s="256">
        <v>0</v>
      </c>
      <c r="BU20" s="257">
        <v>198</v>
      </c>
      <c r="BV20" s="257">
        <v>209</v>
      </c>
      <c r="BW20" s="257">
        <v>116</v>
      </c>
      <c r="BX20" s="257">
        <v>67</v>
      </c>
      <c r="BY20" s="257">
        <v>21</v>
      </c>
      <c r="BZ20" s="254">
        <v>611</v>
      </c>
      <c r="CA20" s="259">
        <v>792</v>
      </c>
      <c r="CB20" s="253">
        <v>1</v>
      </c>
      <c r="CC20" s="257">
        <v>6</v>
      </c>
      <c r="CD20" s="254">
        <v>7</v>
      </c>
      <c r="CE20" s="256">
        <v>0</v>
      </c>
      <c r="CF20" s="257">
        <v>54</v>
      </c>
      <c r="CG20" s="257">
        <v>103</v>
      </c>
      <c r="CH20" s="257">
        <v>132</v>
      </c>
      <c r="CI20" s="257">
        <v>95</v>
      </c>
      <c r="CJ20" s="257">
        <v>55</v>
      </c>
      <c r="CK20" s="254">
        <v>439</v>
      </c>
      <c r="CL20" s="259">
        <v>446</v>
      </c>
      <c r="CM20" s="253">
        <v>1</v>
      </c>
      <c r="CN20" s="257">
        <v>0</v>
      </c>
      <c r="CO20" s="254">
        <v>1</v>
      </c>
      <c r="CP20" s="256">
        <v>0</v>
      </c>
      <c r="CQ20" s="257">
        <v>3</v>
      </c>
      <c r="CR20" s="257">
        <v>5</v>
      </c>
      <c r="CS20" s="257">
        <v>6</v>
      </c>
      <c r="CT20" s="257">
        <v>1</v>
      </c>
      <c r="CU20" s="257">
        <v>1</v>
      </c>
      <c r="CV20" s="254">
        <v>16</v>
      </c>
      <c r="CW20" s="259">
        <v>17</v>
      </c>
      <c r="CX20" s="253">
        <v>0</v>
      </c>
      <c r="CY20" s="257">
        <v>0</v>
      </c>
      <c r="CZ20" s="254">
        <v>0</v>
      </c>
      <c r="DA20" s="256">
        <v>0</v>
      </c>
      <c r="DB20" s="257">
        <v>0</v>
      </c>
      <c r="DC20" s="257">
        <v>0</v>
      </c>
      <c r="DD20" s="257">
        <v>0</v>
      </c>
      <c r="DE20" s="257">
        <v>0</v>
      </c>
      <c r="DF20" s="257">
        <v>0</v>
      </c>
      <c r="DG20" s="254">
        <v>0</v>
      </c>
      <c r="DH20" s="259">
        <v>0</v>
      </c>
      <c r="DI20" s="253">
        <v>0</v>
      </c>
      <c r="DJ20" s="257">
        <v>0</v>
      </c>
      <c r="DK20" s="254">
        <v>0</v>
      </c>
      <c r="DL20" s="256">
        <v>0</v>
      </c>
      <c r="DM20" s="257">
        <v>0</v>
      </c>
      <c r="DN20" s="257">
        <v>0</v>
      </c>
      <c r="DO20" s="257">
        <v>0</v>
      </c>
      <c r="DP20" s="257">
        <v>0</v>
      </c>
      <c r="DQ20" s="257">
        <v>0</v>
      </c>
      <c r="DR20" s="254">
        <v>0</v>
      </c>
      <c r="DS20" s="259">
        <v>0</v>
      </c>
      <c r="DT20" s="253">
        <v>212</v>
      </c>
      <c r="DU20" s="257">
        <v>476</v>
      </c>
      <c r="DV20" s="254">
        <v>688</v>
      </c>
      <c r="DW20" s="256">
        <v>0</v>
      </c>
      <c r="DX20" s="257">
        <v>704</v>
      </c>
      <c r="DY20" s="257">
        <v>974</v>
      </c>
      <c r="DZ20" s="257">
        <v>608</v>
      </c>
      <c r="EA20" s="257">
        <v>491</v>
      </c>
      <c r="EB20" s="257">
        <v>296</v>
      </c>
      <c r="EC20" s="254">
        <v>3073</v>
      </c>
      <c r="ED20" s="259">
        <v>3761</v>
      </c>
      <c r="EE20" s="253">
        <v>33</v>
      </c>
      <c r="EF20" s="257">
        <v>11</v>
      </c>
      <c r="EG20" s="254">
        <v>44</v>
      </c>
      <c r="EH20" s="256">
        <v>0</v>
      </c>
      <c r="EI20" s="257">
        <v>135</v>
      </c>
      <c r="EJ20" s="257">
        <v>118</v>
      </c>
      <c r="EK20" s="257">
        <v>105</v>
      </c>
      <c r="EL20" s="257">
        <v>108</v>
      </c>
      <c r="EM20" s="257">
        <v>73</v>
      </c>
      <c r="EN20" s="254">
        <v>539</v>
      </c>
      <c r="EO20" s="259">
        <v>583</v>
      </c>
      <c r="EP20" s="253">
        <v>341</v>
      </c>
      <c r="EQ20" s="257">
        <v>661</v>
      </c>
      <c r="ER20" s="254">
        <v>1002</v>
      </c>
      <c r="ES20" s="256">
        <v>0</v>
      </c>
      <c r="ET20" s="257">
        <v>1675</v>
      </c>
      <c r="EU20" s="257">
        <v>1470</v>
      </c>
      <c r="EV20" s="257">
        <v>803</v>
      </c>
      <c r="EW20" s="257">
        <v>581</v>
      </c>
      <c r="EX20" s="257">
        <v>317</v>
      </c>
      <c r="EY20" s="254">
        <v>4846</v>
      </c>
      <c r="EZ20" s="259">
        <v>5848</v>
      </c>
    </row>
    <row r="21" spans="2:156" ht="21" customHeight="1" x14ac:dyDescent="0.2">
      <c r="B21" s="437" t="s">
        <v>19</v>
      </c>
      <c r="C21" s="253">
        <v>0</v>
      </c>
      <c r="D21" s="257">
        <v>0</v>
      </c>
      <c r="E21" s="340">
        <v>0</v>
      </c>
      <c r="F21" s="256">
        <v>0</v>
      </c>
      <c r="G21" s="257">
        <v>199</v>
      </c>
      <c r="H21" s="257">
        <v>156</v>
      </c>
      <c r="I21" s="257">
        <v>116</v>
      </c>
      <c r="J21" s="257">
        <v>83</v>
      </c>
      <c r="K21" s="257">
        <v>65</v>
      </c>
      <c r="L21" s="258">
        <v>619</v>
      </c>
      <c r="M21" s="259">
        <v>619</v>
      </c>
      <c r="N21" s="253">
        <v>0</v>
      </c>
      <c r="O21" s="257">
        <v>0</v>
      </c>
      <c r="P21" s="254">
        <v>0</v>
      </c>
      <c r="Q21" s="256">
        <v>0</v>
      </c>
      <c r="R21" s="257">
        <v>6</v>
      </c>
      <c r="S21" s="257">
        <v>6</v>
      </c>
      <c r="T21" s="257">
        <v>12</v>
      </c>
      <c r="U21" s="257">
        <v>20</v>
      </c>
      <c r="V21" s="257">
        <v>26</v>
      </c>
      <c r="W21" s="254">
        <v>70</v>
      </c>
      <c r="X21" s="259">
        <v>70</v>
      </c>
      <c r="Y21" s="253">
        <v>40</v>
      </c>
      <c r="Z21" s="257">
        <v>55</v>
      </c>
      <c r="AA21" s="254">
        <v>95</v>
      </c>
      <c r="AB21" s="256">
        <v>0</v>
      </c>
      <c r="AC21" s="257">
        <v>181</v>
      </c>
      <c r="AD21" s="257">
        <v>148</v>
      </c>
      <c r="AE21" s="257">
        <v>112</v>
      </c>
      <c r="AF21" s="257">
        <v>89</v>
      </c>
      <c r="AG21" s="257">
        <v>74</v>
      </c>
      <c r="AH21" s="254">
        <v>604</v>
      </c>
      <c r="AI21" s="259">
        <v>699</v>
      </c>
      <c r="AJ21" s="253">
        <v>3</v>
      </c>
      <c r="AK21" s="257">
        <v>5</v>
      </c>
      <c r="AL21" s="254">
        <v>8</v>
      </c>
      <c r="AM21" s="256">
        <v>0</v>
      </c>
      <c r="AN21" s="257">
        <v>18</v>
      </c>
      <c r="AO21" s="257">
        <v>14</v>
      </c>
      <c r="AP21" s="257">
        <v>7</v>
      </c>
      <c r="AQ21" s="257">
        <v>9</v>
      </c>
      <c r="AR21" s="257">
        <v>2</v>
      </c>
      <c r="AS21" s="254">
        <v>50</v>
      </c>
      <c r="AT21" s="259">
        <v>58</v>
      </c>
      <c r="AU21" s="253">
        <v>44</v>
      </c>
      <c r="AV21" s="257">
        <v>40</v>
      </c>
      <c r="AW21" s="254">
        <v>84</v>
      </c>
      <c r="AX21" s="256">
        <v>0</v>
      </c>
      <c r="AY21" s="257">
        <v>200</v>
      </c>
      <c r="AZ21" s="257">
        <v>234</v>
      </c>
      <c r="BA21" s="257">
        <v>197</v>
      </c>
      <c r="BB21" s="257">
        <v>185</v>
      </c>
      <c r="BC21" s="257">
        <v>159</v>
      </c>
      <c r="BD21" s="258">
        <v>975</v>
      </c>
      <c r="BE21" s="259">
        <v>1059</v>
      </c>
      <c r="BF21" s="253">
        <v>0</v>
      </c>
      <c r="BG21" s="257">
        <v>0</v>
      </c>
      <c r="BH21" s="254">
        <v>0</v>
      </c>
      <c r="BI21" s="256">
        <v>0</v>
      </c>
      <c r="BJ21" s="257">
        <v>285</v>
      </c>
      <c r="BK21" s="257">
        <v>251</v>
      </c>
      <c r="BL21" s="257">
        <v>133</v>
      </c>
      <c r="BM21" s="257">
        <v>61</v>
      </c>
      <c r="BN21" s="257">
        <v>38</v>
      </c>
      <c r="BO21" s="254">
        <v>768</v>
      </c>
      <c r="BP21" s="259">
        <v>768</v>
      </c>
      <c r="BQ21" s="253">
        <v>35</v>
      </c>
      <c r="BR21" s="257">
        <v>69</v>
      </c>
      <c r="BS21" s="254">
        <v>104</v>
      </c>
      <c r="BT21" s="256">
        <v>0</v>
      </c>
      <c r="BU21" s="257">
        <v>128</v>
      </c>
      <c r="BV21" s="257">
        <v>100</v>
      </c>
      <c r="BW21" s="257">
        <v>64</v>
      </c>
      <c r="BX21" s="257">
        <v>27</v>
      </c>
      <c r="BY21" s="257">
        <v>11</v>
      </c>
      <c r="BZ21" s="254">
        <v>330</v>
      </c>
      <c r="CA21" s="259">
        <v>434</v>
      </c>
      <c r="CB21" s="253">
        <v>0</v>
      </c>
      <c r="CC21" s="257">
        <v>4</v>
      </c>
      <c r="CD21" s="254">
        <v>4</v>
      </c>
      <c r="CE21" s="256">
        <v>0</v>
      </c>
      <c r="CF21" s="257">
        <v>20</v>
      </c>
      <c r="CG21" s="257">
        <v>53</v>
      </c>
      <c r="CH21" s="257">
        <v>60</v>
      </c>
      <c r="CI21" s="257">
        <v>28</v>
      </c>
      <c r="CJ21" s="257">
        <v>12</v>
      </c>
      <c r="CK21" s="254">
        <v>173</v>
      </c>
      <c r="CL21" s="259">
        <v>177</v>
      </c>
      <c r="CM21" s="253">
        <v>0</v>
      </c>
      <c r="CN21" s="257">
        <v>0</v>
      </c>
      <c r="CO21" s="254">
        <v>0</v>
      </c>
      <c r="CP21" s="256">
        <v>0</v>
      </c>
      <c r="CQ21" s="257">
        <v>5</v>
      </c>
      <c r="CR21" s="257">
        <v>8</v>
      </c>
      <c r="CS21" s="257">
        <v>11</v>
      </c>
      <c r="CT21" s="257">
        <v>11</v>
      </c>
      <c r="CU21" s="257">
        <v>2</v>
      </c>
      <c r="CV21" s="254">
        <v>37</v>
      </c>
      <c r="CW21" s="259">
        <v>37</v>
      </c>
      <c r="CX21" s="253">
        <v>0</v>
      </c>
      <c r="CY21" s="257">
        <v>0</v>
      </c>
      <c r="CZ21" s="254">
        <v>0</v>
      </c>
      <c r="DA21" s="256">
        <v>0</v>
      </c>
      <c r="DB21" s="257">
        <v>0</v>
      </c>
      <c r="DC21" s="257">
        <v>0</v>
      </c>
      <c r="DD21" s="257">
        <v>0</v>
      </c>
      <c r="DE21" s="257">
        <v>0</v>
      </c>
      <c r="DF21" s="257">
        <v>0</v>
      </c>
      <c r="DG21" s="254">
        <v>0</v>
      </c>
      <c r="DH21" s="259">
        <v>0</v>
      </c>
      <c r="DI21" s="253">
        <v>0</v>
      </c>
      <c r="DJ21" s="257">
        <v>0</v>
      </c>
      <c r="DK21" s="254">
        <v>0</v>
      </c>
      <c r="DL21" s="256">
        <v>0</v>
      </c>
      <c r="DM21" s="257">
        <v>0</v>
      </c>
      <c r="DN21" s="257">
        <v>0</v>
      </c>
      <c r="DO21" s="257">
        <v>0</v>
      </c>
      <c r="DP21" s="257">
        <v>0</v>
      </c>
      <c r="DQ21" s="257">
        <v>0</v>
      </c>
      <c r="DR21" s="254">
        <v>0</v>
      </c>
      <c r="DS21" s="259">
        <v>0</v>
      </c>
      <c r="DT21" s="253">
        <v>152</v>
      </c>
      <c r="DU21" s="257">
        <v>243</v>
      </c>
      <c r="DV21" s="254">
        <v>395</v>
      </c>
      <c r="DW21" s="256">
        <v>0</v>
      </c>
      <c r="DX21" s="257">
        <v>428</v>
      </c>
      <c r="DY21" s="257">
        <v>437</v>
      </c>
      <c r="DZ21" s="257">
        <v>281</v>
      </c>
      <c r="EA21" s="257">
        <v>192</v>
      </c>
      <c r="EB21" s="257">
        <v>133</v>
      </c>
      <c r="EC21" s="254">
        <v>1471</v>
      </c>
      <c r="ED21" s="259">
        <v>1866</v>
      </c>
      <c r="EE21" s="253">
        <v>17</v>
      </c>
      <c r="EF21" s="257">
        <v>17</v>
      </c>
      <c r="EG21" s="254">
        <v>34</v>
      </c>
      <c r="EH21" s="256">
        <v>0</v>
      </c>
      <c r="EI21" s="257">
        <v>67</v>
      </c>
      <c r="EJ21" s="257">
        <v>56</v>
      </c>
      <c r="EK21" s="257">
        <v>60</v>
      </c>
      <c r="EL21" s="257">
        <v>48</v>
      </c>
      <c r="EM21" s="257">
        <v>38</v>
      </c>
      <c r="EN21" s="254">
        <v>269</v>
      </c>
      <c r="EO21" s="259">
        <v>303</v>
      </c>
      <c r="EP21" s="253">
        <v>209</v>
      </c>
      <c r="EQ21" s="257">
        <v>310</v>
      </c>
      <c r="ER21" s="254">
        <v>519</v>
      </c>
      <c r="ES21" s="256">
        <v>0</v>
      </c>
      <c r="ET21" s="257">
        <v>770</v>
      </c>
      <c r="EU21" s="257">
        <v>593</v>
      </c>
      <c r="EV21" s="257">
        <v>327</v>
      </c>
      <c r="EW21" s="257">
        <v>187</v>
      </c>
      <c r="EX21" s="257">
        <v>123</v>
      </c>
      <c r="EY21" s="254">
        <v>2000</v>
      </c>
      <c r="EZ21" s="259">
        <v>2519</v>
      </c>
    </row>
    <row r="22" spans="2:156" ht="21" customHeight="1" x14ac:dyDescent="0.2">
      <c r="B22" s="437" t="s">
        <v>20</v>
      </c>
      <c r="C22" s="253">
        <v>0</v>
      </c>
      <c r="D22" s="257">
        <v>0</v>
      </c>
      <c r="E22" s="340">
        <v>0</v>
      </c>
      <c r="F22" s="256">
        <v>0</v>
      </c>
      <c r="G22" s="257">
        <v>280</v>
      </c>
      <c r="H22" s="257">
        <v>200</v>
      </c>
      <c r="I22" s="257">
        <v>140</v>
      </c>
      <c r="J22" s="257">
        <v>99</v>
      </c>
      <c r="K22" s="257">
        <v>74</v>
      </c>
      <c r="L22" s="258">
        <v>793</v>
      </c>
      <c r="M22" s="259">
        <v>793</v>
      </c>
      <c r="N22" s="253">
        <v>0</v>
      </c>
      <c r="O22" s="257">
        <v>0</v>
      </c>
      <c r="P22" s="254">
        <v>0</v>
      </c>
      <c r="Q22" s="256">
        <v>0</v>
      </c>
      <c r="R22" s="257">
        <v>3</v>
      </c>
      <c r="S22" s="257">
        <v>5</v>
      </c>
      <c r="T22" s="257">
        <v>12</v>
      </c>
      <c r="U22" s="257">
        <v>24</v>
      </c>
      <c r="V22" s="257">
        <v>35</v>
      </c>
      <c r="W22" s="254">
        <v>79</v>
      </c>
      <c r="X22" s="259">
        <v>79</v>
      </c>
      <c r="Y22" s="253">
        <v>40</v>
      </c>
      <c r="Z22" s="257">
        <v>98</v>
      </c>
      <c r="AA22" s="254">
        <v>138</v>
      </c>
      <c r="AB22" s="256">
        <v>0</v>
      </c>
      <c r="AC22" s="257">
        <v>255</v>
      </c>
      <c r="AD22" s="257">
        <v>199</v>
      </c>
      <c r="AE22" s="257">
        <v>120</v>
      </c>
      <c r="AF22" s="257">
        <v>93</v>
      </c>
      <c r="AG22" s="257">
        <v>52</v>
      </c>
      <c r="AH22" s="254">
        <v>719</v>
      </c>
      <c r="AI22" s="259">
        <v>857</v>
      </c>
      <c r="AJ22" s="253">
        <v>12</v>
      </c>
      <c r="AK22" s="257">
        <v>44</v>
      </c>
      <c r="AL22" s="254">
        <v>56</v>
      </c>
      <c r="AM22" s="256">
        <v>0</v>
      </c>
      <c r="AN22" s="257">
        <v>54</v>
      </c>
      <c r="AO22" s="257">
        <v>60</v>
      </c>
      <c r="AP22" s="257">
        <v>43</v>
      </c>
      <c r="AQ22" s="257">
        <v>27</v>
      </c>
      <c r="AR22" s="257">
        <v>16</v>
      </c>
      <c r="AS22" s="254">
        <v>200</v>
      </c>
      <c r="AT22" s="259">
        <v>256</v>
      </c>
      <c r="AU22" s="253">
        <v>29</v>
      </c>
      <c r="AV22" s="257">
        <v>41</v>
      </c>
      <c r="AW22" s="254">
        <v>70</v>
      </c>
      <c r="AX22" s="256">
        <v>0</v>
      </c>
      <c r="AY22" s="257">
        <v>241</v>
      </c>
      <c r="AZ22" s="257">
        <v>236</v>
      </c>
      <c r="BA22" s="257">
        <v>266</v>
      </c>
      <c r="BB22" s="257">
        <v>204</v>
      </c>
      <c r="BC22" s="257">
        <v>162</v>
      </c>
      <c r="BD22" s="258">
        <v>1109</v>
      </c>
      <c r="BE22" s="259">
        <v>1179</v>
      </c>
      <c r="BF22" s="253">
        <v>0</v>
      </c>
      <c r="BG22" s="257">
        <v>0</v>
      </c>
      <c r="BH22" s="254">
        <v>0</v>
      </c>
      <c r="BI22" s="256">
        <v>0</v>
      </c>
      <c r="BJ22" s="257">
        <v>354</v>
      </c>
      <c r="BK22" s="257">
        <v>271</v>
      </c>
      <c r="BL22" s="257">
        <v>154</v>
      </c>
      <c r="BM22" s="257">
        <v>72</v>
      </c>
      <c r="BN22" s="257">
        <v>34</v>
      </c>
      <c r="BO22" s="254">
        <v>885</v>
      </c>
      <c r="BP22" s="259">
        <v>885</v>
      </c>
      <c r="BQ22" s="253">
        <v>16</v>
      </c>
      <c r="BR22" s="257">
        <v>36</v>
      </c>
      <c r="BS22" s="254">
        <v>52</v>
      </c>
      <c r="BT22" s="256">
        <v>0</v>
      </c>
      <c r="BU22" s="257">
        <v>127</v>
      </c>
      <c r="BV22" s="257">
        <v>95</v>
      </c>
      <c r="BW22" s="257">
        <v>50</v>
      </c>
      <c r="BX22" s="257">
        <v>43</v>
      </c>
      <c r="BY22" s="257">
        <v>17</v>
      </c>
      <c r="BZ22" s="254">
        <v>332</v>
      </c>
      <c r="CA22" s="259">
        <v>384</v>
      </c>
      <c r="CB22" s="253">
        <v>0</v>
      </c>
      <c r="CC22" s="257">
        <v>3</v>
      </c>
      <c r="CD22" s="254">
        <v>3</v>
      </c>
      <c r="CE22" s="256">
        <v>0</v>
      </c>
      <c r="CF22" s="257">
        <v>39</v>
      </c>
      <c r="CG22" s="257">
        <v>40</v>
      </c>
      <c r="CH22" s="257">
        <v>70</v>
      </c>
      <c r="CI22" s="257">
        <v>46</v>
      </c>
      <c r="CJ22" s="257">
        <v>30</v>
      </c>
      <c r="CK22" s="254">
        <v>225</v>
      </c>
      <c r="CL22" s="259">
        <v>228</v>
      </c>
      <c r="CM22" s="253">
        <v>0</v>
      </c>
      <c r="CN22" s="257">
        <v>0</v>
      </c>
      <c r="CO22" s="254">
        <v>0</v>
      </c>
      <c r="CP22" s="256">
        <v>0</v>
      </c>
      <c r="CQ22" s="257">
        <v>3</v>
      </c>
      <c r="CR22" s="257">
        <v>3</v>
      </c>
      <c r="CS22" s="257">
        <v>7</v>
      </c>
      <c r="CT22" s="257">
        <v>12</v>
      </c>
      <c r="CU22" s="257">
        <v>3</v>
      </c>
      <c r="CV22" s="254">
        <v>28</v>
      </c>
      <c r="CW22" s="259">
        <v>28</v>
      </c>
      <c r="CX22" s="253">
        <v>0</v>
      </c>
      <c r="CY22" s="257">
        <v>0</v>
      </c>
      <c r="CZ22" s="254">
        <v>0</v>
      </c>
      <c r="DA22" s="256">
        <v>0</v>
      </c>
      <c r="DB22" s="257">
        <v>0</v>
      </c>
      <c r="DC22" s="257">
        <v>0</v>
      </c>
      <c r="DD22" s="257">
        <v>0</v>
      </c>
      <c r="DE22" s="257">
        <v>0</v>
      </c>
      <c r="DF22" s="257">
        <v>0</v>
      </c>
      <c r="DG22" s="254">
        <v>0</v>
      </c>
      <c r="DH22" s="259">
        <v>0</v>
      </c>
      <c r="DI22" s="253">
        <v>0</v>
      </c>
      <c r="DJ22" s="257">
        <v>0</v>
      </c>
      <c r="DK22" s="254">
        <v>0</v>
      </c>
      <c r="DL22" s="256">
        <v>0</v>
      </c>
      <c r="DM22" s="257">
        <v>0</v>
      </c>
      <c r="DN22" s="257">
        <v>0</v>
      </c>
      <c r="DO22" s="257">
        <v>0</v>
      </c>
      <c r="DP22" s="257">
        <v>0</v>
      </c>
      <c r="DQ22" s="257">
        <v>0</v>
      </c>
      <c r="DR22" s="254">
        <v>0</v>
      </c>
      <c r="DS22" s="259">
        <v>0</v>
      </c>
      <c r="DT22" s="253">
        <v>147</v>
      </c>
      <c r="DU22" s="257">
        <v>349</v>
      </c>
      <c r="DV22" s="254">
        <v>496</v>
      </c>
      <c r="DW22" s="256">
        <v>0</v>
      </c>
      <c r="DX22" s="257">
        <v>545</v>
      </c>
      <c r="DY22" s="257">
        <v>480</v>
      </c>
      <c r="DZ22" s="257">
        <v>316</v>
      </c>
      <c r="EA22" s="257">
        <v>248</v>
      </c>
      <c r="EB22" s="257">
        <v>135</v>
      </c>
      <c r="EC22" s="254">
        <v>1724</v>
      </c>
      <c r="ED22" s="259">
        <v>2220</v>
      </c>
      <c r="EE22" s="253">
        <v>13</v>
      </c>
      <c r="EF22" s="257">
        <v>14</v>
      </c>
      <c r="EG22" s="254">
        <v>27</v>
      </c>
      <c r="EH22" s="256">
        <v>0</v>
      </c>
      <c r="EI22" s="257">
        <v>76</v>
      </c>
      <c r="EJ22" s="257">
        <v>52</v>
      </c>
      <c r="EK22" s="257">
        <v>59</v>
      </c>
      <c r="EL22" s="257">
        <v>62</v>
      </c>
      <c r="EM22" s="257">
        <v>33</v>
      </c>
      <c r="EN22" s="254">
        <v>282</v>
      </c>
      <c r="EO22" s="259">
        <v>309</v>
      </c>
      <c r="EP22" s="253">
        <v>197</v>
      </c>
      <c r="EQ22" s="257">
        <v>445</v>
      </c>
      <c r="ER22" s="254">
        <v>642</v>
      </c>
      <c r="ES22" s="256">
        <v>0</v>
      </c>
      <c r="ET22" s="257">
        <v>1039</v>
      </c>
      <c r="EU22" s="257">
        <v>695</v>
      </c>
      <c r="EV22" s="257">
        <v>399</v>
      </c>
      <c r="EW22" s="257">
        <v>267</v>
      </c>
      <c r="EX22" s="257">
        <v>148</v>
      </c>
      <c r="EY22" s="254">
        <v>2548</v>
      </c>
      <c r="EZ22" s="259">
        <v>3190</v>
      </c>
    </row>
    <row r="23" spans="2:156" ht="21" customHeight="1" x14ac:dyDescent="0.2">
      <c r="B23" s="437" t="s">
        <v>21</v>
      </c>
      <c r="C23" s="253">
        <v>0</v>
      </c>
      <c r="D23" s="257">
        <v>0</v>
      </c>
      <c r="E23" s="340">
        <v>0</v>
      </c>
      <c r="F23" s="256">
        <v>0</v>
      </c>
      <c r="G23" s="257">
        <v>273</v>
      </c>
      <c r="H23" s="257">
        <v>351</v>
      </c>
      <c r="I23" s="257">
        <v>211</v>
      </c>
      <c r="J23" s="257">
        <v>128</v>
      </c>
      <c r="K23" s="257">
        <v>105</v>
      </c>
      <c r="L23" s="258">
        <v>1068</v>
      </c>
      <c r="M23" s="259">
        <v>1068</v>
      </c>
      <c r="N23" s="253">
        <v>0</v>
      </c>
      <c r="O23" s="257">
        <v>0</v>
      </c>
      <c r="P23" s="254">
        <v>0</v>
      </c>
      <c r="Q23" s="256">
        <v>0</v>
      </c>
      <c r="R23" s="257">
        <v>0</v>
      </c>
      <c r="S23" s="257">
        <v>6</v>
      </c>
      <c r="T23" s="257">
        <v>10</v>
      </c>
      <c r="U23" s="257">
        <v>27</v>
      </c>
      <c r="V23" s="257">
        <v>40</v>
      </c>
      <c r="W23" s="254">
        <v>83</v>
      </c>
      <c r="X23" s="259">
        <v>83</v>
      </c>
      <c r="Y23" s="253">
        <v>50</v>
      </c>
      <c r="Z23" s="257">
        <v>100</v>
      </c>
      <c r="AA23" s="254">
        <v>150</v>
      </c>
      <c r="AB23" s="256">
        <v>0</v>
      </c>
      <c r="AC23" s="257">
        <v>211</v>
      </c>
      <c r="AD23" s="257">
        <v>283</v>
      </c>
      <c r="AE23" s="257">
        <v>155</v>
      </c>
      <c r="AF23" s="257">
        <v>137</v>
      </c>
      <c r="AG23" s="257">
        <v>85</v>
      </c>
      <c r="AH23" s="254">
        <v>871</v>
      </c>
      <c r="AI23" s="259">
        <v>1021</v>
      </c>
      <c r="AJ23" s="253">
        <v>17</v>
      </c>
      <c r="AK23" s="257">
        <v>29</v>
      </c>
      <c r="AL23" s="254">
        <v>46</v>
      </c>
      <c r="AM23" s="256">
        <v>0</v>
      </c>
      <c r="AN23" s="257">
        <v>26</v>
      </c>
      <c r="AO23" s="257">
        <v>42</v>
      </c>
      <c r="AP23" s="257">
        <v>21</v>
      </c>
      <c r="AQ23" s="257">
        <v>16</v>
      </c>
      <c r="AR23" s="257">
        <v>6</v>
      </c>
      <c r="AS23" s="254">
        <v>111</v>
      </c>
      <c r="AT23" s="259">
        <v>157</v>
      </c>
      <c r="AU23" s="253">
        <v>43</v>
      </c>
      <c r="AV23" s="257">
        <v>49</v>
      </c>
      <c r="AW23" s="254">
        <v>92</v>
      </c>
      <c r="AX23" s="256">
        <v>0</v>
      </c>
      <c r="AY23" s="257">
        <v>263</v>
      </c>
      <c r="AZ23" s="257">
        <v>349</v>
      </c>
      <c r="BA23" s="257">
        <v>312</v>
      </c>
      <c r="BB23" s="257">
        <v>243</v>
      </c>
      <c r="BC23" s="257">
        <v>195</v>
      </c>
      <c r="BD23" s="258">
        <v>1362</v>
      </c>
      <c r="BE23" s="259">
        <v>1454</v>
      </c>
      <c r="BF23" s="253">
        <v>0</v>
      </c>
      <c r="BG23" s="257">
        <v>0</v>
      </c>
      <c r="BH23" s="254">
        <v>0</v>
      </c>
      <c r="BI23" s="256">
        <v>0</v>
      </c>
      <c r="BJ23" s="257">
        <v>337</v>
      </c>
      <c r="BK23" s="257">
        <v>354</v>
      </c>
      <c r="BL23" s="257">
        <v>213</v>
      </c>
      <c r="BM23" s="257">
        <v>94</v>
      </c>
      <c r="BN23" s="257">
        <v>35</v>
      </c>
      <c r="BO23" s="254">
        <v>1033</v>
      </c>
      <c r="BP23" s="259">
        <v>1033</v>
      </c>
      <c r="BQ23" s="253">
        <v>23</v>
      </c>
      <c r="BR23" s="257">
        <v>34</v>
      </c>
      <c r="BS23" s="254">
        <v>57</v>
      </c>
      <c r="BT23" s="256">
        <v>0</v>
      </c>
      <c r="BU23" s="257">
        <v>63</v>
      </c>
      <c r="BV23" s="257">
        <v>69</v>
      </c>
      <c r="BW23" s="257">
        <v>41</v>
      </c>
      <c r="BX23" s="257">
        <v>21</v>
      </c>
      <c r="BY23" s="257">
        <v>7</v>
      </c>
      <c r="BZ23" s="254">
        <v>201</v>
      </c>
      <c r="CA23" s="259">
        <v>258</v>
      </c>
      <c r="CB23" s="253">
        <v>2</v>
      </c>
      <c r="CC23" s="257">
        <v>2</v>
      </c>
      <c r="CD23" s="254">
        <v>4</v>
      </c>
      <c r="CE23" s="256">
        <v>0</v>
      </c>
      <c r="CF23" s="257">
        <v>36</v>
      </c>
      <c r="CG23" s="257">
        <v>59</v>
      </c>
      <c r="CH23" s="257">
        <v>69</v>
      </c>
      <c r="CI23" s="257">
        <v>55</v>
      </c>
      <c r="CJ23" s="257">
        <v>29</v>
      </c>
      <c r="CK23" s="254">
        <v>248</v>
      </c>
      <c r="CL23" s="259">
        <v>252</v>
      </c>
      <c r="CM23" s="253">
        <v>0</v>
      </c>
      <c r="CN23" s="257">
        <v>1</v>
      </c>
      <c r="CO23" s="254">
        <v>1</v>
      </c>
      <c r="CP23" s="256">
        <v>0</v>
      </c>
      <c r="CQ23" s="257">
        <v>1</v>
      </c>
      <c r="CR23" s="257">
        <v>5</v>
      </c>
      <c r="CS23" s="257">
        <v>3</v>
      </c>
      <c r="CT23" s="257">
        <v>3</v>
      </c>
      <c r="CU23" s="257">
        <v>3</v>
      </c>
      <c r="CV23" s="254">
        <v>15</v>
      </c>
      <c r="CW23" s="259">
        <v>16</v>
      </c>
      <c r="CX23" s="253">
        <v>0</v>
      </c>
      <c r="CY23" s="257">
        <v>0</v>
      </c>
      <c r="CZ23" s="254">
        <v>0</v>
      </c>
      <c r="DA23" s="256">
        <v>0</v>
      </c>
      <c r="DB23" s="257">
        <v>0</v>
      </c>
      <c r="DC23" s="257">
        <v>0</v>
      </c>
      <c r="DD23" s="257">
        <v>0</v>
      </c>
      <c r="DE23" s="257">
        <v>0</v>
      </c>
      <c r="DF23" s="257">
        <v>0</v>
      </c>
      <c r="DG23" s="254">
        <v>0</v>
      </c>
      <c r="DH23" s="259">
        <v>0</v>
      </c>
      <c r="DI23" s="253">
        <v>0</v>
      </c>
      <c r="DJ23" s="257">
        <v>0</v>
      </c>
      <c r="DK23" s="254">
        <v>0</v>
      </c>
      <c r="DL23" s="256">
        <v>0</v>
      </c>
      <c r="DM23" s="257">
        <v>0</v>
      </c>
      <c r="DN23" s="257">
        <v>0</v>
      </c>
      <c r="DO23" s="257">
        <v>0</v>
      </c>
      <c r="DP23" s="257">
        <v>0</v>
      </c>
      <c r="DQ23" s="257">
        <v>0</v>
      </c>
      <c r="DR23" s="254">
        <v>0</v>
      </c>
      <c r="DS23" s="259">
        <v>0</v>
      </c>
      <c r="DT23" s="253">
        <v>201</v>
      </c>
      <c r="DU23" s="257">
        <v>324</v>
      </c>
      <c r="DV23" s="254">
        <v>525</v>
      </c>
      <c r="DW23" s="256">
        <v>0</v>
      </c>
      <c r="DX23" s="257">
        <v>371</v>
      </c>
      <c r="DY23" s="257">
        <v>663</v>
      </c>
      <c r="DZ23" s="257">
        <v>402</v>
      </c>
      <c r="EA23" s="257">
        <v>269</v>
      </c>
      <c r="EB23" s="257">
        <v>153</v>
      </c>
      <c r="EC23" s="254">
        <v>1858</v>
      </c>
      <c r="ED23" s="259">
        <v>2383</v>
      </c>
      <c r="EE23" s="253">
        <v>16</v>
      </c>
      <c r="EF23" s="257">
        <v>14</v>
      </c>
      <c r="EG23" s="254">
        <v>30</v>
      </c>
      <c r="EH23" s="256">
        <v>0</v>
      </c>
      <c r="EI23" s="257">
        <v>67</v>
      </c>
      <c r="EJ23" s="257">
        <v>71</v>
      </c>
      <c r="EK23" s="257">
        <v>62</v>
      </c>
      <c r="EL23" s="257">
        <v>57</v>
      </c>
      <c r="EM23" s="257">
        <v>45</v>
      </c>
      <c r="EN23" s="254">
        <v>302</v>
      </c>
      <c r="EO23" s="259">
        <v>332</v>
      </c>
      <c r="EP23" s="253">
        <v>269</v>
      </c>
      <c r="EQ23" s="257">
        <v>419</v>
      </c>
      <c r="ER23" s="254">
        <v>688</v>
      </c>
      <c r="ES23" s="256">
        <v>0</v>
      </c>
      <c r="ET23" s="257">
        <v>868</v>
      </c>
      <c r="EU23" s="257">
        <v>918</v>
      </c>
      <c r="EV23" s="257">
        <v>472</v>
      </c>
      <c r="EW23" s="257">
        <v>301</v>
      </c>
      <c r="EX23" s="257">
        <v>168</v>
      </c>
      <c r="EY23" s="254">
        <v>2727</v>
      </c>
      <c r="EZ23" s="259">
        <v>3415</v>
      </c>
    </row>
    <row r="24" spans="2:156" ht="21" customHeight="1" x14ac:dyDescent="0.2">
      <c r="B24" s="437" t="s">
        <v>22</v>
      </c>
      <c r="C24" s="253">
        <v>0</v>
      </c>
      <c r="D24" s="257">
        <v>0</v>
      </c>
      <c r="E24" s="340">
        <v>0</v>
      </c>
      <c r="F24" s="256">
        <v>0</v>
      </c>
      <c r="G24" s="257">
        <v>71</v>
      </c>
      <c r="H24" s="257">
        <v>65</v>
      </c>
      <c r="I24" s="257">
        <v>31</v>
      </c>
      <c r="J24" s="257">
        <v>32</v>
      </c>
      <c r="K24" s="257">
        <v>25</v>
      </c>
      <c r="L24" s="258">
        <v>224</v>
      </c>
      <c r="M24" s="259">
        <v>224</v>
      </c>
      <c r="N24" s="253">
        <v>0</v>
      </c>
      <c r="O24" s="257">
        <v>0</v>
      </c>
      <c r="P24" s="254">
        <v>0</v>
      </c>
      <c r="Q24" s="256">
        <v>0</v>
      </c>
      <c r="R24" s="257">
        <v>3</v>
      </c>
      <c r="S24" s="257">
        <v>1</v>
      </c>
      <c r="T24" s="257">
        <v>0</v>
      </c>
      <c r="U24" s="257">
        <v>7</v>
      </c>
      <c r="V24" s="257">
        <v>18</v>
      </c>
      <c r="W24" s="254">
        <v>29</v>
      </c>
      <c r="X24" s="259">
        <v>29</v>
      </c>
      <c r="Y24" s="253">
        <v>8</v>
      </c>
      <c r="Z24" s="257">
        <v>15</v>
      </c>
      <c r="AA24" s="254">
        <v>23</v>
      </c>
      <c r="AB24" s="256">
        <v>0</v>
      </c>
      <c r="AC24" s="257">
        <v>48</v>
      </c>
      <c r="AD24" s="257">
        <v>64</v>
      </c>
      <c r="AE24" s="257">
        <v>33</v>
      </c>
      <c r="AF24" s="257">
        <v>40</v>
      </c>
      <c r="AG24" s="257">
        <v>35</v>
      </c>
      <c r="AH24" s="254">
        <v>220</v>
      </c>
      <c r="AI24" s="259">
        <v>243</v>
      </c>
      <c r="AJ24" s="253">
        <v>1</v>
      </c>
      <c r="AK24" s="257">
        <v>1</v>
      </c>
      <c r="AL24" s="254">
        <v>2</v>
      </c>
      <c r="AM24" s="256">
        <v>0</v>
      </c>
      <c r="AN24" s="257">
        <v>9</v>
      </c>
      <c r="AO24" s="257">
        <v>10</v>
      </c>
      <c r="AP24" s="257">
        <v>3</v>
      </c>
      <c r="AQ24" s="257">
        <v>5</v>
      </c>
      <c r="AR24" s="257">
        <v>3</v>
      </c>
      <c r="AS24" s="254">
        <v>30</v>
      </c>
      <c r="AT24" s="259">
        <v>32</v>
      </c>
      <c r="AU24" s="253">
        <v>7</v>
      </c>
      <c r="AV24" s="257">
        <v>8</v>
      </c>
      <c r="AW24" s="254">
        <v>15</v>
      </c>
      <c r="AX24" s="256">
        <v>0</v>
      </c>
      <c r="AY24" s="257">
        <v>63</v>
      </c>
      <c r="AZ24" s="257">
        <v>83</v>
      </c>
      <c r="BA24" s="257">
        <v>59</v>
      </c>
      <c r="BB24" s="257">
        <v>63</v>
      </c>
      <c r="BC24" s="257">
        <v>46</v>
      </c>
      <c r="BD24" s="258">
        <v>314</v>
      </c>
      <c r="BE24" s="259">
        <v>329</v>
      </c>
      <c r="BF24" s="253">
        <v>0</v>
      </c>
      <c r="BG24" s="257">
        <v>0</v>
      </c>
      <c r="BH24" s="254">
        <v>0</v>
      </c>
      <c r="BI24" s="256">
        <v>0</v>
      </c>
      <c r="BJ24" s="257">
        <v>101</v>
      </c>
      <c r="BK24" s="257">
        <v>106</v>
      </c>
      <c r="BL24" s="257">
        <v>69</v>
      </c>
      <c r="BM24" s="257">
        <v>32</v>
      </c>
      <c r="BN24" s="257">
        <v>15</v>
      </c>
      <c r="BO24" s="254">
        <v>323</v>
      </c>
      <c r="BP24" s="259">
        <v>323</v>
      </c>
      <c r="BQ24" s="253">
        <v>7</v>
      </c>
      <c r="BR24" s="257">
        <v>10</v>
      </c>
      <c r="BS24" s="254">
        <v>17</v>
      </c>
      <c r="BT24" s="256">
        <v>0</v>
      </c>
      <c r="BU24" s="257">
        <v>25</v>
      </c>
      <c r="BV24" s="257">
        <v>38</v>
      </c>
      <c r="BW24" s="257">
        <v>16</v>
      </c>
      <c r="BX24" s="257">
        <v>13</v>
      </c>
      <c r="BY24" s="257">
        <v>5</v>
      </c>
      <c r="BZ24" s="254">
        <v>97</v>
      </c>
      <c r="CA24" s="259">
        <v>114</v>
      </c>
      <c r="CB24" s="253">
        <v>0</v>
      </c>
      <c r="CC24" s="257">
        <v>2</v>
      </c>
      <c r="CD24" s="254">
        <v>2</v>
      </c>
      <c r="CE24" s="256">
        <v>0</v>
      </c>
      <c r="CF24" s="257">
        <v>8</v>
      </c>
      <c r="CG24" s="257">
        <v>26</v>
      </c>
      <c r="CH24" s="257">
        <v>26</v>
      </c>
      <c r="CI24" s="257">
        <v>13</v>
      </c>
      <c r="CJ24" s="257">
        <v>9</v>
      </c>
      <c r="CK24" s="254">
        <v>82</v>
      </c>
      <c r="CL24" s="259">
        <v>84</v>
      </c>
      <c r="CM24" s="253">
        <v>0</v>
      </c>
      <c r="CN24" s="257">
        <v>0</v>
      </c>
      <c r="CO24" s="254">
        <v>0</v>
      </c>
      <c r="CP24" s="256">
        <v>0</v>
      </c>
      <c r="CQ24" s="257">
        <v>2</v>
      </c>
      <c r="CR24" s="257">
        <v>0</v>
      </c>
      <c r="CS24" s="257">
        <v>3</v>
      </c>
      <c r="CT24" s="257">
        <v>6</v>
      </c>
      <c r="CU24" s="257">
        <v>3</v>
      </c>
      <c r="CV24" s="254">
        <v>14</v>
      </c>
      <c r="CW24" s="259">
        <v>14</v>
      </c>
      <c r="CX24" s="253">
        <v>0</v>
      </c>
      <c r="CY24" s="257">
        <v>0</v>
      </c>
      <c r="CZ24" s="254">
        <v>0</v>
      </c>
      <c r="DA24" s="256">
        <v>0</v>
      </c>
      <c r="DB24" s="257">
        <v>0</v>
      </c>
      <c r="DC24" s="257">
        <v>0</v>
      </c>
      <c r="DD24" s="257">
        <v>0</v>
      </c>
      <c r="DE24" s="257">
        <v>0</v>
      </c>
      <c r="DF24" s="257">
        <v>0</v>
      </c>
      <c r="DG24" s="254">
        <v>0</v>
      </c>
      <c r="DH24" s="259">
        <v>0</v>
      </c>
      <c r="DI24" s="253">
        <v>0</v>
      </c>
      <c r="DJ24" s="257">
        <v>0</v>
      </c>
      <c r="DK24" s="254">
        <v>0</v>
      </c>
      <c r="DL24" s="256">
        <v>0</v>
      </c>
      <c r="DM24" s="257">
        <v>0</v>
      </c>
      <c r="DN24" s="257">
        <v>0</v>
      </c>
      <c r="DO24" s="257">
        <v>0</v>
      </c>
      <c r="DP24" s="257">
        <v>0</v>
      </c>
      <c r="DQ24" s="257">
        <v>0</v>
      </c>
      <c r="DR24" s="254">
        <v>0</v>
      </c>
      <c r="DS24" s="259">
        <v>0</v>
      </c>
      <c r="DT24" s="253">
        <v>54</v>
      </c>
      <c r="DU24" s="257">
        <v>150</v>
      </c>
      <c r="DV24" s="254">
        <v>204</v>
      </c>
      <c r="DW24" s="256">
        <v>0</v>
      </c>
      <c r="DX24" s="257">
        <v>189</v>
      </c>
      <c r="DY24" s="257">
        <v>245</v>
      </c>
      <c r="DZ24" s="257">
        <v>127</v>
      </c>
      <c r="EA24" s="257">
        <v>98</v>
      </c>
      <c r="EB24" s="257">
        <v>61</v>
      </c>
      <c r="EC24" s="254">
        <v>720</v>
      </c>
      <c r="ED24" s="259">
        <v>924</v>
      </c>
      <c r="EE24" s="253">
        <v>7</v>
      </c>
      <c r="EF24" s="257">
        <v>9</v>
      </c>
      <c r="EG24" s="254">
        <v>16</v>
      </c>
      <c r="EH24" s="256">
        <v>0</v>
      </c>
      <c r="EI24" s="257">
        <v>24</v>
      </c>
      <c r="EJ24" s="257">
        <v>29</v>
      </c>
      <c r="EK24" s="257">
        <v>19</v>
      </c>
      <c r="EL24" s="257">
        <v>21</v>
      </c>
      <c r="EM24" s="257">
        <v>14</v>
      </c>
      <c r="EN24" s="254">
        <v>107</v>
      </c>
      <c r="EO24" s="259">
        <v>123</v>
      </c>
      <c r="EP24" s="253">
        <v>65</v>
      </c>
      <c r="EQ24" s="257">
        <v>160</v>
      </c>
      <c r="ER24" s="254">
        <v>225</v>
      </c>
      <c r="ES24" s="256">
        <v>0</v>
      </c>
      <c r="ET24" s="257">
        <v>313</v>
      </c>
      <c r="EU24" s="257">
        <v>313</v>
      </c>
      <c r="EV24" s="257">
        <v>160</v>
      </c>
      <c r="EW24" s="257">
        <v>98</v>
      </c>
      <c r="EX24" s="257">
        <v>58</v>
      </c>
      <c r="EY24" s="254">
        <v>942</v>
      </c>
      <c r="EZ24" s="259">
        <v>1167</v>
      </c>
    </row>
    <row r="25" spans="2:156" ht="21" customHeight="1" x14ac:dyDescent="0.2">
      <c r="B25" s="437" t="s">
        <v>23</v>
      </c>
      <c r="C25" s="253">
        <v>0</v>
      </c>
      <c r="D25" s="257">
        <v>0</v>
      </c>
      <c r="E25" s="340">
        <v>0</v>
      </c>
      <c r="F25" s="256">
        <v>0</v>
      </c>
      <c r="G25" s="257">
        <v>123</v>
      </c>
      <c r="H25" s="257">
        <v>148</v>
      </c>
      <c r="I25" s="257">
        <v>68</v>
      </c>
      <c r="J25" s="257">
        <v>69</v>
      </c>
      <c r="K25" s="257">
        <v>39</v>
      </c>
      <c r="L25" s="258">
        <v>447</v>
      </c>
      <c r="M25" s="259">
        <v>447</v>
      </c>
      <c r="N25" s="253">
        <v>0</v>
      </c>
      <c r="O25" s="257">
        <v>0</v>
      </c>
      <c r="P25" s="254">
        <v>0</v>
      </c>
      <c r="Q25" s="256">
        <v>0</v>
      </c>
      <c r="R25" s="257">
        <v>1</v>
      </c>
      <c r="S25" s="257">
        <v>5</v>
      </c>
      <c r="T25" s="257">
        <v>4</v>
      </c>
      <c r="U25" s="257">
        <v>19</v>
      </c>
      <c r="V25" s="257">
        <v>25</v>
      </c>
      <c r="W25" s="254">
        <v>54</v>
      </c>
      <c r="X25" s="259">
        <v>54</v>
      </c>
      <c r="Y25" s="253">
        <v>36</v>
      </c>
      <c r="Z25" s="257">
        <v>61</v>
      </c>
      <c r="AA25" s="254">
        <v>97</v>
      </c>
      <c r="AB25" s="256">
        <v>0</v>
      </c>
      <c r="AC25" s="257">
        <v>89</v>
      </c>
      <c r="AD25" s="257">
        <v>161</v>
      </c>
      <c r="AE25" s="257">
        <v>73</v>
      </c>
      <c r="AF25" s="257">
        <v>77</v>
      </c>
      <c r="AG25" s="257">
        <v>47</v>
      </c>
      <c r="AH25" s="254">
        <v>447</v>
      </c>
      <c r="AI25" s="259">
        <v>544</v>
      </c>
      <c r="AJ25" s="253">
        <v>6</v>
      </c>
      <c r="AK25" s="257">
        <v>12</v>
      </c>
      <c r="AL25" s="254">
        <v>18</v>
      </c>
      <c r="AM25" s="256">
        <v>0</v>
      </c>
      <c r="AN25" s="257">
        <v>6</v>
      </c>
      <c r="AO25" s="257">
        <v>22</v>
      </c>
      <c r="AP25" s="257">
        <v>8</v>
      </c>
      <c r="AQ25" s="257">
        <v>8</v>
      </c>
      <c r="AR25" s="257">
        <v>4</v>
      </c>
      <c r="AS25" s="254">
        <v>48</v>
      </c>
      <c r="AT25" s="259">
        <v>66</v>
      </c>
      <c r="AU25" s="253">
        <v>18</v>
      </c>
      <c r="AV25" s="257">
        <v>14</v>
      </c>
      <c r="AW25" s="254">
        <v>32</v>
      </c>
      <c r="AX25" s="256">
        <v>0</v>
      </c>
      <c r="AY25" s="257">
        <v>168</v>
      </c>
      <c r="AZ25" s="257">
        <v>169</v>
      </c>
      <c r="BA25" s="257">
        <v>124</v>
      </c>
      <c r="BB25" s="257">
        <v>163</v>
      </c>
      <c r="BC25" s="257">
        <v>107</v>
      </c>
      <c r="BD25" s="258">
        <v>731</v>
      </c>
      <c r="BE25" s="259">
        <v>763</v>
      </c>
      <c r="BF25" s="253">
        <v>0</v>
      </c>
      <c r="BG25" s="257">
        <v>0</v>
      </c>
      <c r="BH25" s="254">
        <v>0</v>
      </c>
      <c r="BI25" s="256">
        <v>0</v>
      </c>
      <c r="BJ25" s="257">
        <v>281</v>
      </c>
      <c r="BK25" s="257">
        <v>260</v>
      </c>
      <c r="BL25" s="257">
        <v>133</v>
      </c>
      <c r="BM25" s="257">
        <v>83</v>
      </c>
      <c r="BN25" s="257">
        <v>31</v>
      </c>
      <c r="BO25" s="254">
        <v>788</v>
      </c>
      <c r="BP25" s="259">
        <v>788</v>
      </c>
      <c r="BQ25" s="253">
        <v>1</v>
      </c>
      <c r="BR25" s="257">
        <v>11</v>
      </c>
      <c r="BS25" s="254">
        <v>12</v>
      </c>
      <c r="BT25" s="256">
        <v>0</v>
      </c>
      <c r="BU25" s="257">
        <v>40</v>
      </c>
      <c r="BV25" s="257">
        <v>45</v>
      </c>
      <c r="BW25" s="257">
        <v>32</v>
      </c>
      <c r="BX25" s="257">
        <v>23</v>
      </c>
      <c r="BY25" s="257">
        <v>8</v>
      </c>
      <c r="BZ25" s="254">
        <v>148</v>
      </c>
      <c r="CA25" s="259">
        <v>160</v>
      </c>
      <c r="CB25" s="253">
        <v>2</v>
      </c>
      <c r="CC25" s="257">
        <v>1</v>
      </c>
      <c r="CD25" s="254">
        <v>3</v>
      </c>
      <c r="CE25" s="256">
        <v>0</v>
      </c>
      <c r="CF25" s="257">
        <v>24</v>
      </c>
      <c r="CG25" s="257">
        <v>35</v>
      </c>
      <c r="CH25" s="257">
        <v>53</v>
      </c>
      <c r="CI25" s="257">
        <v>36</v>
      </c>
      <c r="CJ25" s="257">
        <v>14</v>
      </c>
      <c r="CK25" s="254">
        <v>162</v>
      </c>
      <c r="CL25" s="259">
        <v>165</v>
      </c>
      <c r="CM25" s="253">
        <v>0</v>
      </c>
      <c r="CN25" s="257">
        <v>0</v>
      </c>
      <c r="CO25" s="254">
        <v>0</v>
      </c>
      <c r="CP25" s="256">
        <v>0</v>
      </c>
      <c r="CQ25" s="257">
        <v>0</v>
      </c>
      <c r="CR25" s="257">
        <v>2</v>
      </c>
      <c r="CS25" s="257">
        <v>0</v>
      </c>
      <c r="CT25" s="257">
        <v>2</v>
      </c>
      <c r="CU25" s="257">
        <v>2</v>
      </c>
      <c r="CV25" s="254">
        <v>6</v>
      </c>
      <c r="CW25" s="259">
        <v>6</v>
      </c>
      <c r="CX25" s="253">
        <v>0</v>
      </c>
      <c r="CY25" s="257">
        <v>0</v>
      </c>
      <c r="CZ25" s="254">
        <v>0</v>
      </c>
      <c r="DA25" s="256">
        <v>0</v>
      </c>
      <c r="DB25" s="257">
        <v>0</v>
      </c>
      <c r="DC25" s="257">
        <v>0</v>
      </c>
      <c r="DD25" s="257">
        <v>0</v>
      </c>
      <c r="DE25" s="257">
        <v>0</v>
      </c>
      <c r="DF25" s="257">
        <v>0</v>
      </c>
      <c r="DG25" s="254">
        <v>0</v>
      </c>
      <c r="DH25" s="259">
        <v>0</v>
      </c>
      <c r="DI25" s="253">
        <v>0</v>
      </c>
      <c r="DJ25" s="257">
        <v>0</v>
      </c>
      <c r="DK25" s="254">
        <v>0</v>
      </c>
      <c r="DL25" s="256">
        <v>0</v>
      </c>
      <c r="DM25" s="257">
        <v>0</v>
      </c>
      <c r="DN25" s="257">
        <v>0</v>
      </c>
      <c r="DO25" s="257">
        <v>0</v>
      </c>
      <c r="DP25" s="257">
        <v>0</v>
      </c>
      <c r="DQ25" s="257">
        <v>0</v>
      </c>
      <c r="DR25" s="254">
        <v>0</v>
      </c>
      <c r="DS25" s="259">
        <v>0</v>
      </c>
      <c r="DT25" s="253">
        <v>97</v>
      </c>
      <c r="DU25" s="257">
        <v>251</v>
      </c>
      <c r="DV25" s="254">
        <v>348</v>
      </c>
      <c r="DW25" s="256">
        <v>0</v>
      </c>
      <c r="DX25" s="257">
        <v>250</v>
      </c>
      <c r="DY25" s="257">
        <v>409</v>
      </c>
      <c r="DZ25" s="257">
        <v>221</v>
      </c>
      <c r="EA25" s="257">
        <v>181</v>
      </c>
      <c r="EB25" s="257">
        <v>88</v>
      </c>
      <c r="EC25" s="254">
        <v>1149</v>
      </c>
      <c r="ED25" s="259">
        <v>1497</v>
      </c>
      <c r="EE25" s="253">
        <v>7</v>
      </c>
      <c r="EF25" s="257">
        <v>2</v>
      </c>
      <c r="EG25" s="254">
        <v>9</v>
      </c>
      <c r="EH25" s="256">
        <v>0</v>
      </c>
      <c r="EI25" s="257">
        <v>54</v>
      </c>
      <c r="EJ25" s="257">
        <v>46</v>
      </c>
      <c r="EK25" s="257">
        <v>32</v>
      </c>
      <c r="EL25" s="257">
        <v>54</v>
      </c>
      <c r="EM25" s="257">
        <v>36</v>
      </c>
      <c r="EN25" s="254">
        <v>222</v>
      </c>
      <c r="EO25" s="259">
        <v>231</v>
      </c>
      <c r="EP25" s="253">
        <v>133</v>
      </c>
      <c r="EQ25" s="257">
        <v>279</v>
      </c>
      <c r="ER25" s="254">
        <v>412</v>
      </c>
      <c r="ES25" s="256">
        <v>0</v>
      </c>
      <c r="ET25" s="257">
        <v>513</v>
      </c>
      <c r="EU25" s="257">
        <v>545</v>
      </c>
      <c r="EV25" s="257">
        <v>282</v>
      </c>
      <c r="EW25" s="257">
        <v>202</v>
      </c>
      <c r="EX25" s="257">
        <v>95</v>
      </c>
      <c r="EY25" s="254">
        <v>1637</v>
      </c>
      <c r="EZ25" s="259">
        <v>2049</v>
      </c>
    </row>
    <row r="26" spans="2:156" ht="21" customHeight="1" x14ac:dyDescent="0.2">
      <c r="B26" s="437" t="s">
        <v>24</v>
      </c>
      <c r="C26" s="253">
        <v>0</v>
      </c>
      <c r="D26" s="257">
        <v>0</v>
      </c>
      <c r="E26" s="340">
        <v>0</v>
      </c>
      <c r="F26" s="256">
        <v>0</v>
      </c>
      <c r="G26" s="257">
        <v>75</v>
      </c>
      <c r="H26" s="257">
        <v>63</v>
      </c>
      <c r="I26" s="257">
        <v>39</v>
      </c>
      <c r="J26" s="257">
        <v>31</v>
      </c>
      <c r="K26" s="257">
        <v>31</v>
      </c>
      <c r="L26" s="258">
        <v>239</v>
      </c>
      <c r="M26" s="259">
        <v>239</v>
      </c>
      <c r="N26" s="253">
        <v>0</v>
      </c>
      <c r="O26" s="257">
        <v>0</v>
      </c>
      <c r="P26" s="254">
        <v>0</v>
      </c>
      <c r="Q26" s="256">
        <v>0</v>
      </c>
      <c r="R26" s="257">
        <v>1</v>
      </c>
      <c r="S26" s="257">
        <v>5</v>
      </c>
      <c r="T26" s="257">
        <v>3</v>
      </c>
      <c r="U26" s="257">
        <v>9</v>
      </c>
      <c r="V26" s="257">
        <v>24</v>
      </c>
      <c r="W26" s="254">
        <v>42</v>
      </c>
      <c r="X26" s="259">
        <v>42</v>
      </c>
      <c r="Y26" s="253">
        <v>15</v>
      </c>
      <c r="Z26" s="257">
        <v>25</v>
      </c>
      <c r="AA26" s="254">
        <v>40</v>
      </c>
      <c r="AB26" s="256">
        <v>0</v>
      </c>
      <c r="AC26" s="257">
        <v>70</v>
      </c>
      <c r="AD26" s="257">
        <v>76</v>
      </c>
      <c r="AE26" s="257">
        <v>37</v>
      </c>
      <c r="AF26" s="257">
        <v>41</v>
      </c>
      <c r="AG26" s="257">
        <v>29</v>
      </c>
      <c r="AH26" s="254">
        <v>253</v>
      </c>
      <c r="AI26" s="259">
        <v>293</v>
      </c>
      <c r="AJ26" s="253">
        <v>0</v>
      </c>
      <c r="AK26" s="257">
        <v>1</v>
      </c>
      <c r="AL26" s="254">
        <v>1</v>
      </c>
      <c r="AM26" s="256">
        <v>0</v>
      </c>
      <c r="AN26" s="257">
        <v>3</v>
      </c>
      <c r="AO26" s="257">
        <v>5</v>
      </c>
      <c r="AP26" s="257">
        <v>2</v>
      </c>
      <c r="AQ26" s="257">
        <v>5</v>
      </c>
      <c r="AR26" s="257">
        <v>3</v>
      </c>
      <c r="AS26" s="254">
        <v>18</v>
      </c>
      <c r="AT26" s="259">
        <v>19</v>
      </c>
      <c r="AU26" s="253">
        <v>19</v>
      </c>
      <c r="AV26" s="257">
        <v>23</v>
      </c>
      <c r="AW26" s="254">
        <v>42</v>
      </c>
      <c r="AX26" s="256">
        <v>0</v>
      </c>
      <c r="AY26" s="257">
        <v>89</v>
      </c>
      <c r="AZ26" s="257">
        <v>82</v>
      </c>
      <c r="BA26" s="257">
        <v>76</v>
      </c>
      <c r="BB26" s="257">
        <v>87</v>
      </c>
      <c r="BC26" s="257">
        <v>67</v>
      </c>
      <c r="BD26" s="258">
        <v>401</v>
      </c>
      <c r="BE26" s="259">
        <v>443</v>
      </c>
      <c r="BF26" s="253">
        <v>0</v>
      </c>
      <c r="BG26" s="257">
        <v>0</v>
      </c>
      <c r="BH26" s="254">
        <v>0</v>
      </c>
      <c r="BI26" s="256">
        <v>0</v>
      </c>
      <c r="BJ26" s="257">
        <v>121</v>
      </c>
      <c r="BK26" s="257">
        <v>90</v>
      </c>
      <c r="BL26" s="257">
        <v>32</v>
      </c>
      <c r="BM26" s="257">
        <v>23</v>
      </c>
      <c r="BN26" s="257">
        <v>13</v>
      </c>
      <c r="BO26" s="254">
        <v>279</v>
      </c>
      <c r="BP26" s="259">
        <v>279</v>
      </c>
      <c r="BQ26" s="253">
        <v>13</v>
      </c>
      <c r="BR26" s="257">
        <v>13</v>
      </c>
      <c r="BS26" s="254">
        <v>26</v>
      </c>
      <c r="BT26" s="256">
        <v>0</v>
      </c>
      <c r="BU26" s="257">
        <v>45</v>
      </c>
      <c r="BV26" s="257">
        <v>29</v>
      </c>
      <c r="BW26" s="257">
        <v>24</v>
      </c>
      <c r="BX26" s="257">
        <v>15</v>
      </c>
      <c r="BY26" s="257">
        <v>10</v>
      </c>
      <c r="BZ26" s="254">
        <v>123</v>
      </c>
      <c r="CA26" s="259">
        <v>149</v>
      </c>
      <c r="CB26" s="253">
        <v>3</v>
      </c>
      <c r="CC26" s="257">
        <v>1</v>
      </c>
      <c r="CD26" s="254">
        <v>4</v>
      </c>
      <c r="CE26" s="256">
        <v>0</v>
      </c>
      <c r="CF26" s="257">
        <v>19</v>
      </c>
      <c r="CG26" s="257">
        <v>22</v>
      </c>
      <c r="CH26" s="257">
        <v>18</v>
      </c>
      <c r="CI26" s="257">
        <v>25</v>
      </c>
      <c r="CJ26" s="257">
        <v>13</v>
      </c>
      <c r="CK26" s="254">
        <v>97</v>
      </c>
      <c r="CL26" s="259">
        <v>101</v>
      </c>
      <c r="CM26" s="253">
        <v>0</v>
      </c>
      <c r="CN26" s="257">
        <v>0</v>
      </c>
      <c r="CO26" s="254">
        <v>0</v>
      </c>
      <c r="CP26" s="256">
        <v>0</v>
      </c>
      <c r="CQ26" s="257">
        <v>1</v>
      </c>
      <c r="CR26" s="257">
        <v>0</v>
      </c>
      <c r="CS26" s="257">
        <v>1</v>
      </c>
      <c r="CT26" s="257">
        <v>1</v>
      </c>
      <c r="CU26" s="257">
        <v>2</v>
      </c>
      <c r="CV26" s="254">
        <v>5</v>
      </c>
      <c r="CW26" s="259">
        <v>5</v>
      </c>
      <c r="CX26" s="253">
        <v>0</v>
      </c>
      <c r="CY26" s="257">
        <v>0</v>
      </c>
      <c r="CZ26" s="254">
        <v>0</v>
      </c>
      <c r="DA26" s="256">
        <v>0</v>
      </c>
      <c r="DB26" s="257">
        <v>0</v>
      </c>
      <c r="DC26" s="257">
        <v>0</v>
      </c>
      <c r="DD26" s="257">
        <v>0</v>
      </c>
      <c r="DE26" s="257">
        <v>0</v>
      </c>
      <c r="DF26" s="257">
        <v>0</v>
      </c>
      <c r="DG26" s="254">
        <v>0</v>
      </c>
      <c r="DH26" s="259">
        <v>0</v>
      </c>
      <c r="DI26" s="253">
        <v>0</v>
      </c>
      <c r="DJ26" s="257">
        <v>0</v>
      </c>
      <c r="DK26" s="254">
        <v>0</v>
      </c>
      <c r="DL26" s="256">
        <v>0</v>
      </c>
      <c r="DM26" s="257">
        <v>0</v>
      </c>
      <c r="DN26" s="257">
        <v>0</v>
      </c>
      <c r="DO26" s="257">
        <v>0</v>
      </c>
      <c r="DP26" s="257">
        <v>0</v>
      </c>
      <c r="DQ26" s="257">
        <v>0</v>
      </c>
      <c r="DR26" s="254">
        <v>0</v>
      </c>
      <c r="DS26" s="259">
        <v>0</v>
      </c>
      <c r="DT26" s="253">
        <v>56</v>
      </c>
      <c r="DU26" s="257">
        <v>76</v>
      </c>
      <c r="DV26" s="254">
        <v>132</v>
      </c>
      <c r="DW26" s="256">
        <v>0</v>
      </c>
      <c r="DX26" s="257">
        <v>109</v>
      </c>
      <c r="DY26" s="257">
        <v>146</v>
      </c>
      <c r="DZ26" s="257">
        <v>72</v>
      </c>
      <c r="EA26" s="257">
        <v>68</v>
      </c>
      <c r="EB26" s="257">
        <v>43</v>
      </c>
      <c r="EC26" s="254">
        <v>438</v>
      </c>
      <c r="ED26" s="259">
        <v>570</v>
      </c>
      <c r="EE26" s="253">
        <v>11</v>
      </c>
      <c r="EF26" s="257">
        <v>11</v>
      </c>
      <c r="EG26" s="254">
        <v>22</v>
      </c>
      <c r="EH26" s="256">
        <v>0</v>
      </c>
      <c r="EI26" s="257">
        <v>42</v>
      </c>
      <c r="EJ26" s="257">
        <v>31</v>
      </c>
      <c r="EK26" s="257">
        <v>22</v>
      </c>
      <c r="EL26" s="257">
        <v>35</v>
      </c>
      <c r="EM26" s="257">
        <v>22</v>
      </c>
      <c r="EN26" s="254">
        <v>152</v>
      </c>
      <c r="EO26" s="259">
        <v>174</v>
      </c>
      <c r="EP26" s="253">
        <v>97</v>
      </c>
      <c r="EQ26" s="257">
        <v>116</v>
      </c>
      <c r="ER26" s="254">
        <v>213</v>
      </c>
      <c r="ES26" s="256">
        <v>0</v>
      </c>
      <c r="ET26" s="257">
        <v>277</v>
      </c>
      <c r="EU26" s="257">
        <v>215</v>
      </c>
      <c r="EV26" s="257">
        <v>122</v>
      </c>
      <c r="EW26" s="257">
        <v>86</v>
      </c>
      <c r="EX26" s="257">
        <v>56</v>
      </c>
      <c r="EY26" s="254">
        <v>756</v>
      </c>
      <c r="EZ26" s="259">
        <v>969</v>
      </c>
    </row>
    <row r="27" spans="2:156" ht="21" customHeight="1" x14ac:dyDescent="0.2">
      <c r="B27" s="437" t="s">
        <v>25</v>
      </c>
      <c r="C27" s="253">
        <v>0</v>
      </c>
      <c r="D27" s="257">
        <v>0</v>
      </c>
      <c r="E27" s="340">
        <v>0</v>
      </c>
      <c r="F27" s="256">
        <v>0</v>
      </c>
      <c r="G27" s="257">
        <v>111</v>
      </c>
      <c r="H27" s="257">
        <v>90</v>
      </c>
      <c r="I27" s="257">
        <v>50</v>
      </c>
      <c r="J27" s="257">
        <v>41</v>
      </c>
      <c r="K27" s="257">
        <v>29</v>
      </c>
      <c r="L27" s="258">
        <v>321</v>
      </c>
      <c r="M27" s="259">
        <v>321</v>
      </c>
      <c r="N27" s="253">
        <v>0</v>
      </c>
      <c r="O27" s="257">
        <v>0</v>
      </c>
      <c r="P27" s="254">
        <v>0</v>
      </c>
      <c r="Q27" s="256">
        <v>0</v>
      </c>
      <c r="R27" s="257">
        <v>3</v>
      </c>
      <c r="S27" s="257">
        <v>7</v>
      </c>
      <c r="T27" s="257">
        <v>13</v>
      </c>
      <c r="U27" s="257">
        <v>16</v>
      </c>
      <c r="V27" s="257">
        <v>14</v>
      </c>
      <c r="W27" s="254">
        <v>53</v>
      </c>
      <c r="X27" s="259">
        <v>53</v>
      </c>
      <c r="Y27" s="253">
        <v>17</v>
      </c>
      <c r="Z27" s="257">
        <v>50</v>
      </c>
      <c r="AA27" s="254">
        <v>67</v>
      </c>
      <c r="AB27" s="256">
        <v>0</v>
      </c>
      <c r="AC27" s="257">
        <v>99</v>
      </c>
      <c r="AD27" s="257">
        <v>84</v>
      </c>
      <c r="AE27" s="257">
        <v>42</v>
      </c>
      <c r="AF27" s="257">
        <v>43</v>
      </c>
      <c r="AG27" s="257">
        <v>28</v>
      </c>
      <c r="AH27" s="254">
        <v>296</v>
      </c>
      <c r="AI27" s="259">
        <v>363</v>
      </c>
      <c r="AJ27" s="253">
        <v>1</v>
      </c>
      <c r="AK27" s="257">
        <v>5</v>
      </c>
      <c r="AL27" s="254">
        <v>6</v>
      </c>
      <c r="AM27" s="256">
        <v>0</v>
      </c>
      <c r="AN27" s="257">
        <v>1</v>
      </c>
      <c r="AO27" s="257">
        <v>13</v>
      </c>
      <c r="AP27" s="257">
        <v>3</v>
      </c>
      <c r="AQ27" s="257">
        <v>4</v>
      </c>
      <c r="AR27" s="257">
        <v>5</v>
      </c>
      <c r="AS27" s="254">
        <v>26</v>
      </c>
      <c r="AT27" s="259">
        <v>32</v>
      </c>
      <c r="AU27" s="253">
        <v>10</v>
      </c>
      <c r="AV27" s="257">
        <v>11</v>
      </c>
      <c r="AW27" s="254">
        <v>21</v>
      </c>
      <c r="AX27" s="256">
        <v>0</v>
      </c>
      <c r="AY27" s="257">
        <v>75</v>
      </c>
      <c r="AZ27" s="257">
        <v>67</v>
      </c>
      <c r="BA27" s="257">
        <v>55</v>
      </c>
      <c r="BB27" s="257">
        <v>79</v>
      </c>
      <c r="BC27" s="257">
        <v>58</v>
      </c>
      <c r="BD27" s="258">
        <v>334</v>
      </c>
      <c r="BE27" s="259">
        <v>355</v>
      </c>
      <c r="BF27" s="253">
        <v>0</v>
      </c>
      <c r="BG27" s="257">
        <v>0</v>
      </c>
      <c r="BH27" s="254">
        <v>0</v>
      </c>
      <c r="BI27" s="256">
        <v>0</v>
      </c>
      <c r="BJ27" s="257">
        <v>158</v>
      </c>
      <c r="BK27" s="257">
        <v>98</v>
      </c>
      <c r="BL27" s="257">
        <v>52</v>
      </c>
      <c r="BM27" s="257">
        <v>36</v>
      </c>
      <c r="BN27" s="257">
        <v>12</v>
      </c>
      <c r="BO27" s="254">
        <v>356</v>
      </c>
      <c r="BP27" s="259">
        <v>356</v>
      </c>
      <c r="BQ27" s="253">
        <v>14</v>
      </c>
      <c r="BR27" s="257">
        <v>11</v>
      </c>
      <c r="BS27" s="254">
        <v>25</v>
      </c>
      <c r="BT27" s="256">
        <v>0</v>
      </c>
      <c r="BU27" s="257">
        <v>34</v>
      </c>
      <c r="BV27" s="257">
        <v>53</v>
      </c>
      <c r="BW27" s="257">
        <v>31</v>
      </c>
      <c r="BX27" s="257">
        <v>16</v>
      </c>
      <c r="BY27" s="257">
        <v>4</v>
      </c>
      <c r="BZ27" s="254">
        <v>138</v>
      </c>
      <c r="CA27" s="259">
        <v>163</v>
      </c>
      <c r="CB27" s="253">
        <v>0</v>
      </c>
      <c r="CC27" s="257">
        <v>5</v>
      </c>
      <c r="CD27" s="254">
        <v>5</v>
      </c>
      <c r="CE27" s="256">
        <v>0</v>
      </c>
      <c r="CF27" s="257">
        <v>22</v>
      </c>
      <c r="CG27" s="257">
        <v>25</v>
      </c>
      <c r="CH27" s="257">
        <v>22</v>
      </c>
      <c r="CI27" s="257">
        <v>15</v>
      </c>
      <c r="CJ27" s="257">
        <v>6</v>
      </c>
      <c r="CK27" s="254">
        <v>90</v>
      </c>
      <c r="CL27" s="259">
        <v>95</v>
      </c>
      <c r="CM27" s="253">
        <v>0</v>
      </c>
      <c r="CN27" s="257">
        <v>0</v>
      </c>
      <c r="CO27" s="254">
        <v>0</v>
      </c>
      <c r="CP27" s="256">
        <v>0</v>
      </c>
      <c r="CQ27" s="257">
        <v>1</v>
      </c>
      <c r="CR27" s="257">
        <v>3</v>
      </c>
      <c r="CS27" s="257">
        <v>6</v>
      </c>
      <c r="CT27" s="257">
        <v>3</v>
      </c>
      <c r="CU27" s="257">
        <v>1</v>
      </c>
      <c r="CV27" s="254">
        <v>14</v>
      </c>
      <c r="CW27" s="259">
        <v>14</v>
      </c>
      <c r="CX27" s="253">
        <v>0</v>
      </c>
      <c r="CY27" s="257">
        <v>0</v>
      </c>
      <c r="CZ27" s="254">
        <v>0</v>
      </c>
      <c r="DA27" s="256">
        <v>0</v>
      </c>
      <c r="DB27" s="257">
        <v>0</v>
      </c>
      <c r="DC27" s="257">
        <v>0</v>
      </c>
      <c r="DD27" s="257">
        <v>0</v>
      </c>
      <c r="DE27" s="257">
        <v>0</v>
      </c>
      <c r="DF27" s="257">
        <v>0</v>
      </c>
      <c r="DG27" s="254">
        <v>0</v>
      </c>
      <c r="DH27" s="259">
        <v>0</v>
      </c>
      <c r="DI27" s="253">
        <v>0</v>
      </c>
      <c r="DJ27" s="257">
        <v>0</v>
      </c>
      <c r="DK27" s="254">
        <v>0</v>
      </c>
      <c r="DL27" s="256">
        <v>0</v>
      </c>
      <c r="DM27" s="257">
        <v>0</v>
      </c>
      <c r="DN27" s="257">
        <v>0</v>
      </c>
      <c r="DO27" s="257">
        <v>0</v>
      </c>
      <c r="DP27" s="257">
        <v>0</v>
      </c>
      <c r="DQ27" s="257">
        <v>0</v>
      </c>
      <c r="DR27" s="254">
        <v>0</v>
      </c>
      <c r="DS27" s="259">
        <v>0</v>
      </c>
      <c r="DT27" s="253">
        <v>85</v>
      </c>
      <c r="DU27" s="257">
        <v>147</v>
      </c>
      <c r="DV27" s="254">
        <v>232</v>
      </c>
      <c r="DW27" s="256">
        <v>0</v>
      </c>
      <c r="DX27" s="257">
        <v>145</v>
      </c>
      <c r="DY27" s="257">
        <v>236</v>
      </c>
      <c r="DZ27" s="257">
        <v>121</v>
      </c>
      <c r="EA27" s="257">
        <v>98</v>
      </c>
      <c r="EB27" s="257">
        <v>49</v>
      </c>
      <c r="EC27" s="254">
        <v>649</v>
      </c>
      <c r="ED27" s="259">
        <v>881</v>
      </c>
      <c r="EE27" s="253">
        <v>7</v>
      </c>
      <c r="EF27" s="257">
        <v>2</v>
      </c>
      <c r="EG27" s="254">
        <v>9</v>
      </c>
      <c r="EH27" s="256">
        <v>0</v>
      </c>
      <c r="EI27" s="257">
        <v>17</v>
      </c>
      <c r="EJ27" s="257">
        <v>9</v>
      </c>
      <c r="EK27" s="257">
        <v>13</v>
      </c>
      <c r="EL27" s="257">
        <v>20</v>
      </c>
      <c r="EM27" s="257">
        <v>17</v>
      </c>
      <c r="EN27" s="254">
        <v>76</v>
      </c>
      <c r="EO27" s="259">
        <v>85</v>
      </c>
      <c r="EP27" s="253">
        <v>105</v>
      </c>
      <c r="EQ27" s="257">
        <v>174</v>
      </c>
      <c r="ER27" s="254">
        <v>279</v>
      </c>
      <c r="ES27" s="256">
        <v>0</v>
      </c>
      <c r="ET27" s="257">
        <v>375</v>
      </c>
      <c r="EU27" s="257">
        <v>291</v>
      </c>
      <c r="EV27" s="257">
        <v>145</v>
      </c>
      <c r="EW27" s="257">
        <v>106</v>
      </c>
      <c r="EX27" s="257">
        <v>55</v>
      </c>
      <c r="EY27" s="254">
        <v>972</v>
      </c>
      <c r="EZ27" s="259">
        <v>1251</v>
      </c>
    </row>
    <row r="28" spans="2:156" ht="21" customHeight="1" x14ac:dyDescent="0.2">
      <c r="B28" s="437" t="s">
        <v>26</v>
      </c>
      <c r="C28" s="253">
        <v>0</v>
      </c>
      <c r="D28" s="257">
        <v>0</v>
      </c>
      <c r="E28" s="340">
        <v>0</v>
      </c>
      <c r="F28" s="256">
        <v>0</v>
      </c>
      <c r="G28" s="257">
        <v>83</v>
      </c>
      <c r="H28" s="257">
        <v>83</v>
      </c>
      <c r="I28" s="257">
        <v>58</v>
      </c>
      <c r="J28" s="257">
        <v>34</v>
      </c>
      <c r="K28" s="257">
        <v>50</v>
      </c>
      <c r="L28" s="258">
        <v>308</v>
      </c>
      <c r="M28" s="259">
        <v>308</v>
      </c>
      <c r="N28" s="253">
        <v>0</v>
      </c>
      <c r="O28" s="257">
        <v>0</v>
      </c>
      <c r="P28" s="254">
        <v>0</v>
      </c>
      <c r="Q28" s="256">
        <v>0</v>
      </c>
      <c r="R28" s="257">
        <v>0</v>
      </c>
      <c r="S28" s="257">
        <v>1</v>
      </c>
      <c r="T28" s="257">
        <v>3</v>
      </c>
      <c r="U28" s="257">
        <v>8</v>
      </c>
      <c r="V28" s="257">
        <v>18</v>
      </c>
      <c r="W28" s="254">
        <v>30</v>
      </c>
      <c r="X28" s="259">
        <v>30</v>
      </c>
      <c r="Y28" s="253">
        <v>13</v>
      </c>
      <c r="Z28" s="257">
        <v>17</v>
      </c>
      <c r="AA28" s="254">
        <v>30</v>
      </c>
      <c r="AB28" s="256">
        <v>0</v>
      </c>
      <c r="AC28" s="257">
        <v>72</v>
      </c>
      <c r="AD28" s="257">
        <v>68</v>
      </c>
      <c r="AE28" s="257">
        <v>40</v>
      </c>
      <c r="AF28" s="257">
        <v>40</v>
      </c>
      <c r="AG28" s="257">
        <v>48</v>
      </c>
      <c r="AH28" s="254">
        <v>268</v>
      </c>
      <c r="AI28" s="259">
        <v>298</v>
      </c>
      <c r="AJ28" s="253">
        <v>0</v>
      </c>
      <c r="AK28" s="257">
        <v>1</v>
      </c>
      <c r="AL28" s="254">
        <v>1</v>
      </c>
      <c r="AM28" s="256">
        <v>0</v>
      </c>
      <c r="AN28" s="257">
        <v>0</v>
      </c>
      <c r="AO28" s="257">
        <v>4</v>
      </c>
      <c r="AP28" s="257">
        <v>6</v>
      </c>
      <c r="AQ28" s="257">
        <v>3</v>
      </c>
      <c r="AR28" s="257">
        <v>3</v>
      </c>
      <c r="AS28" s="254">
        <v>16</v>
      </c>
      <c r="AT28" s="259">
        <v>17</v>
      </c>
      <c r="AU28" s="253">
        <v>11</v>
      </c>
      <c r="AV28" s="257">
        <v>4</v>
      </c>
      <c r="AW28" s="254">
        <v>15</v>
      </c>
      <c r="AX28" s="256">
        <v>0</v>
      </c>
      <c r="AY28" s="257">
        <v>62</v>
      </c>
      <c r="AZ28" s="257">
        <v>72</v>
      </c>
      <c r="BA28" s="257">
        <v>83</v>
      </c>
      <c r="BB28" s="257">
        <v>57</v>
      </c>
      <c r="BC28" s="257">
        <v>61</v>
      </c>
      <c r="BD28" s="258">
        <v>335</v>
      </c>
      <c r="BE28" s="259">
        <v>350</v>
      </c>
      <c r="BF28" s="253">
        <v>0</v>
      </c>
      <c r="BG28" s="257">
        <v>0</v>
      </c>
      <c r="BH28" s="254">
        <v>0</v>
      </c>
      <c r="BI28" s="256">
        <v>0</v>
      </c>
      <c r="BJ28" s="257">
        <v>119</v>
      </c>
      <c r="BK28" s="257">
        <v>95</v>
      </c>
      <c r="BL28" s="257">
        <v>50</v>
      </c>
      <c r="BM28" s="257">
        <v>23</v>
      </c>
      <c r="BN28" s="257">
        <v>17</v>
      </c>
      <c r="BO28" s="254">
        <v>304</v>
      </c>
      <c r="BP28" s="259">
        <v>304</v>
      </c>
      <c r="BQ28" s="253">
        <v>8</v>
      </c>
      <c r="BR28" s="257">
        <v>7</v>
      </c>
      <c r="BS28" s="254">
        <v>15</v>
      </c>
      <c r="BT28" s="256">
        <v>0</v>
      </c>
      <c r="BU28" s="257">
        <v>23</v>
      </c>
      <c r="BV28" s="257">
        <v>25</v>
      </c>
      <c r="BW28" s="257">
        <v>15</v>
      </c>
      <c r="BX28" s="257">
        <v>14</v>
      </c>
      <c r="BY28" s="257">
        <v>5</v>
      </c>
      <c r="BZ28" s="254">
        <v>82</v>
      </c>
      <c r="CA28" s="259">
        <v>97</v>
      </c>
      <c r="CB28" s="253">
        <v>1</v>
      </c>
      <c r="CC28" s="257">
        <v>0</v>
      </c>
      <c r="CD28" s="254">
        <v>1</v>
      </c>
      <c r="CE28" s="256">
        <v>0</v>
      </c>
      <c r="CF28" s="257">
        <v>20</v>
      </c>
      <c r="CG28" s="257">
        <v>20</v>
      </c>
      <c r="CH28" s="257">
        <v>25</v>
      </c>
      <c r="CI28" s="257">
        <v>13</v>
      </c>
      <c r="CJ28" s="257">
        <v>14</v>
      </c>
      <c r="CK28" s="254">
        <v>92</v>
      </c>
      <c r="CL28" s="259">
        <v>93</v>
      </c>
      <c r="CM28" s="253">
        <v>0</v>
      </c>
      <c r="CN28" s="257">
        <v>0</v>
      </c>
      <c r="CO28" s="254">
        <v>0</v>
      </c>
      <c r="CP28" s="256">
        <v>0</v>
      </c>
      <c r="CQ28" s="257">
        <v>1</v>
      </c>
      <c r="CR28" s="257">
        <v>3</v>
      </c>
      <c r="CS28" s="257">
        <v>3</v>
      </c>
      <c r="CT28" s="257">
        <v>4</v>
      </c>
      <c r="CU28" s="257">
        <v>2</v>
      </c>
      <c r="CV28" s="254">
        <v>13</v>
      </c>
      <c r="CW28" s="259">
        <v>13</v>
      </c>
      <c r="CX28" s="253">
        <v>0</v>
      </c>
      <c r="CY28" s="257">
        <v>0</v>
      </c>
      <c r="CZ28" s="254">
        <v>0</v>
      </c>
      <c r="DA28" s="256">
        <v>0</v>
      </c>
      <c r="DB28" s="257">
        <v>0</v>
      </c>
      <c r="DC28" s="257">
        <v>0</v>
      </c>
      <c r="DD28" s="257">
        <v>0</v>
      </c>
      <c r="DE28" s="257">
        <v>0</v>
      </c>
      <c r="DF28" s="257">
        <v>0</v>
      </c>
      <c r="DG28" s="254">
        <v>0</v>
      </c>
      <c r="DH28" s="259">
        <v>0</v>
      </c>
      <c r="DI28" s="253">
        <v>0</v>
      </c>
      <c r="DJ28" s="257">
        <v>0</v>
      </c>
      <c r="DK28" s="254">
        <v>0</v>
      </c>
      <c r="DL28" s="256">
        <v>0</v>
      </c>
      <c r="DM28" s="257">
        <v>0</v>
      </c>
      <c r="DN28" s="257">
        <v>0</v>
      </c>
      <c r="DO28" s="257">
        <v>0</v>
      </c>
      <c r="DP28" s="257">
        <v>0</v>
      </c>
      <c r="DQ28" s="257">
        <v>0</v>
      </c>
      <c r="DR28" s="254">
        <v>0</v>
      </c>
      <c r="DS28" s="259">
        <v>0</v>
      </c>
      <c r="DT28" s="253">
        <v>67</v>
      </c>
      <c r="DU28" s="257">
        <v>105</v>
      </c>
      <c r="DV28" s="254">
        <v>172</v>
      </c>
      <c r="DW28" s="256">
        <v>0</v>
      </c>
      <c r="DX28" s="257">
        <v>148</v>
      </c>
      <c r="DY28" s="257">
        <v>179</v>
      </c>
      <c r="DZ28" s="257">
        <v>112</v>
      </c>
      <c r="EA28" s="257">
        <v>77</v>
      </c>
      <c r="EB28" s="257">
        <v>75</v>
      </c>
      <c r="EC28" s="254">
        <v>591</v>
      </c>
      <c r="ED28" s="259">
        <v>763</v>
      </c>
      <c r="EE28" s="253">
        <v>8</v>
      </c>
      <c r="EF28" s="257">
        <v>5</v>
      </c>
      <c r="EG28" s="254">
        <v>13</v>
      </c>
      <c r="EH28" s="256">
        <v>0</v>
      </c>
      <c r="EI28" s="257">
        <v>26</v>
      </c>
      <c r="EJ28" s="257">
        <v>26</v>
      </c>
      <c r="EK28" s="257">
        <v>23</v>
      </c>
      <c r="EL28" s="257">
        <v>19</v>
      </c>
      <c r="EM28" s="257">
        <v>9</v>
      </c>
      <c r="EN28" s="254">
        <v>103</v>
      </c>
      <c r="EO28" s="259">
        <v>116</v>
      </c>
      <c r="EP28" s="253">
        <v>82</v>
      </c>
      <c r="EQ28" s="257">
        <v>119</v>
      </c>
      <c r="ER28" s="254">
        <v>201</v>
      </c>
      <c r="ES28" s="256">
        <v>0</v>
      </c>
      <c r="ET28" s="257">
        <v>278</v>
      </c>
      <c r="EU28" s="257">
        <v>243</v>
      </c>
      <c r="EV28" s="257">
        <v>142</v>
      </c>
      <c r="EW28" s="257">
        <v>81</v>
      </c>
      <c r="EX28" s="257">
        <v>77</v>
      </c>
      <c r="EY28" s="254">
        <v>821</v>
      </c>
      <c r="EZ28" s="259">
        <v>1022</v>
      </c>
    </row>
    <row r="29" spans="2:156" ht="21" customHeight="1" x14ac:dyDescent="0.2">
      <c r="B29" s="437" t="s">
        <v>27</v>
      </c>
      <c r="C29" s="253">
        <v>0</v>
      </c>
      <c r="D29" s="257">
        <v>0</v>
      </c>
      <c r="E29" s="340">
        <v>0</v>
      </c>
      <c r="F29" s="256">
        <v>0</v>
      </c>
      <c r="G29" s="257">
        <v>56</v>
      </c>
      <c r="H29" s="257">
        <v>57</v>
      </c>
      <c r="I29" s="257">
        <v>33</v>
      </c>
      <c r="J29" s="257">
        <v>26</v>
      </c>
      <c r="K29" s="257">
        <v>33</v>
      </c>
      <c r="L29" s="258">
        <v>205</v>
      </c>
      <c r="M29" s="259">
        <v>205</v>
      </c>
      <c r="N29" s="253">
        <v>0</v>
      </c>
      <c r="O29" s="257">
        <v>0</v>
      </c>
      <c r="P29" s="254">
        <v>0</v>
      </c>
      <c r="Q29" s="256">
        <v>0</v>
      </c>
      <c r="R29" s="257">
        <v>2</v>
      </c>
      <c r="S29" s="257">
        <v>5</v>
      </c>
      <c r="T29" s="257">
        <v>5</v>
      </c>
      <c r="U29" s="257">
        <v>9</v>
      </c>
      <c r="V29" s="257">
        <v>16</v>
      </c>
      <c r="W29" s="254">
        <v>37</v>
      </c>
      <c r="X29" s="259">
        <v>37</v>
      </c>
      <c r="Y29" s="253">
        <v>21</v>
      </c>
      <c r="Z29" s="257">
        <v>40</v>
      </c>
      <c r="AA29" s="254">
        <v>61</v>
      </c>
      <c r="AB29" s="256">
        <v>0</v>
      </c>
      <c r="AC29" s="257">
        <v>43</v>
      </c>
      <c r="AD29" s="257">
        <v>48</v>
      </c>
      <c r="AE29" s="257">
        <v>39</v>
      </c>
      <c r="AF29" s="257">
        <v>24</v>
      </c>
      <c r="AG29" s="257">
        <v>32</v>
      </c>
      <c r="AH29" s="254">
        <v>186</v>
      </c>
      <c r="AI29" s="259">
        <v>247</v>
      </c>
      <c r="AJ29" s="253">
        <v>0</v>
      </c>
      <c r="AK29" s="257">
        <v>2</v>
      </c>
      <c r="AL29" s="254">
        <v>2</v>
      </c>
      <c r="AM29" s="256">
        <v>0</v>
      </c>
      <c r="AN29" s="257">
        <v>1</v>
      </c>
      <c r="AO29" s="257">
        <v>2</v>
      </c>
      <c r="AP29" s="257">
        <v>1</v>
      </c>
      <c r="AQ29" s="257">
        <v>0</v>
      </c>
      <c r="AR29" s="257">
        <v>2</v>
      </c>
      <c r="AS29" s="254">
        <v>6</v>
      </c>
      <c r="AT29" s="259">
        <v>8</v>
      </c>
      <c r="AU29" s="253">
        <v>11</v>
      </c>
      <c r="AV29" s="257">
        <v>17</v>
      </c>
      <c r="AW29" s="254">
        <v>28</v>
      </c>
      <c r="AX29" s="256">
        <v>0</v>
      </c>
      <c r="AY29" s="257">
        <v>60</v>
      </c>
      <c r="AZ29" s="257">
        <v>61</v>
      </c>
      <c r="BA29" s="257">
        <v>67</v>
      </c>
      <c r="BB29" s="257">
        <v>65</v>
      </c>
      <c r="BC29" s="257">
        <v>56</v>
      </c>
      <c r="BD29" s="258">
        <v>309</v>
      </c>
      <c r="BE29" s="259">
        <v>337</v>
      </c>
      <c r="BF29" s="253">
        <v>0</v>
      </c>
      <c r="BG29" s="257">
        <v>0</v>
      </c>
      <c r="BH29" s="254">
        <v>0</v>
      </c>
      <c r="BI29" s="256">
        <v>0</v>
      </c>
      <c r="BJ29" s="257">
        <v>111</v>
      </c>
      <c r="BK29" s="257">
        <v>60</v>
      </c>
      <c r="BL29" s="257">
        <v>42</v>
      </c>
      <c r="BM29" s="257">
        <v>27</v>
      </c>
      <c r="BN29" s="257">
        <v>12</v>
      </c>
      <c r="BO29" s="254">
        <v>252</v>
      </c>
      <c r="BP29" s="259">
        <v>252</v>
      </c>
      <c r="BQ29" s="253">
        <v>12</v>
      </c>
      <c r="BR29" s="257">
        <v>27</v>
      </c>
      <c r="BS29" s="254">
        <v>39</v>
      </c>
      <c r="BT29" s="256">
        <v>0</v>
      </c>
      <c r="BU29" s="257">
        <v>20</v>
      </c>
      <c r="BV29" s="257">
        <v>27</v>
      </c>
      <c r="BW29" s="257">
        <v>13</v>
      </c>
      <c r="BX29" s="257">
        <v>6</v>
      </c>
      <c r="BY29" s="257">
        <v>5</v>
      </c>
      <c r="BZ29" s="254">
        <v>71</v>
      </c>
      <c r="CA29" s="259">
        <v>110</v>
      </c>
      <c r="CB29" s="253">
        <v>0</v>
      </c>
      <c r="CC29" s="257">
        <v>0</v>
      </c>
      <c r="CD29" s="254">
        <v>0</v>
      </c>
      <c r="CE29" s="256">
        <v>0</v>
      </c>
      <c r="CF29" s="257">
        <v>10</v>
      </c>
      <c r="CG29" s="257">
        <v>10</v>
      </c>
      <c r="CH29" s="257">
        <v>16</v>
      </c>
      <c r="CI29" s="257">
        <v>11</v>
      </c>
      <c r="CJ29" s="257">
        <v>4</v>
      </c>
      <c r="CK29" s="254">
        <v>51</v>
      </c>
      <c r="CL29" s="259">
        <v>51</v>
      </c>
      <c r="CM29" s="253">
        <v>1</v>
      </c>
      <c r="CN29" s="257">
        <v>0</v>
      </c>
      <c r="CO29" s="254">
        <v>1</v>
      </c>
      <c r="CP29" s="256">
        <v>0</v>
      </c>
      <c r="CQ29" s="257">
        <v>0</v>
      </c>
      <c r="CR29" s="257">
        <v>0</v>
      </c>
      <c r="CS29" s="257">
        <v>0</v>
      </c>
      <c r="CT29" s="257">
        <v>2</v>
      </c>
      <c r="CU29" s="257">
        <v>0</v>
      </c>
      <c r="CV29" s="254">
        <v>2</v>
      </c>
      <c r="CW29" s="259">
        <v>3</v>
      </c>
      <c r="CX29" s="253">
        <v>0</v>
      </c>
      <c r="CY29" s="257">
        <v>0</v>
      </c>
      <c r="CZ29" s="254">
        <v>0</v>
      </c>
      <c r="DA29" s="256">
        <v>0</v>
      </c>
      <c r="DB29" s="257">
        <v>0</v>
      </c>
      <c r="DC29" s="257">
        <v>0</v>
      </c>
      <c r="DD29" s="257">
        <v>0</v>
      </c>
      <c r="DE29" s="257">
        <v>0</v>
      </c>
      <c r="DF29" s="257">
        <v>0</v>
      </c>
      <c r="DG29" s="254">
        <v>0</v>
      </c>
      <c r="DH29" s="259">
        <v>0</v>
      </c>
      <c r="DI29" s="253">
        <v>0</v>
      </c>
      <c r="DJ29" s="257">
        <v>0</v>
      </c>
      <c r="DK29" s="254">
        <v>0</v>
      </c>
      <c r="DL29" s="256">
        <v>0</v>
      </c>
      <c r="DM29" s="257">
        <v>0</v>
      </c>
      <c r="DN29" s="257">
        <v>0</v>
      </c>
      <c r="DO29" s="257">
        <v>0</v>
      </c>
      <c r="DP29" s="257">
        <v>0</v>
      </c>
      <c r="DQ29" s="257">
        <v>0</v>
      </c>
      <c r="DR29" s="254">
        <v>0</v>
      </c>
      <c r="DS29" s="259">
        <v>0</v>
      </c>
      <c r="DT29" s="253">
        <v>96</v>
      </c>
      <c r="DU29" s="257">
        <v>146</v>
      </c>
      <c r="DV29" s="254">
        <v>242</v>
      </c>
      <c r="DW29" s="256">
        <v>0</v>
      </c>
      <c r="DX29" s="257">
        <v>94</v>
      </c>
      <c r="DY29" s="257">
        <v>124</v>
      </c>
      <c r="DZ29" s="257">
        <v>86</v>
      </c>
      <c r="EA29" s="257">
        <v>52</v>
      </c>
      <c r="EB29" s="257">
        <v>44</v>
      </c>
      <c r="EC29" s="254">
        <v>400</v>
      </c>
      <c r="ED29" s="259">
        <v>642</v>
      </c>
      <c r="EE29" s="253">
        <v>11</v>
      </c>
      <c r="EF29" s="257">
        <v>13</v>
      </c>
      <c r="EG29" s="254">
        <v>24</v>
      </c>
      <c r="EH29" s="256">
        <v>0</v>
      </c>
      <c r="EI29" s="257">
        <v>42</v>
      </c>
      <c r="EJ29" s="257">
        <v>30</v>
      </c>
      <c r="EK29" s="257">
        <v>27</v>
      </c>
      <c r="EL29" s="257">
        <v>36</v>
      </c>
      <c r="EM29" s="257">
        <v>21</v>
      </c>
      <c r="EN29" s="254">
        <v>156</v>
      </c>
      <c r="EO29" s="259">
        <v>180</v>
      </c>
      <c r="EP29" s="253">
        <v>123</v>
      </c>
      <c r="EQ29" s="257">
        <v>169</v>
      </c>
      <c r="ER29" s="254">
        <v>292</v>
      </c>
      <c r="ES29" s="256">
        <v>0</v>
      </c>
      <c r="ET29" s="257">
        <v>221</v>
      </c>
      <c r="EU29" s="257">
        <v>153</v>
      </c>
      <c r="EV29" s="257">
        <v>91</v>
      </c>
      <c r="EW29" s="257">
        <v>54</v>
      </c>
      <c r="EX29" s="257">
        <v>45</v>
      </c>
      <c r="EY29" s="254">
        <v>564</v>
      </c>
      <c r="EZ29" s="259">
        <v>856</v>
      </c>
    </row>
    <row r="30" spans="2:156" ht="21" customHeight="1" x14ac:dyDescent="0.2">
      <c r="B30" s="437" t="s">
        <v>28</v>
      </c>
      <c r="C30" s="253">
        <v>0</v>
      </c>
      <c r="D30" s="257">
        <v>0</v>
      </c>
      <c r="E30" s="340">
        <v>0</v>
      </c>
      <c r="F30" s="256">
        <v>0</v>
      </c>
      <c r="G30" s="257">
        <v>13</v>
      </c>
      <c r="H30" s="257">
        <v>17</v>
      </c>
      <c r="I30" s="257">
        <v>7</v>
      </c>
      <c r="J30" s="257">
        <v>11</v>
      </c>
      <c r="K30" s="257">
        <v>5</v>
      </c>
      <c r="L30" s="258">
        <v>53</v>
      </c>
      <c r="M30" s="259">
        <v>53</v>
      </c>
      <c r="N30" s="253">
        <v>0</v>
      </c>
      <c r="O30" s="257">
        <v>0</v>
      </c>
      <c r="P30" s="254">
        <v>0</v>
      </c>
      <c r="Q30" s="256">
        <v>0</v>
      </c>
      <c r="R30" s="257">
        <v>0</v>
      </c>
      <c r="S30" s="257">
        <v>0</v>
      </c>
      <c r="T30" s="257">
        <v>2</v>
      </c>
      <c r="U30" s="257">
        <v>4</v>
      </c>
      <c r="V30" s="257">
        <v>3</v>
      </c>
      <c r="W30" s="254">
        <v>9</v>
      </c>
      <c r="X30" s="259">
        <v>9</v>
      </c>
      <c r="Y30" s="253">
        <v>1</v>
      </c>
      <c r="Z30" s="257">
        <v>4</v>
      </c>
      <c r="AA30" s="254">
        <v>5</v>
      </c>
      <c r="AB30" s="256">
        <v>0</v>
      </c>
      <c r="AC30" s="257">
        <v>11</v>
      </c>
      <c r="AD30" s="257">
        <v>13</v>
      </c>
      <c r="AE30" s="257">
        <v>8</v>
      </c>
      <c r="AF30" s="257">
        <v>11</v>
      </c>
      <c r="AG30" s="257">
        <v>8</v>
      </c>
      <c r="AH30" s="254">
        <v>51</v>
      </c>
      <c r="AI30" s="259">
        <v>56</v>
      </c>
      <c r="AJ30" s="253">
        <v>0</v>
      </c>
      <c r="AK30" s="257">
        <v>0</v>
      </c>
      <c r="AL30" s="254">
        <v>0</v>
      </c>
      <c r="AM30" s="256">
        <v>0</v>
      </c>
      <c r="AN30" s="257">
        <v>1</v>
      </c>
      <c r="AO30" s="257">
        <v>0</v>
      </c>
      <c r="AP30" s="257">
        <v>0</v>
      </c>
      <c r="AQ30" s="257">
        <v>1</v>
      </c>
      <c r="AR30" s="257">
        <v>2</v>
      </c>
      <c r="AS30" s="254">
        <v>4</v>
      </c>
      <c r="AT30" s="259">
        <v>4</v>
      </c>
      <c r="AU30" s="253">
        <v>1</v>
      </c>
      <c r="AV30" s="257">
        <v>1</v>
      </c>
      <c r="AW30" s="254">
        <v>2</v>
      </c>
      <c r="AX30" s="256">
        <v>0</v>
      </c>
      <c r="AY30" s="257">
        <v>13</v>
      </c>
      <c r="AZ30" s="257">
        <v>29</v>
      </c>
      <c r="BA30" s="257">
        <v>14</v>
      </c>
      <c r="BB30" s="257">
        <v>21</v>
      </c>
      <c r="BC30" s="257">
        <v>15</v>
      </c>
      <c r="BD30" s="258">
        <v>92</v>
      </c>
      <c r="BE30" s="259">
        <v>94</v>
      </c>
      <c r="BF30" s="253">
        <v>0</v>
      </c>
      <c r="BG30" s="257">
        <v>0</v>
      </c>
      <c r="BH30" s="254">
        <v>0</v>
      </c>
      <c r="BI30" s="256">
        <v>0</v>
      </c>
      <c r="BJ30" s="257">
        <v>25</v>
      </c>
      <c r="BK30" s="257">
        <v>37</v>
      </c>
      <c r="BL30" s="257">
        <v>19</v>
      </c>
      <c r="BM30" s="257">
        <v>10</v>
      </c>
      <c r="BN30" s="257">
        <v>6</v>
      </c>
      <c r="BO30" s="254">
        <v>97</v>
      </c>
      <c r="BP30" s="259">
        <v>97</v>
      </c>
      <c r="BQ30" s="253">
        <v>1</v>
      </c>
      <c r="BR30" s="257">
        <v>4</v>
      </c>
      <c r="BS30" s="254">
        <v>5</v>
      </c>
      <c r="BT30" s="256">
        <v>0</v>
      </c>
      <c r="BU30" s="257">
        <v>11</v>
      </c>
      <c r="BV30" s="257">
        <v>13</v>
      </c>
      <c r="BW30" s="257">
        <v>6</v>
      </c>
      <c r="BX30" s="257">
        <v>6</v>
      </c>
      <c r="BY30" s="257">
        <v>4</v>
      </c>
      <c r="BZ30" s="254">
        <v>40</v>
      </c>
      <c r="CA30" s="259">
        <v>45</v>
      </c>
      <c r="CB30" s="253">
        <v>0</v>
      </c>
      <c r="CC30" s="257">
        <v>1</v>
      </c>
      <c r="CD30" s="254">
        <v>1</v>
      </c>
      <c r="CE30" s="256">
        <v>0</v>
      </c>
      <c r="CF30" s="257">
        <v>2</v>
      </c>
      <c r="CG30" s="257">
        <v>7</v>
      </c>
      <c r="CH30" s="257">
        <v>5</v>
      </c>
      <c r="CI30" s="257">
        <v>7</v>
      </c>
      <c r="CJ30" s="257">
        <v>4</v>
      </c>
      <c r="CK30" s="254">
        <v>25</v>
      </c>
      <c r="CL30" s="259">
        <v>26</v>
      </c>
      <c r="CM30" s="253">
        <v>0</v>
      </c>
      <c r="CN30" s="257">
        <v>0</v>
      </c>
      <c r="CO30" s="254">
        <v>0</v>
      </c>
      <c r="CP30" s="256">
        <v>0</v>
      </c>
      <c r="CQ30" s="257">
        <v>2</v>
      </c>
      <c r="CR30" s="257">
        <v>2</v>
      </c>
      <c r="CS30" s="257">
        <v>5</v>
      </c>
      <c r="CT30" s="257">
        <v>1</v>
      </c>
      <c r="CU30" s="257">
        <v>1</v>
      </c>
      <c r="CV30" s="254">
        <v>11</v>
      </c>
      <c r="CW30" s="259">
        <v>11</v>
      </c>
      <c r="CX30" s="253">
        <v>0</v>
      </c>
      <c r="CY30" s="257">
        <v>0</v>
      </c>
      <c r="CZ30" s="254">
        <v>0</v>
      </c>
      <c r="DA30" s="256">
        <v>0</v>
      </c>
      <c r="DB30" s="257">
        <v>0</v>
      </c>
      <c r="DC30" s="257">
        <v>0</v>
      </c>
      <c r="DD30" s="257">
        <v>0</v>
      </c>
      <c r="DE30" s="257">
        <v>0</v>
      </c>
      <c r="DF30" s="257">
        <v>0</v>
      </c>
      <c r="DG30" s="254">
        <v>0</v>
      </c>
      <c r="DH30" s="259">
        <v>0</v>
      </c>
      <c r="DI30" s="253">
        <v>0</v>
      </c>
      <c r="DJ30" s="257">
        <v>0</v>
      </c>
      <c r="DK30" s="254">
        <v>0</v>
      </c>
      <c r="DL30" s="256">
        <v>0</v>
      </c>
      <c r="DM30" s="257">
        <v>0</v>
      </c>
      <c r="DN30" s="257">
        <v>0</v>
      </c>
      <c r="DO30" s="257">
        <v>0</v>
      </c>
      <c r="DP30" s="257">
        <v>0</v>
      </c>
      <c r="DQ30" s="257">
        <v>0</v>
      </c>
      <c r="DR30" s="254">
        <v>0</v>
      </c>
      <c r="DS30" s="259">
        <v>0</v>
      </c>
      <c r="DT30" s="253">
        <v>9</v>
      </c>
      <c r="DU30" s="257">
        <v>18</v>
      </c>
      <c r="DV30" s="254">
        <v>27</v>
      </c>
      <c r="DW30" s="256">
        <v>0</v>
      </c>
      <c r="DX30" s="257">
        <v>46</v>
      </c>
      <c r="DY30" s="257">
        <v>68</v>
      </c>
      <c r="DZ30" s="257">
        <v>33</v>
      </c>
      <c r="EA30" s="257">
        <v>23</v>
      </c>
      <c r="EB30" s="257">
        <v>15</v>
      </c>
      <c r="EC30" s="254">
        <v>185</v>
      </c>
      <c r="ED30" s="259">
        <v>212</v>
      </c>
      <c r="EE30" s="253">
        <v>0</v>
      </c>
      <c r="EF30" s="257">
        <v>0</v>
      </c>
      <c r="EG30" s="254">
        <v>0</v>
      </c>
      <c r="EH30" s="256">
        <v>0</v>
      </c>
      <c r="EI30" s="257">
        <v>5</v>
      </c>
      <c r="EJ30" s="257">
        <v>8</v>
      </c>
      <c r="EK30" s="257">
        <v>3</v>
      </c>
      <c r="EL30" s="257">
        <v>4</v>
      </c>
      <c r="EM30" s="257">
        <v>2</v>
      </c>
      <c r="EN30" s="254">
        <v>22</v>
      </c>
      <c r="EO30" s="259">
        <v>22</v>
      </c>
      <c r="EP30" s="253">
        <v>10</v>
      </c>
      <c r="EQ30" s="257">
        <v>19</v>
      </c>
      <c r="ER30" s="254">
        <v>29</v>
      </c>
      <c r="ES30" s="256">
        <v>0</v>
      </c>
      <c r="ET30" s="257">
        <v>85</v>
      </c>
      <c r="EU30" s="257">
        <v>90</v>
      </c>
      <c r="EV30" s="257">
        <v>49</v>
      </c>
      <c r="EW30" s="257">
        <v>34</v>
      </c>
      <c r="EX30" s="257">
        <v>22</v>
      </c>
      <c r="EY30" s="254">
        <v>280</v>
      </c>
      <c r="EZ30" s="259">
        <v>309</v>
      </c>
    </row>
    <row r="31" spans="2:156" ht="21" customHeight="1" x14ac:dyDescent="0.2">
      <c r="B31" s="437" t="s">
        <v>29</v>
      </c>
      <c r="C31" s="253">
        <v>0</v>
      </c>
      <c r="D31" s="257">
        <v>0</v>
      </c>
      <c r="E31" s="340">
        <v>0</v>
      </c>
      <c r="F31" s="256">
        <v>0</v>
      </c>
      <c r="G31" s="257">
        <v>20</v>
      </c>
      <c r="H31" s="257">
        <v>19</v>
      </c>
      <c r="I31" s="257">
        <v>22</v>
      </c>
      <c r="J31" s="257">
        <v>10</v>
      </c>
      <c r="K31" s="257">
        <v>13</v>
      </c>
      <c r="L31" s="258">
        <v>84</v>
      </c>
      <c r="M31" s="259">
        <v>84</v>
      </c>
      <c r="N31" s="253">
        <v>0</v>
      </c>
      <c r="O31" s="257">
        <v>0</v>
      </c>
      <c r="P31" s="254">
        <v>0</v>
      </c>
      <c r="Q31" s="256">
        <v>0</v>
      </c>
      <c r="R31" s="257">
        <v>0</v>
      </c>
      <c r="S31" s="257">
        <v>0</v>
      </c>
      <c r="T31" s="257">
        <v>1</v>
      </c>
      <c r="U31" s="257">
        <v>2</v>
      </c>
      <c r="V31" s="257">
        <v>9</v>
      </c>
      <c r="W31" s="254">
        <v>12</v>
      </c>
      <c r="X31" s="259">
        <v>12</v>
      </c>
      <c r="Y31" s="253">
        <v>2</v>
      </c>
      <c r="Z31" s="257">
        <v>4</v>
      </c>
      <c r="AA31" s="254">
        <v>6</v>
      </c>
      <c r="AB31" s="256">
        <v>0</v>
      </c>
      <c r="AC31" s="257">
        <v>27</v>
      </c>
      <c r="AD31" s="257">
        <v>16</v>
      </c>
      <c r="AE31" s="257">
        <v>18</v>
      </c>
      <c r="AF31" s="257">
        <v>7</v>
      </c>
      <c r="AG31" s="257">
        <v>12</v>
      </c>
      <c r="AH31" s="254">
        <v>80</v>
      </c>
      <c r="AI31" s="259">
        <v>86</v>
      </c>
      <c r="AJ31" s="253">
        <v>0</v>
      </c>
      <c r="AK31" s="257">
        <v>1</v>
      </c>
      <c r="AL31" s="254">
        <v>1</v>
      </c>
      <c r="AM31" s="256">
        <v>0</v>
      </c>
      <c r="AN31" s="257">
        <v>3</v>
      </c>
      <c r="AO31" s="257">
        <v>1</v>
      </c>
      <c r="AP31" s="257">
        <v>2</v>
      </c>
      <c r="AQ31" s="257">
        <v>2</v>
      </c>
      <c r="AR31" s="257">
        <v>0</v>
      </c>
      <c r="AS31" s="254">
        <v>8</v>
      </c>
      <c r="AT31" s="259">
        <v>9</v>
      </c>
      <c r="AU31" s="253">
        <v>3</v>
      </c>
      <c r="AV31" s="257">
        <v>2</v>
      </c>
      <c r="AW31" s="254">
        <v>5</v>
      </c>
      <c r="AX31" s="256">
        <v>0</v>
      </c>
      <c r="AY31" s="257">
        <v>20</v>
      </c>
      <c r="AZ31" s="257">
        <v>27</v>
      </c>
      <c r="BA31" s="257">
        <v>21</v>
      </c>
      <c r="BB31" s="257">
        <v>20</v>
      </c>
      <c r="BC31" s="257">
        <v>17</v>
      </c>
      <c r="BD31" s="258">
        <v>105</v>
      </c>
      <c r="BE31" s="259">
        <v>110</v>
      </c>
      <c r="BF31" s="253">
        <v>0</v>
      </c>
      <c r="BG31" s="257">
        <v>0</v>
      </c>
      <c r="BH31" s="254">
        <v>0</v>
      </c>
      <c r="BI31" s="256">
        <v>0</v>
      </c>
      <c r="BJ31" s="257">
        <v>33</v>
      </c>
      <c r="BK31" s="257">
        <v>38</v>
      </c>
      <c r="BL31" s="257">
        <v>24</v>
      </c>
      <c r="BM31" s="257">
        <v>12</v>
      </c>
      <c r="BN31" s="257">
        <v>10</v>
      </c>
      <c r="BO31" s="254">
        <v>117</v>
      </c>
      <c r="BP31" s="259">
        <v>117</v>
      </c>
      <c r="BQ31" s="253">
        <v>3</v>
      </c>
      <c r="BR31" s="257">
        <v>4</v>
      </c>
      <c r="BS31" s="254">
        <v>7</v>
      </c>
      <c r="BT31" s="256">
        <v>0</v>
      </c>
      <c r="BU31" s="257">
        <v>11</v>
      </c>
      <c r="BV31" s="257">
        <v>9</v>
      </c>
      <c r="BW31" s="257">
        <v>10</v>
      </c>
      <c r="BX31" s="257">
        <v>3</v>
      </c>
      <c r="BY31" s="257">
        <v>1</v>
      </c>
      <c r="BZ31" s="254">
        <v>34</v>
      </c>
      <c r="CA31" s="259">
        <v>41</v>
      </c>
      <c r="CB31" s="253">
        <v>0</v>
      </c>
      <c r="CC31" s="257">
        <v>0</v>
      </c>
      <c r="CD31" s="254">
        <v>0</v>
      </c>
      <c r="CE31" s="256">
        <v>0</v>
      </c>
      <c r="CF31" s="257">
        <v>4</v>
      </c>
      <c r="CG31" s="257">
        <v>11</v>
      </c>
      <c r="CH31" s="257">
        <v>16</v>
      </c>
      <c r="CI31" s="257">
        <v>10</v>
      </c>
      <c r="CJ31" s="257">
        <v>7</v>
      </c>
      <c r="CK31" s="254">
        <v>48</v>
      </c>
      <c r="CL31" s="259">
        <v>48</v>
      </c>
      <c r="CM31" s="253">
        <v>0</v>
      </c>
      <c r="CN31" s="257">
        <v>0</v>
      </c>
      <c r="CO31" s="254">
        <v>0</v>
      </c>
      <c r="CP31" s="256">
        <v>0</v>
      </c>
      <c r="CQ31" s="257">
        <v>3</v>
      </c>
      <c r="CR31" s="257">
        <v>2</v>
      </c>
      <c r="CS31" s="257">
        <v>1</v>
      </c>
      <c r="CT31" s="257">
        <v>1</v>
      </c>
      <c r="CU31" s="257">
        <v>0</v>
      </c>
      <c r="CV31" s="254">
        <v>7</v>
      </c>
      <c r="CW31" s="259">
        <v>7</v>
      </c>
      <c r="CX31" s="253">
        <v>0</v>
      </c>
      <c r="CY31" s="257">
        <v>0</v>
      </c>
      <c r="CZ31" s="254">
        <v>0</v>
      </c>
      <c r="DA31" s="256">
        <v>0</v>
      </c>
      <c r="DB31" s="257">
        <v>0</v>
      </c>
      <c r="DC31" s="257">
        <v>0</v>
      </c>
      <c r="DD31" s="257">
        <v>0</v>
      </c>
      <c r="DE31" s="257">
        <v>0</v>
      </c>
      <c r="DF31" s="257">
        <v>0</v>
      </c>
      <c r="DG31" s="254">
        <v>0</v>
      </c>
      <c r="DH31" s="259">
        <v>0</v>
      </c>
      <c r="DI31" s="253">
        <v>0</v>
      </c>
      <c r="DJ31" s="257">
        <v>0</v>
      </c>
      <c r="DK31" s="254">
        <v>0</v>
      </c>
      <c r="DL31" s="256">
        <v>0</v>
      </c>
      <c r="DM31" s="257">
        <v>0</v>
      </c>
      <c r="DN31" s="257">
        <v>0</v>
      </c>
      <c r="DO31" s="257">
        <v>0</v>
      </c>
      <c r="DP31" s="257">
        <v>0</v>
      </c>
      <c r="DQ31" s="257">
        <v>0</v>
      </c>
      <c r="DR31" s="254">
        <v>0</v>
      </c>
      <c r="DS31" s="259">
        <v>0</v>
      </c>
      <c r="DT31" s="253">
        <v>26</v>
      </c>
      <c r="DU31" s="257">
        <v>34</v>
      </c>
      <c r="DV31" s="254">
        <v>60</v>
      </c>
      <c r="DW31" s="256">
        <v>0</v>
      </c>
      <c r="DX31" s="257">
        <v>48</v>
      </c>
      <c r="DY31" s="257">
        <v>57</v>
      </c>
      <c r="DZ31" s="257">
        <v>48</v>
      </c>
      <c r="EA31" s="257">
        <v>31</v>
      </c>
      <c r="EB31" s="257">
        <v>26</v>
      </c>
      <c r="EC31" s="254">
        <v>210</v>
      </c>
      <c r="ED31" s="259">
        <v>270</v>
      </c>
      <c r="EE31" s="253">
        <v>3</v>
      </c>
      <c r="EF31" s="257">
        <v>2</v>
      </c>
      <c r="EG31" s="254">
        <v>5</v>
      </c>
      <c r="EH31" s="256">
        <v>0</v>
      </c>
      <c r="EI31" s="257">
        <v>8</v>
      </c>
      <c r="EJ31" s="257">
        <v>8</v>
      </c>
      <c r="EK31" s="257">
        <v>3</v>
      </c>
      <c r="EL31" s="257">
        <v>8</v>
      </c>
      <c r="EM31" s="257">
        <v>4</v>
      </c>
      <c r="EN31" s="254">
        <v>31</v>
      </c>
      <c r="EO31" s="259">
        <v>36</v>
      </c>
      <c r="EP31" s="253">
        <v>30</v>
      </c>
      <c r="EQ31" s="257">
        <v>39</v>
      </c>
      <c r="ER31" s="254">
        <v>69</v>
      </c>
      <c r="ES31" s="256">
        <v>0</v>
      </c>
      <c r="ET31" s="257">
        <v>86</v>
      </c>
      <c r="EU31" s="257">
        <v>82</v>
      </c>
      <c r="EV31" s="257">
        <v>62</v>
      </c>
      <c r="EW31" s="257">
        <v>32</v>
      </c>
      <c r="EX31" s="257">
        <v>25</v>
      </c>
      <c r="EY31" s="254">
        <v>287</v>
      </c>
      <c r="EZ31" s="259">
        <v>356</v>
      </c>
    </row>
    <row r="32" spans="2:156" ht="21" customHeight="1" x14ac:dyDescent="0.2">
      <c r="B32" s="437" t="s">
        <v>30</v>
      </c>
      <c r="C32" s="253">
        <v>0</v>
      </c>
      <c r="D32" s="257">
        <v>0</v>
      </c>
      <c r="E32" s="340">
        <v>0</v>
      </c>
      <c r="F32" s="256">
        <v>0</v>
      </c>
      <c r="G32" s="257">
        <v>17</v>
      </c>
      <c r="H32" s="257">
        <v>14</v>
      </c>
      <c r="I32" s="257">
        <v>14</v>
      </c>
      <c r="J32" s="257">
        <v>15</v>
      </c>
      <c r="K32" s="257">
        <v>7</v>
      </c>
      <c r="L32" s="258">
        <v>67</v>
      </c>
      <c r="M32" s="259">
        <v>67</v>
      </c>
      <c r="N32" s="253">
        <v>0</v>
      </c>
      <c r="O32" s="257">
        <v>0</v>
      </c>
      <c r="P32" s="254">
        <v>0</v>
      </c>
      <c r="Q32" s="256">
        <v>0</v>
      </c>
      <c r="R32" s="257">
        <v>1</v>
      </c>
      <c r="S32" s="257">
        <v>1</v>
      </c>
      <c r="T32" s="257">
        <v>4</v>
      </c>
      <c r="U32" s="257">
        <v>6</v>
      </c>
      <c r="V32" s="257">
        <v>4</v>
      </c>
      <c r="W32" s="254">
        <v>16</v>
      </c>
      <c r="X32" s="259">
        <v>16</v>
      </c>
      <c r="Y32" s="253">
        <v>1</v>
      </c>
      <c r="Z32" s="257">
        <v>0</v>
      </c>
      <c r="AA32" s="254">
        <v>1</v>
      </c>
      <c r="AB32" s="256">
        <v>0</v>
      </c>
      <c r="AC32" s="257">
        <v>24</v>
      </c>
      <c r="AD32" s="257">
        <v>18</v>
      </c>
      <c r="AE32" s="257">
        <v>16</v>
      </c>
      <c r="AF32" s="257">
        <v>13</v>
      </c>
      <c r="AG32" s="257">
        <v>6</v>
      </c>
      <c r="AH32" s="254">
        <v>77</v>
      </c>
      <c r="AI32" s="259">
        <v>78</v>
      </c>
      <c r="AJ32" s="253">
        <v>0</v>
      </c>
      <c r="AK32" s="257">
        <v>0</v>
      </c>
      <c r="AL32" s="254">
        <v>0</v>
      </c>
      <c r="AM32" s="256">
        <v>0</v>
      </c>
      <c r="AN32" s="257">
        <v>2</v>
      </c>
      <c r="AO32" s="257">
        <v>2</v>
      </c>
      <c r="AP32" s="257">
        <v>3</v>
      </c>
      <c r="AQ32" s="257">
        <v>1</v>
      </c>
      <c r="AR32" s="257">
        <v>0</v>
      </c>
      <c r="AS32" s="254">
        <v>8</v>
      </c>
      <c r="AT32" s="259">
        <v>8</v>
      </c>
      <c r="AU32" s="253">
        <v>1</v>
      </c>
      <c r="AV32" s="257">
        <v>3</v>
      </c>
      <c r="AW32" s="254">
        <v>4</v>
      </c>
      <c r="AX32" s="256">
        <v>0</v>
      </c>
      <c r="AY32" s="257">
        <v>25</v>
      </c>
      <c r="AZ32" s="257">
        <v>18</v>
      </c>
      <c r="BA32" s="257">
        <v>19</v>
      </c>
      <c r="BB32" s="257">
        <v>29</v>
      </c>
      <c r="BC32" s="257">
        <v>6</v>
      </c>
      <c r="BD32" s="258">
        <v>97</v>
      </c>
      <c r="BE32" s="259">
        <v>101</v>
      </c>
      <c r="BF32" s="253">
        <v>0</v>
      </c>
      <c r="BG32" s="257">
        <v>0</v>
      </c>
      <c r="BH32" s="254">
        <v>0</v>
      </c>
      <c r="BI32" s="256">
        <v>0</v>
      </c>
      <c r="BJ32" s="257">
        <v>26</v>
      </c>
      <c r="BK32" s="257">
        <v>21</v>
      </c>
      <c r="BL32" s="257">
        <v>15</v>
      </c>
      <c r="BM32" s="257">
        <v>11</v>
      </c>
      <c r="BN32" s="257">
        <v>3</v>
      </c>
      <c r="BO32" s="254">
        <v>76</v>
      </c>
      <c r="BP32" s="259">
        <v>76</v>
      </c>
      <c r="BQ32" s="253">
        <v>0</v>
      </c>
      <c r="BR32" s="257">
        <v>0</v>
      </c>
      <c r="BS32" s="254">
        <v>0</v>
      </c>
      <c r="BT32" s="256">
        <v>0</v>
      </c>
      <c r="BU32" s="257">
        <v>8</v>
      </c>
      <c r="BV32" s="257">
        <v>9</v>
      </c>
      <c r="BW32" s="257">
        <v>4</v>
      </c>
      <c r="BX32" s="257">
        <v>4</v>
      </c>
      <c r="BY32" s="257">
        <v>1</v>
      </c>
      <c r="BZ32" s="254">
        <v>26</v>
      </c>
      <c r="CA32" s="259">
        <v>26</v>
      </c>
      <c r="CB32" s="253">
        <v>0</v>
      </c>
      <c r="CC32" s="257">
        <v>0</v>
      </c>
      <c r="CD32" s="254">
        <v>0</v>
      </c>
      <c r="CE32" s="256">
        <v>0</v>
      </c>
      <c r="CF32" s="257">
        <v>6</v>
      </c>
      <c r="CG32" s="257">
        <v>5</v>
      </c>
      <c r="CH32" s="257">
        <v>8</v>
      </c>
      <c r="CI32" s="257">
        <v>5</v>
      </c>
      <c r="CJ32" s="257">
        <v>1</v>
      </c>
      <c r="CK32" s="254">
        <v>25</v>
      </c>
      <c r="CL32" s="259">
        <v>25</v>
      </c>
      <c r="CM32" s="253">
        <v>0</v>
      </c>
      <c r="CN32" s="257">
        <v>0</v>
      </c>
      <c r="CO32" s="254">
        <v>0</v>
      </c>
      <c r="CP32" s="256">
        <v>0</v>
      </c>
      <c r="CQ32" s="257">
        <v>1</v>
      </c>
      <c r="CR32" s="257">
        <v>2</v>
      </c>
      <c r="CS32" s="257">
        <v>0</v>
      </c>
      <c r="CT32" s="257">
        <v>0</v>
      </c>
      <c r="CU32" s="257">
        <v>1</v>
      </c>
      <c r="CV32" s="254">
        <v>4</v>
      </c>
      <c r="CW32" s="259">
        <v>4</v>
      </c>
      <c r="CX32" s="253">
        <v>0</v>
      </c>
      <c r="CY32" s="257">
        <v>0</v>
      </c>
      <c r="CZ32" s="254">
        <v>0</v>
      </c>
      <c r="DA32" s="256">
        <v>0</v>
      </c>
      <c r="DB32" s="257">
        <v>0</v>
      </c>
      <c r="DC32" s="257">
        <v>0</v>
      </c>
      <c r="DD32" s="257">
        <v>0</v>
      </c>
      <c r="DE32" s="257">
        <v>0</v>
      </c>
      <c r="DF32" s="257">
        <v>0</v>
      </c>
      <c r="DG32" s="254">
        <v>0</v>
      </c>
      <c r="DH32" s="259">
        <v>0</v>
      </c>
      <c r="DI32" s="253">
        <v>0</v>
      </c>
      <c r="DJ32" s="257">
        <v>0</v>
      </c>
      <c r="DK32" s="254">
        <v>0</v>
      </c>
      <c r="DL32" s="256">
        <v>0</v>
      </c>
      <c r="DM32" s="257">
        <v>0</v>
      </c>
      <c r="DN32" s="257">
        <v>0</v>
      </c>
      <c r="DO32" s="257">
        <v>0</v>
      </c>
      <c r="DP32" s="257">
        <v>0</v>
      </c>
      <c r="DQ32" s="257">
        <v>0</v>
      </c>
      <c r="DR32" s="254">
        <v>0</v>
      </c>
      <c r="DS32" s="259">
        <v>0</v>
      </c>
      <c r="DT32" s="253">
        <v>0</v>
      </c>
      <c r="DU32" s="257">
        <v>0</v>
      </c>
      <c r="DV32" s="254">
        <v>0</v>
      </c>
      <c r="DW32" s="256">
        <v>0</v>
      </c>
      <c r="DX32" s="257">
        <v>55</v>
      </c>
      <c r="DY32" s="257">
        <v>43</v>
      </c>
      <c r="DZ32" s="257">
        <v>44</v>
      </c>
      <c r="EA32" s="257">
        <v>30</v>
      </c>
      <c r="EB32" s="257">
        <v>10</v>
      </c>
      <c r="EC32" s="254">
        <v>182</v>
      </c>
      <c r="ED32" s="259">
        <v>182</v>
      </c>
      <c r="EE32" s="253">
        <v>1</v>
      </c>
      <c r="EF32" s="257">
        <v>0</v>
      </c>
      <c r="EG32" s="254">
        <v>1</v>
      </c>
      <c r="EH32" s="256">
        <v>0</v>
      </c>
      <c r="EI32" s="257">
        <v>7</v>
      </c>
      <c r="EJ32" s="257">
        <v>7</v>
      </c>
      <c r="EK32" s="257">
        <v>7</v>
      </c>
      <c r="EL32" s="257">
        <v>5</v>
      </c>
      <c r="EM32" s="257">
        <v>2</v>
      </c>
      <c r="EN32" s="254">
        <v>28</v>
      </c>
      <c r="EO32" s="259">
        <v>29</v>
      </c>
      <c r="EP32" s="253">
        <v>1</v>
      </c>
      <c r="EQ32" s="257">
        <v>0</v>
      </c>
      <c r="ER32" s="254">
        <v>1</v>
      </c>
      <c r="ES32" s="256">
        <v>0</v>
      </c>
      <c r="ET32" s="257">
        <v>85</v>
      </c>
      <c r="EU32" s="257">
        <v>58</v>
      </c>
      <c r="EV32" s="257">
        <v>46</v>
      </c>
      <c r="EW32" s="257">
        <v>34</v>
      </c>
      <c r="EX32" s="257">
        <v>12</v>
      </c>
      <c r="EY32" s="254">
        <v>235</v>
      </c>
      <c r="EZ32" s="259">
        <v>236</v>
      </c>
    </row>
    <row r="33" spans="2:156" ht="21" customHeight="1" x14ac:dyDescent="0.2">
      <c r="B33" s="437" t="s">
        <v>31</v>
      </c>
      <c r="C33" s="253">
        <v>0</v>
      </c>
      <c r="D33" s="257">
        <v>0</v>
      </c>
      <c r="E33" s="340">
        <v>0</v>
      </c>
      <c r="F33" s="256">
        <v>0</v>
      </c>
      <c r="G33" s="257">
        <v>15</v>
      </c>
      <c r="H33" s="257">
        <v>16</v>
      </c>
      <c r="I33" s="257">
        <v>7</v>
      </c>
      <c r="J33" s="257">
        <v>9</v>
      </c>
      <c r="K33" s="257">
        <v>6</v>
      </c>
      <c r="L33" s="258">
        <v>53</v>
      </c>
      <c r="M33" s="259">
        <v>53</v>
      </c>
      <c r="N33" s="253">
        <v>0</v>
      </c>
      <c r="O33" s="257">
        <v>0</v>
      </c>
      <c r="P33" s="254">
        <v>0</v>
      </c>
      <c r="Q33" s="256">
        <v>0</v>
      </c>
      <c r="R33" s="257">
        <v>2</v>
      </c>
      <c r="S33" s="257">
        <v>1</v>
      </c>
      <c r="T33" s="257">
        <v>4</v>
      </c>
      <c r="U33" s="257">
        <v>8</v>
      </c>
      <c r="V33" s="257">
        <v>2</v>
      </c>
      <c r="W33" s="254">
        <v>17</v>
      </c>
      <c r="X33" s="259">
        <v>17</v>
      </c>
      <c r="Y33" s="253">
        <v>4</v>
      </c>
      <c r="Z33" s="257">
        <v>5</v>
      </c>
      <c r="AA33" s="254">
        <v>9</v>
      </c>
      <c r="AB33" s="256">
        <v>0</v>
      </c>
      <c r="AC33" s="257">
        <v>14</v>
      </c>
      <c r="AD33" s="257">
        <v>19</v>
      </c>
      <c r="AE33" s="257">
        <v>14</v>
      </c>
      <c r="AF33" s="257">
        <v>19</v>
      </c>
      <c r="AG33" s="257">
        <v>5</v>
      </c>
      <c r="AH33" s="254">
        <v>71</v>
      </c>
      <c r="AI33" s="259">
        <v>80</v>
      </c>
      <c r="AJ33" s="253">
        <v>1</v>
      </c>
      <c r="AK33" s="257">
        <v>2</v>
      </c>
      <c r="AL33" s="254">
        <v>3</v>
      </c>
      <c r="AM33" s="256">
        <v>0</v>
      </c>
      <c r="AN33" s="257">
        <v>2</v>
      </c>
      <c r="AO33" s="257">
        <v>1</v>
      </c>
      <c r="AP33" s="257">
        <v>2</v>
      </c>
      <c r="AQ33" s="257">
        <v>3</v>
      </c>
      <c r="AR33" s="257">
        <v>0</v>
      </c>
      <c r="AS33" s="254">
        <v>8</v>
      </c>
      <c r="AT33" s="259">
        <v>11</v>
      </c>
      <c r="AU33" s="253">
        <v>3</v>
      </c>
      <c r="AV33" s="257">
        <v>0</v>
      </c>
      <c r="AW33" s="254">
        <v>3</v>
      </c>
      <c r="AX33" s="256">
        <v>0</v>
      </c>
      <c r="AY33" s="257">
        <v>11</v>
      </c>
      <c r="AZ33" s="257">
        <v>17</v>
      </c>
      <c r="BA33" s="257">
        <v>12</v>
      </c>
      <c r="BB33" s="257">
        <v>18</v>
      </c>
      <c r="BC33" s="257">
        <v>9</v>
      </c>
      <c r="BD33" s="258">
        <v>67</v>
      </c>
      <c r="BE33" s="259">
        <v>70</v>
      </c>
      <c r="BF33" s="253">
        <v>0</v>
      </c>
      <c r="BG33" s="257">
        <v>0</v>
      </c>
      <c r="BH33" s="254">
        <v>0</v>
      </c>
      <c r="BI33" s="256">
        <v>0</v>
      </c>
      <c r="BJ33" s="257">
        <v>50</v>
      </c>
      <c r="BK33" s="257">
        <v>40</v>
      </c>
      <c r="BL33" s="257">
        <v>15</v>
      </c>
      <c r="BM33" s="257">
        <v>10</v>
      </c>
      <c r="BN33" s="257">
        <v>7</v>
      </c>
      <c r="BO33" s="254">
        <v>122</v>
      </c>
      <c r="BP33" s="259">
        <v>122</v>
      </c>
      <c r="BQ33" s="253">
        <v>0</v>
      </c>
      <c r="BR33" s="257">
        <v>1</v>
      </c>
      <c r="BS33" s="254">
        <v>1</v>
      </c>
      <c r="BT33" s="256">
        <v>0</v>
      </c>
      <c r="BU33" s="257">
        <v>7</v>
      </c>
      <c r="BV33" s="257">
        <v>6</v>
      </c>
      <c r="BW33" s="257">
        <v>11</v>
      </c>
      <c r="BX33" s="257">
        <v>2</v>
      </c>
      <c r="BY33" s="257">
        <v>1</v>
      </c>
      <c r="BZ33" s="254">
        <v>27</v>
      </c>
      <c r="CA33" s="259">
        <v>28</v>
      </c>
      <c r="CB33" s="253">
        <v>0</v>
      </c>
      <c r="CC33" s="257">
        <v>1</v>
      </c>
      <c r="CD33" s="254">
        <v>1</v>
      </c>
      <c r="CE33" s="256">
        <v>0</v>
      </c>
      <c r="CF33" s="257">
        <v>7</v>
      </c>
      <c r="CG33" s="257">
        <v>5</v>
      </c>
      <c r="CH33" s="257">
        <v>7</v>
      </c>
      <c r="CI33" s="257">
        <v>9</v>
      </c>
      <c r="CJ33" s="257">
        <v>4</v>
      </c>
      <c r="CK33" s="254">
        <v>32</v>
      </c>
      <c r="CL33" s="259">
        <v>33</v>
      </c>
      <c r="CM33" s="253">
        <v>0</v>
      </c>
      <c r="CN33" s="257">
        <v>0</v>
      </c>
      <c r="CO33" s="254">
        <v>0</v>
      </c>
      <c r="CP33" s="256">
        <v>0</v>
      </c>
      <c r="CQ33" s="257">
        <v>1</v>
      </c>
      <c r="CR33" s="257">
        <v>1</v>
      </c>
      <c r="CS33" s="257">
        <v>1</v>
      </c>
      <c r="CT33" s="257">
        <v>0</v>
      </c>
      <c r="CU33" s="257">
        <v>1</v>
      </c>
      <c r="CV33" s="254">
        <v>4</v>
      </c>
      <c r="CW33" s="259">
        <v>4</v>
      </c>
      <c r="CX33" s="253">
        <v>0</v>
      </c>
      <c r="CY33" s="257">
        <v>0</v>
      </c>
      <c r="CZ33" s="254">
        <v>0</v>
      </c>
      <c r="DA33" s="256">
        <v>0</v>
      </c>
      <c r="DB33" s="257">
        <v>0</v>
      </c>
      <c r="DC33" s="257">
        <v>0</v>
      </c>
      <c r="DD33" s="257">
        <v>0</v>
      </c>
      <c r="DE33" s="257">
        <v>0</v>
      </c>
      <c r="DF33" s="257">
        <v>0</v>
      </c>
      <c r="DG33" s="254">
        <v>0</v>
      </c>
      <c r="DH33" s="259">
        <v>0</v>
      </c>
      <c r="DI33" s="253">
        <v>0</v>
      </c>
      <c r="DJ33" s="257">
        <v>0</v>
      </c>
      <c r="DK33" s="254">
        <v>0</v>
      </c>
      <c r="DL33" s="256">
        <v>0</v>
      </c>
      <c r="DM33" s="257">
        <v>0</v>
      </c>
      <c r="DN33" s="257">
        <v>0</v>
      </c>
      <c r="DO33" s="257">
        <v>0</v>
      </c>
      <c r="DP33" s="257">
        <v>0</v>
      </c>
      <c r="DQ33" s="257">
        <v>0</v>
      </c>
      <c r="DR33" s="254">
        <v>0</v>
      </c>
      <c r="DS33" s="259">
        <v>0</v>
      </c>
      <c r="DT33" s="253">
        <v>19</v>
      </c>
      <c r="DU33" s="257">
        <v>57</v>
      </c>
      <c r="DV33" s="254">
        <v>76</v>
      </c>
      <c r="DW33" s="256">
        <v>0</v>
      </c>
      <c r="DX33" s="257">
        <v>53</v>
      </c>
      <c r="DY33" s="257">
        <v>63</v>
      </c>
      <c r="DZ33" s="257">
        <v>40</v>
      </c>
      <c r="EA33" s="257">
        <v>30</v>
      </c>
      <c r="EB33" s="257">
        <v>15</v>
      </c>
      <c r="EC33" s="254">
        <v>201</v>
      </c>
      <c r="ED33" s="259">
        <v>277</v>
      </c>
      <c r="EE33" s="253">
        <v>3</v>
      </c>
      <c r="EF33" s="257">
        <v>0</v>
      </c>
      <c r="EG33" s="254">
        <v>3</v>
      </c>
      <c r="EH33" s="256">
        <v>0</v>
      </c>
      <c r="EI33" s="257">
        <v>4</v>
      </c>
      <c r="EJ33" s="257">
        <v>9</v>
      </c>
      <c r="EK33" s="257">
        <v>5</v>
      </c>
      <c r="EL33" s="257">
        <v>4</v>
      </c>
      <c r="EM33" s="257">
        <v>1</v>
      </c>
      <c r="EN33" s="254">
        <v>23</v>
      </c>
      <c r="EO33" s="259">
        <v>26</v>
      </c>
      <c r="EP33" s="253">
        <v>22</v>
      </c>
      <c r="EQ33" s="257">
        <v>60</v>
      </c>
      <c r="ER33" s="254">
        <v>82</v>
      </c>
      <c r="ES33" s="256">
        <v>0</v>
      </c>
      <c r="ET33" s="257">
        <v>98</v>
      </c>
      <c r="EU33" s="257">
        <v>87</v>
      </c>
      <c r="EV33" s="257">
        <v>44</v>
      </c>
      <c r="EW33" s="257">
        <v>28</v>
      </c>
      <c r="EX33" s="257">
        <v>15</v>
      </c>
      <c r="EY33" s="254">
        <v>272</v>
      </c>
      <c r="EZ33" s="259">
        <v>354</v>
      </c>
    </row>
    <row r="34" spans="2:156" ht="21" customHeight="1" x14ac:dyDescent="0.2">
      <c r="B34" s="437" t="s">
        <v>32</v>
      </c>
      <c r="C34" s="253">
        <v>0</v>
      </c>
      <c r="D34" s="257">
        <v>0</v>
      </c>
      <c r="E34" s="340">
        <v>0</v>
      </c>
      <c r="F34" s="256">
        <v>0</v>
      </c>
      <c r="G34" s="257">
        <v>27</v>
      </c>
      <c r="H34" s="257">
        <v>23</v>
      </c>
      <c r="I34" s="257">
        <v>13</v>
      </c>
      <c r="J34" s="257">
        <v>7</v>
      </c>
      <c r="K34" s="257">
        <v>7</v>
      </c>
      <c r="L34" s="258">
        <v>77</v>
      </c>
      <c r="M34" s="259">
        <v>77</v>
      </c>
      <c r="N34" s="253">
        <v>0</v>
      </c>
      <c r="O34" s="257">
        <v>0</v>
      </c>
      <c r="P34" s="254">
        <v>0</v>
      </c>
      <c r="Q34" s="256">
        <v>0</v>
      </c>
      <c r="R34" s="257">
        <v>1</v>
      </c>
      <c r="S34" s="257">
        <v>1</v>
      </c>
      <c r="T34" s="257">
        <v>1</v>
      </c>
      <c r="U34" s="257">
        <v>5</v>
      </c>
      <c r="V34" s="257">
        <v>5</v>
      </c>
      <c r="W34" s="254">
        <v>13</v>
      </c>
      <c r="X34" s="259">
        <v>13</v>
      </c>
      <c r="Y34" s="253">
        <v>3</v>
      </c>
      <c r="Z34" s="257">
        <v>8</v>
      </c>
      <c r="AA34" s="254">
        <v>11</v>
      </c>
      <c r="AB34" s="256">
        <v>0</v>
      </c>
      <c r="AC34" s="257">
        <v>41</v>
      </c>
      <c r="AD34" s="257">
        <v>29</v>
      </c>
      <c r="AE34" s="257">
        <v>14</v>
      </c>
      <c r="AF34" s="257">
        <v>11</v>
      </c>
      <c r="AG34" s="257">
        <v>6</v>
      </c>
      <c r="AH34" s="254">
        <v>101</v>
      </c>
      <c r="AI34" s="259">
        <v>112</v>
      </c>
      <c r="AJ34" s="253">
        <v>0</v>
      </c>
      <c r="AK34" s="257">
        <v>1</v>
      </c>
      <c r="AL34" s="254">
        <v>1</v>
      </c>
      <c r="AM34" s="256">
        <v>0</v>
      </c>
      <c r="AN34" s="257">
        <v>3</v>
      </c>
      <c r="AO34" s="257">
        <v>2</v>
      </c>
      <c r="AP34" s="257">
        <v>0</v>
      </c>
      <c r="AQ34" s="257">
        <v>2</v>
      </c>
      <c r="AR34" s="257">
        <v>2</v>
      </c>
      <c r="AS34" s="254">
        <v>9</v>
      </c>
      <c r="AT34" s="259">
        <v>10</v>
      </c>
      <c r="AU34" s="253">
        <v>5</v>
      </c>
      <c r="AV34" s="257">
        <v>3</v>
      </c>
      <c r="AW34" s="254">
        <v>8</v>
      </c>
      <c r="AX34" s="256">
        <v>0</v>
      </c>
      <c r="AY34" s="257">
        <v>19</v>
      </c>
      <c r="AZ34" s="257">
        <v>18</v>
      </c>
      <c r="BA34" s="257">
        <v>25</v>
      </c>
      <c r="BB34" s="257">
        <v>24</v>
      </c>
      <c r="BC34" s="257">
        <v>16</v>
      </c>
      <c r="BD34" s="258">
        <v>102</v>
      </c>
      <c r="BE34" s="259">
        <v>110</v>
      </c>
      <c r="BF34" s="253">
        <v>0</v>
      </c>
      <c r="BG34" s="257">
        <v>0</v>
      </c>
      <c r="BH34" s="254">
        <v>0</v>
      </c>
      <c r="BI34" s="256">
        <v>0</v>
      </c>
      <c r="BJ34" s="257">
        <v>50</v>
      </c>
      <c r="BK34" s="257">
        <v>48</v>
      </c>
      <c r="BL34" s="257">
        <v>19</v>
      </c>
      <c r="BM34" s="257">
        <v>17</v>
      </c>
      <c r="BN34" s="257">
        <v>5</v>
      </c>
      <c r="BO34" s="254">
        <v>139</v>
      </c>
      <c r="BP34" s="259">
        <v>139</v>
      </c>
      <c r="BQ34" s="253">
        <v>2</v>
      </c>
      <c r="BR34" s="257">
        <v>5</v>
      </c>
      <c r="BS34" s="254">
        <v>7</v>
      </c>
      <c r="BT34" s="256">
        <v>0</v>
      </c>
      <c r="BU34" s="257">
        <v>13</v>
      </c>
      <c r="BV34" s="257">
        <v>15</v>
      </c>
      <c r="BW34" s="257">
        <v>5</v>
      </c>
      <c r="BX34" s="257">
        <v>7</v>
      </c>
      <c r="BY34" s="257">
        <v>3</v>
      </c>
      <c r="BZ34" s="254">
        <v>43</v>
      </c>
      <c r="CA34" s="259">
        <v>50</v>
      </c>
      <c r="CB34" s="253">
        <v>0</v>
      </c>
      <c r="CC34" s="257">
        <v>1</v>
      </c>
      <c r="CD34" s="254">
        <v>1</v>
      </c>
      <c r="CE34" s="256">
        <v>0</v>
      </c>
      <c r="CF34" s="257">
        <v>4</v>
      </c>
      <c r="CG34" s="257">
        <v>9</v>
      </c>
      <c r="CH34" s="257">
        <v>12</v>
      </c>
      <c r="CI34" s="257">
        <v>4</v>
      </c>
      <c r="CJ34" s="257">
        <v>4</v>
      </c>
      <c r="CK34" s="254">
        <v>33</v>
      </c>
      <c r="CL34" s="259">
        <v>34</v>
      </c>
      <c r="CM34" s="253">
        <v>0</v>
      </c>
      <c r="CN34" s="257">
        <v>0</v>
      </c>
      <c r="CO34" s="254">
        <v>0</v>
      </c>
      <c r="CP34" s="256">
        <v>0</v>
      </c>
      <c r="CQ34" s="257">
        <v>1</v>
      </c>
      <c r="CR34" s="257">
        <v>5</v>
      </c>
      <c r="CS34" s="257">
        <v>0</v>
      </c>
      <c r="CT34" s="257">
        <v>3</v>
      </c>
      <c r="CU34" s="257">
        <v>1</v>
      </c>
      <c r="CV34" s="254">
        <v>10</v>
      </c>
      <c r="CW34" s="259">
        <v>10</v>
      </c>
      <c r="CX34" s="253">
        <v>0</v>
      </c>
      <c r="CY34" s="257">
        <v>0</v>
      </c>
      <c r="CZ34" s="254">
        <v>0</v>
      </c>
      <c r="DA34" s="256">
        <v>0</v>
      </c>
      <c r="DB34" s="257">
        <v>0</v>
      </c>
      <c r="DC34" s="257">
        <v>0</v>
      </c>
      <c r="DD34" s="257">
        <v>0</v>
      </c>
      <c r="DE34" s="257">
        <v>0</v>
      </c>
      <c r="DF34" s="257">
        <v>0</v>
      </c>
      <c r="DG34" s="254">
        <v>0</v>
      </c>
      <c r="DH34" s="259">
        <v>0</v>
      </c>
      <c r="DI34" s="253">
        <v>0</v>
      </c>
      <c r="DJ34" s="257">
        <v>0</v>
      </c>
      <c r="DK34" s="254">
        <v>0</v>
      </c>
      <c r="DL34" s="256">
        <v>0</v>
      </c>
      <c r="DM34" s="257">
        <v>0</v>
      </c>
      <c r="DN34" s="257">
        <v>0</v>
      </c>
      <c r="DO34" s="257">
        <v>0</v>
      </c>
      <c r="DP34" s="257">
        <v>0</v>
      </c>
      <c r="DQ34" s="257">
        <v>0</v>
      </c>
      <c r="DR34" s="254">
        <v>0</v>
      </c>
      <c r="DS34" s="259">
        <v>0</v>
      </c>
      <c r="DT34" s="253">
        <v>23</v>
      </c>
      <c r="DU34" s="257">
        <v>49</v>
      </c>
      <c r="DV34" s="254">
        <v>72</v>
      </c>
      <c r="DW34" s="256">
        <v>0</v>
      </c>
      <c r="DX34" s="257">
        <v>78</v>
      </c>
      <c r="DY34" s="257">
        <v>84</v>
      </c>
      <c r="DZ34" s="257">
        <v>46</v>
      </c>
      <c r="EA34" s="257">
        <v>32</v>
      </c>
      <c r="EB34" s="257">
        <v>15</v>
      </c>
      <c r="EC34" s="254">
        <v>255</v>
      </c>
      <c r="ED34" s="259">
        <v>327</v>
      </c>
      <c r="EE34" s="253">
        <v>4</v>
      </c>
      <c r="EF34" s="257">
        <v>2</v>
      </c>
      <c r="EG34" s="254">
        <v>6</v>
      </c>
      <c r="EH34" s="256">
        <v>0</v>
      </c>
      <c r="EI34" s="257">
        <v>7</v>
      </c>
      <c r="EJ34" s="257">
        <v>6</v>
      </c>
      <c r="EK34" s="257">
        <v>8</v>
      </c>
      <c r="EL34" s="257">
        <v>11</v>
      </c>
      <c r="EM34" s="257">
        <v>5</v>
      </c>
      <c r="EN34" s="254">
        <v>37</v>
      </c>
      <c r="EO34" s="259">
        <v>43</v>
      </c>
      <c r="EP34" s="253">
        <v>26</v>
      </c>
      <c r="EQ34" s="257">
        <v>52</v>
      </c>
      <c r="ER34" s="254">
        <v>78</v>
      </c>
      <c r="ES34" s="256">
        <v>0</v>
      </c>
      <c r="ET34" s="257">
        <v>141</v>
      </c>
      <c r="EU34" s="257">
        <v>115</v>
      </c>
      <c r="EV34" s="257">
        <v>51</v>
      </c>
      <c r="EW34" s="257">
        <v>33</v>
      </c>
      <c r="EX34" s="257">
        <v>17</v>
      </c>
      <c r="EY34" s="254">
        <v>357</v>
      </c>
      <c r="EZ34" s="259">
        <v>435</v>
      </c>
    </row>
    <row r="35" spans="2:156" ht="21" customHeight="1" x14ac:dyDescent="0.2">
      <c r="B35" s="437" t="s">
        <v>33</v>
      </c>
      <c r="C35" s="253">
        <v>0</v>
      </c>
      <c r="D35" s="257">
        <v>0</v>
      </c>
      <c r="E35" s="340">
        <v>0</v>
      </c>
      <c r="F35" s="256">
        <v>0</v>
      </c>
      <c r="G35" s="257">
        <v>20</v>
      </c>
      <c r="H35" s="257">
        <v>16</v>
      </c>
      <c r="I35" s="257">
        <v>12</v>
      </c>
      <c r="J35" s="257">
        <v>4</v>
      </c>
      <c r="K35" s="257">
        <v>7</v>
      </c>
      <c r="L35" s="258">
        <v>59</v>
      </c>
      <c r="M35" s="259">
        <v>59</v>
      </c>
      <c r="N35" s="253">
        <v>0</v>
      </c>
      <c r="O35" s="257">
        <v>0</v>
      </c>
      <c r="P35" s="254">
        <v>0</v>
      </c>
      <c r="Q35" s="256">
        <v>0</v>
      </c>
      <c r="R35" s="257">
        <v>1</v>
      </c>
      <c r="S35" s="257">
        <v>1</v>
      </c>
      <c r="T35" s="257">
        <v>1</v>
      </c>
      <c r="U35" s="257">
        <v>1</v>
      </c>
      <c r="V35" s="257">
        <v>4</v>
      </c>
      <c r="W35" s="254">
        <v>8</v>
      </c>
      <c r="X35" s="259">
        <v>8</v>
      </c>
      <c r="Y35" s="253">
        <v>0</v>
      </c>
      <c r="Z35" s="257">
        <v>3</v>
      </c>
      <c r="AA35" s="254">
        <v>3</v>
      </c>
      <c r="AB35" s="256">
        <v>0</v>
      </c>
      <c r="AC35" s="257">
        <v>20</v>
      </c>
      <c r="AD35" s="257">
        <v>10</v>
      </c>
      <c r="AE35" s="257">
        <v>8</v>
      </c>
      <c r="AF35" s="257">
        <v>8</v>
      </c>
      <c r="AG35" s="257">
        <v>5</v>
      </c>
      <c r="AH35" s="254">
        <v>51</v>
      </c>
      <c r="AI35" s="259">
        <v>54</v>
      </c>
      <c r="AJ35" s="253">
        <v>11</v>
      </c>
      <c r="AK35" s="257">
        <v>20</v>
      </c>
      <c r="AL35" s="254">
        <v>31</v>
      </c>
      <c r="AM35" s="256">
        <v>0</v>
      </c>
      <c r="AN35" s="257">
        <v>33</v>
      </c>
      <c r="AO35" s="257">
        <v>21</v>
      </c>
      <c r="AP35" s="257">
        <v>10</v>
      </c>
      <c r="AQ35" s="257">
        <v>4</v>
      </c>
      <c r="AR35" s="257">
        <v>2</v>
      </c>
      <c r="AS35" s="254">
        <v>70</v>
      </c>
      <c r="AT35" s="259">
        <v>101</v>
      </c>
      <c r="AU35" s="253">
        <v>8</v>
      </c>
      <c r="AV35" s="257">
        <v>9</v>
      </c>
      <c r="AW35" s="254">
        <v>17</v>
      </c>
      <c r="AX35" s="256">
        <v>0</v>
      </c>
      <c r="AY35" s="257">
        <v>31</v>
      </c>
      <c r="AZ35" s="257">
        <v>37</v>
      </c>
      <c r="BA35" s="257">
        <v>37</v>
      </c>
      <c r="BB35" s="257">
        <v>16</v>
      </c>
      <c r="BC35" s="257">
        <v>22</v>
      </c>
      <c r="BD35" s="258">
        <v>143</v>
      </c>
      <c r="BE35" s="259">
        <v>160</v>
      </c>
      <c r="BF35" s="253">
        <v>0</v>
      </c>
      <c r="BG35" s="257">
        <v>0</v>
      </c>
      <c r="BH35" s="254">
        <v>0</v>
      </c>
      <c r="BI35" s="256">
        <v>0</v>
      </c>
      <c r="BJ35" s="257">
        <v>9</v>
      </c>
      <c r="BK35" s="257">
        <v>9</v>
      </c>
      <c r="BL35" s="257">
        <v>4</v>
      </c>
      <c r="BM35" s="257">
        <v>3</v>
      </c>
      <c r="BN35" s="257">
        <v>5</v>
      </c>
      <c r="BO35" s="254">
        <v>30</v>
      </c>
      <c r="BP35" s="259">
        <v>30</v>
      </c>
      <c r="BQ35" s="253">
        <v>6</v>
      </c>
      <c r="BR35" s="257">
        <v>12</v>
      </c>
      <c r="BS35" s="254">
        <v>18</v>
      </c>
      <c r="BT35" s="256">
        <v>0</v>
      </c>
      <c r="BU35" s="257">
        <v>28</v>
      </c>
      <c r="BV35" s="257">
        <v>18</v>
      </c>
      <c r="BW35" s="257">
        <v>9</v>
      </c>
      <c r="BX35" s="257">
        <v>3</v>
      </c>
      <c r="BY35" s="257">
        <v>1</v>
      </c>
      <c r="BZ35" s="254">
        <v>59</v>
      </c>
      <c r="CA35" s="259">
        <v>77</v>
      </c>
      <c r="CB35" s="253">
        <v>0</v>
      </c>
      <c r="CC35" s="257">
        <v>0</v>
      </c>
      <c r="CD35" s="254">
        <v>0</v>
      </c>
      <c r="CE35" s="256">
        <v>0</v>
      </c>
      <c r="CF35" s="257">
        <v>1</v>
      </c>
      <c r="CG35" s="257">
        <v>7</v>
      </c>
      <c r="CH35" s="257">
        <v>8</v>
      </c>
      <c r="CI35" s="257">
        <v>3</v>
      </c>
      <c r="CJ35" s="257">
        <v>2</v>
      </c>
      <c r="CK35" s="254">
        <v>21</v>
      </c>
      <c r="CL35" s="259">
        <v>21</v>
      </c>
      <c r="CM35" s="253">
        <v>0</v>
      </c>
      <c r="CN35" s="257">
        <v>0</v>
      </c>
      <c r="CO35" s="254">
        <v>0</v>
      </c>
      <c r="CP35" s="256">
        <v>0</v>
      </c>
      <c r="CQ35" s="257">
        <v>2</v>
      </c>
      <c r="CR35" s="257">
        <v>2</v>
      </c>
      <c r="CS35" s="257">
        <v>0</v>
      </c>
      <c r="CT35" s="257">
        <v>1</v>
      </c>
      <c r="CU35" s="257">
        <v>0</v>
      </c>
      <c r="CV35" s="254">
        <v>5</v>
      </c>
      <c r="CW35" s="259">
        <v>5</v>
      </c>
      <c r="CX35" s="253">
        <v>0</v>
      </c>
      <c r="CY35" s="257">
        <v>0</v>
      </c>
      <c r="CZ35" s="254">
        <v>0</v>
      </c>
      <c r="DA35" s="256">
        <v>0</v>
      </c>
      <c r="DB35" s="257">
        <v>0</v>
      </c>
      <c r="DC35" s="257">
        <v>0</v>
      </c>
      <c r="DD35" s="257">
        <v>0</v>
      </c>
      <c r="DE35" s="257">
        <v>0</v>
      </c>
      <c r="DF35" s="257">
        <v>0</v>
      </c>
      <c r="DG35" s="254">
        <v>0</v>
      </c>
      <c r="DH35" s="259">
        <v>0</v>
      </c>
      <c r="DI35" s="253">
        <v>0</v>
      </c>
      <c r="DJ35" s="257">
        <v>0</v>
      </c>
      <c r="DK35" s="254">
        <v>0</v>
      </c>
      <c r="DL35" s="256">
        <v>0</v>
      </c>
      <c r="DM35" s="257">
        <v>0</v>
      </c>
      <c r="DN35" s="257">
        <v>0</v>
      </c>
      <c r="DO35" s="257">
        <v>0</v>
      </c>
      <c r="DP35" s="257">
        <v>0</v>
      </c>
      <c r="DQ35" s="257">
        <v>0</v>
      </c>
      <c r="DR35" s="254">
        <v>0</v>
      </c>
      <c r="DS35" s="259">
        <v>0</v>
      </c>
      <c r="DT35" s="253">
        <v>17</v>
      </c>
      <c r="DU35" s="257">
        <v>35</v>
      </c>
      <c r="DV35" s="254">
        <v>52</v>
      </c>
      <c r="DW35" s="256">
        <v>0</v>
      </c>
      <c r="DX35" s="257">
        <v>60</v>
      </c>
      <c r="DY35" s="257">
        <v>44</v>
      </c>
      <c r="DZ35" s="257">
        <v>29</v>
      </c>
      <c r="EA35" s="257">
        <v>19</v>
      </c>
      <c r="EB35" s="257">
        <v>16</v>
      </c>
      <c r="EC35" s="254">
        <v>168</v>
      </c>
      <c r="ED35" s="259">
        <v>220</v>
      </c>
      <c r="EE35" s="253">
        <v>2</v>
      </c>
      <c r="EF35" s="257">
        <v>4</v>
      </c>
      <c r="EG35" s="254">
        <v>6</v>
      </c>
      <c r="EH35" s="256">
        <v>0</v>
      </c>
      <c r="EI35" s="257">
        <v>12</v>
      </c>
      <c r="EJ35" s="257">
        <v>19</v>
      </c>
      <c r="EK35" s="257">
        <v>18</v>
      </c>
      <c r="EL35" s="257">
        <v>8</v>
      </c>
      <c r="EM35" s="257">
        <v>9</v>
      </c>
      <c r="EN35" s="254">
        <v>66</v>
      </c>
      <c r="EO35" s="259">
        <v>72</v>
      </c>
      <c r="EP35" s="253">
        <v>30</v>
      </c>
      <c r="EQ35" s="257">
        <v>58</v>
      </c>
      <c r="ER35" s="254">
        <v>88</v>
      </c>
      <c r="ES35" s="256">
        <v>0</v>
      </c>
      <c r="ET35" s="257">
        <v>97</v>
      </c>
      <c r="EU35" s="257">
        <v>56</v>
      </c>
      <c r="EV35" s="257">
        <v>39</v>
      </c>
      <c r="EW35" s="257">
        <v>15</v>
      </c>
      <c r="EX35" s="257">
        <v>16</v>
      </c>
      <c r="EY35" s="254">
        <v>223</v>
      </c>
      <c r="EZ35" s="259">
        <v>311</v>
      </c>
    </row>
    <row r="36" spans="2:156" ht="21" customHeight="1" x14ac:dyDescent="0.2">
      <c r="B36" s="437" t="s">
        <v>34</v>
      </c>
      <c r="C36" s="253">
        <v>0</v>
      </c>
      <c r="D36" s="257">
        <v>0</v>
      </c>
      <c r="E36" s="340">
        <v>0</v>
      </c>
      <c r="F36" s="256">
        <v>0</v>
      </c>
      <c r="G36" s="257">
        <v>17</v>
      </c>
      <c r="H36" s="257">
        <v>8</v>
      </c>
      <c r="I36" s="257">
        <v>3</v>
      </c>
      <c r="J36" s="257">
        <v>4</v>
      </c>
      <c r="K36" s="257">
        <v>3</v>
      </c>
      <c r="L36" s="258">
        <v>35</v>
      </c>
      <c r="M36" s="259">
        <v>35</v>
      </c>
      <c r="N36" s="253">
        <v>0</v>
      </c>
      <c r="O36" s="257">
        <v>0</v>
      </c>
      <c r="P36" s="254">
        <v>0</v>
      </c>
      <c r="Q36" s="256">
        <v>0</v>
      </c>
      <c r="R36" s="257">
        <v>0</v>
      </c>
      <c r="S36" s="257">
        <v>1</v>
      </c>
      <c r="T36" s="257">
        <v>1</v>
      </c>
      <c r="U36" s="257">
        <v>1</v>
      </c>
      <c r="V36" s="257">
        <v>6</v>
      </c>
      <c r="W36" s="254">
        <v>9</v>
      </c>
      <c r="X36" s="259">
        <v>9</v>
      </c>
      <c r="Y36" s="253">
        <v>0</v>
      </c>
      <c r="Z36" s="257">
        <v>8</v>
      </c>
      <c r="AA36" s="254">
        <v>8</v>
      </c>
      <c r="AB36" s="256">
        <v>0</v>
      </c>
      <c r="AC36" s="257">
        <v>18</v>
      </c>
      <c r="AD36" s="257">
        <v>13</v>
      </c>
      <c r="AE36" s="257">
        <v>6</v>
      </c>
      <c r="AF36" s="257">
        <v>7</v>
      </c>
      <c r="AG36" s="257">
        <v>7</v>
      </c>
      <c r="AH36" s="254">
        <v>51</v>
      </c>
      <c r="AI36" s="259">
        <v>59</v>
      </c>
      <c r="AJ36" s="253">
        <v>0</v>
      </c>
      <c r="AK36" s="257">
        <v>1</v>
      </c>
      <c r="AL36" s="254">
        <v>1</v>
      </c>
      <c r="AM36" s="256">
        <v>0</v>
      </c>
      <c r="AN36" s="257">
        <v>7</v>
      </c>
      <c r="AO36" s="257">
        <v>2</v>
      </c>
      <c r="AP36" s="257">
        <v>6</v>
      </c>
      <c r="AQ36" s="257">
        <v>1</v>
      </c>
      <c r="AR36" s="257">
        <v>1</v>
      </c>
      <c r="AS36" s="254">
        <v>17</v>
      </c>
      <c r="AT36" s="259">
        <v>18</v>
      </c>
      <c r="AU36" s="253">
        <v>3</v>
      </c>
      <c r="AV36" s="257">
        <v>6</v>
      </c>
      <c r="AW36" s="254">
        <v>9</v>
      </c>
      <c r="AX36" s="256">
        <v>0</v>
      </c>
      <c r="AY36" s="257">
        <v>28</v>
      </c>
      <c r="AZ36" s="257">
        <v>25</v>
      </c>
      <c r="BA36" s="257">
        <v>11</v>
      </c>
      <c r="BB36" s="257">
        <v>16</v>
      </c>
      <c r="BC36" s="257">
        <v>15</v>
      </c>
      <c r="BD36" s="258">
        <v>95</v>
      </c>
      <c r="BE36" s="259">
        <v>104</v>
      </c>
      <c r="BF36" s="253">
        <v>0</v>
      </c>
      <c r="BG36" s="257">
        <v>0</v>
      </c>
      <c r="BH36" s="254">
        <v>0</v>
      </c>
      <c r="BI36" s="256">
        <v>0</v>
      </c>
      <c r="BJ36" s="257">
        <v>25</v>
      </c>
      <c r="BK36" s="257">
        <v>19</v>
      </c>
      <c r="BL36" s="257">
        <v>14</v>
      </c>
      <c r="BM36" s="257">
        <v>8</v>
      </c>
      <c r="BN36" s="257">
        <v>0</v>
      </c>
      <c r="BO36" s="254">
        <v>66</v>
      </c>
      <c r="BP36" s="259">
        <v>66</v>
      </c>
      <c r="BQ36" s="253">
        <v>0</v>
      </c>
      <c r="BR36" s="257">
        <v>4</v>
      </c>
      <c r="BS36" s="254">
        <v>4</v>
      </c>
      <c r="BT36" s="256">
        <v>0</v>
      </c>
      <c r="BU36" s="257">
        <v>5</v>
      </c>
      <c r="BV36" s="257">
        <v>1</v>
      </c>
      <c r="BW36" s="257">
        <v>3</v>
      </c>
      <c r="BX36" s="257">
        <v>1</v>
      </c>
      <c r="BY36" s="257">
        <v>0</v>
      </c>
      <c r="BZ36" s="254">
        <v>10</v>
      </c>
      <c r="CA36" s="259">
        <v>14</v>
      </c>
      <c r="CB36" s="253">
        <v>0</v>
      </c>
      <c r="CC36" s="257">
        <v>0</v>
      </c>
      <c r="CD36" s="254">
        <v>0</v>
      </c>
      <c r="CE36" s="256">
        <v>0</v>
      </c>
      <c r="CF36" s="257">
        <v>4</v>
      </c>
      <c r="CG36" s="257">
        <v>3</v>
      </c>
      <c r="CH36" s="257">
        <v>6</v>
      </c>
      <c r="CI36" s="257">
        <v>4</v>
      </c>
      <c r="CJ36" s="257">
        <v>2</v>
      </c>
      <c r="CK36" s="254">
        <v>19</v>
      </c>
      <c r="CL36" s="259">
        <v>19</v>
      </c>
      <c r="CM36" s="253">
        <v>0</v>
      </c>
      <c r="CN36" s="257">
        <v>0</v>
      </c>
      <c r="CO36" s="254">
        <v>0</v>
      </c>
      <c r="CP36" s="256">
        <v>0</v>
      </c>
      <c r="CQ36" s="257">
        <v>0</v>
      </c>
      <c r="CR36" s="257">
        <v>0</v>
      </c>
      <c r="CS36" s="257">
        <v>1</v>
      </c>
      <c r="CT36" s="257">
        <v>0</v>
      </c>
      <c r="CU36" s="257">
        <v>1</v>
      </c>
      <c r="CV36" s="254">
        <v>2</v>
      </c>
      <c r="CW36" s="259">
        <v>2</v>
      </c>
      <c r="CX36" s="253">
        <v>0</v>
      </c>
      <c r="CY36" s="257">
        <v>0</v>
      </c>
      <c r="CZ36" s="254">
        <v>0</v>
      </c>
      <c r="DA36" s="256">
        <v>0</v>
      </c>
      <c r="DB36" s="257">
        <v>0</v>
      </c>
      <c r="DC36" s="257">
        <v>0</v>
      </c>
      <c r="DD36" s="257">
        <v>0</v>
      </c>
      <c r="DE36" s="257">
        <v>0</v>
      </c>
      <c r="DF36" s="257">
        <v>0</v>
      </c>
      <c r="DG36" s="254">
        <v>0</v>
      </c>
      <c r="DH36" s="259">
        <v>0</v>
      </c>
      <c r="DI36" s="253">
        <v>0</v>
      </c>
      <c r="DJ36" s="257">
        <v>0</v>
      </c>
      <c r="DK36" s="254">
        <v>0</v>
      </c>
      <c r="DL36" s="256">
        <v>0</v>
      </c>
      <c r="DM36" s="257">
        <v>0</v>
      </c>
      <c r="DN36" s="257">
        <v>0</v>
      </c>
      <c r="DO36" s="257">
        <v>0</v>
      </c>
      <c r="DP36" s="257">
        <v>0</v>
      </c>
      <c r="DQ36" s="257">
        <v>0</v>
      </c>
      <c r="DR36" s="254">
        <v>0</v>
      </c>
      <c r="DS36" s="259">
        <v>0</v>
      </c>
      <c r="DT36" s="253">
        <v>12</v>
      </c>
      <c r="DU36" s="257">
        <v>23</v>
      </c>
      <c r="DV36" s="254">
        <v>35</v>
      </c>
      <c r="DW36" s="256">
        <v>0</v>
      </c>
      <c r="DX36" s="257">
        <v>46</v>
      </c>
      <c r="DY36" s="257">
        <v>50</v>
      </c>
      <c r="DZ36" s="257">
        <v>26</v>
      </c>
      <c r="EA36" s="257">
        <v>16</v>
      </c>
      <c r="EB36" s="257">
        <v>11</v>
      </c>
      <c r="EC36" s="254">
        <v>149</v>
      </c>
      <c r="ED36" s="259">
        <v>184</v>
      </c>
      <c r="EE36" s="253">
        <v>2</v>
      </c>
      <c r="EF36" s="257">
        <v>3</v>
      </c>
      <c r="EG36" s="254">
        <v>5</v>
      </c>
      <c r="EH36" s="256">
        <v>0</v>
      </c>
      <c r="EI36" s="257">
        <v>13</v>
      </c>
      <c r="EJ36" s="257">
        <v>7</v>
      </c>
      <c r="EK36" s="257">
        <v>3</v>
      </c>
      <c r="EL36" s="257">
        <v>6</v>
      </c>
      <c r="EM36" s="257">
        <v>5</v>
      </c>
      <c r="EN36" s="254">
        <v>34</v>
      </c>
      <c r="EO36" s="259">
        <v>39</v>
      </c>
      <c r="EP36" s="253">
        <v>12</v>
      </c>
      <c r="EQ36" s="257">
        <v>26</v>
      </c>
      <c r="ER36" s="254">
        <v>38</v>
      </c>
      <c r="ES36" s="256">
        <v>0</v>
      </c>
      <c r="ET36" s="257">
        <v>70</v>
      </c>
      <c r="EU36" s="257">
        <v>48</v>
      </c>
      <c r="EV36" s="257">
        <v>28</v>
      </c>
      <c r="EW36" s="257">
        <v>17</v>
      </c>
      <c r="EX36" s="257">
        <v>10</v>
      </c>
      <c r="EY36" s="254">
        <v>173</v>
      </c>
      <c r="EZ36" s="259">
        <v>211</v>
      </c>
    </row>
    <row r="37" spans="2:156" ht="21" customHeight="1" x14ac:dyDescent="0.2">
      <c r="B37" s="437" t="s">
        <v>35</v>
      </c>
      <c r="C37" s="253">
        <v>0</v>
      </c>
      <c r="D37" s="257">
        <v>0</v>
      </c>
      <c r="E37" s="340">
        <v>0</v>
      </c>
      <c r="F37" s="256">
        <v>0</v>
      </c>
      <c r="G37" s="257">
        <v>99</v>
      </c>
      <c r="H37" s="257">
        <v>46</v>
      </c>
      <c r="I37" s="257">
        <v>40</v>
      </c>
      <c r="J37" s="257">
        <v>34</v>
      </c>
      <c r="K37" s="257">
        <v>13</v>
      </c>
      <c r="L37" s="258">
        <v>232</v>
      </c>
      <c r="M37" s="259">
        <v>232</v>
      </c>
      <c r="N37" s="253">
        <v>0</v>
      </c>
      <c r="O37" s="257">
        <v>0</v>
      </c>
      <c r="P37" s="254">
        <v>0</v>
      </c>
      <c r="Q37" s="256">
        <v>0</v>
      </c>
      <c r="R37" s="257">
        <v>1</v>
      </c>
      <c r="S37" s="257">
        <v>5</v>
      </c>
      <c r="T37" s="257">
        <v>3</v>
      </c>
      <c r="U37" s="257">
        <v>15</v>
      </c>
      <c r="V37" s="257">
        <v>8</v>
      </c>
      <c r="W37" s="254">
        <v>32</v>
      </c>
      <c r="X37" s="259">
        <v>32</v>
      </c>
      <c r="Y37" s="253">
        <v>0</v>
      </c>
      <c r="Z37" s="257">
        <v>4</v>
      </c>
      <c r="AA37" s="254">
        <v>4</v>
      </c>
      <c r="AB37" s="256">
        <v>0</v>
      </c>
      <c r="AC37" s="257">
        <v>57</v>
      </c>
      <c r="AD37" s="257">
        <v>37</v>
      </c>
      <c r="AE37" s="257">
        <v>34</v>
      </c>
      <c r="AF37" s="257">
        <v>27</v>
      </c>
      <c r="AG37" s="257">
        <v>14</v>
      </c>
      <c r="AH37" s="254">
        <v>169</v>
      </c>
      <c r="AI37" s="259">
        <v>173</v>
      </c>
      <c r="AJ37" s="253">
        <v>0</v>
      </c>
      <c r="AK37" s="257">
        <v>1</v>
      </c>
      <c r="AL37" s="254">
        <v>1</v>
      </c>
      <c r="AM37" s="256">
        <v>0</v>
      </c>
      <c r="AN37" s="257">
        <v>20</v>
      </c>
      <c r="AO37" s="257">
        <v>14</v>
      </c>
      <c r="AP37" s="257">
        <v>8</v>
      </c>
      <c r="AQ37" s="257">
        <v>10</v>
      </c>
      <c r="AR37" s="257">
        <v>4</v>
      </c>
      <c r="AS37" s="254">
        <v>56</v>
      </c>
      <c r="AT37" s="259">
        <v>57</v>
      </c>
      <c r="AU37" s="253">
        <v>15</v>
      </c>
      <c r="AV37" s="257">
        <v>23</v>
      </c>
      <c r="AW37" s="254">
        <v>38</v>
      </c>
      <c r="AX37" s="256">
        <v>0</v>
      </c>
      <c r="AY37" s="257">
        <v>103</v>
      </c>
      <c r="AZ37" s="257">
        <v>69</v>
      </c>
      <c r="BA37" s="257">
        <v>85</v>
      </c>
      <c r="BB37" s="257">
        <v>84</v>
      </c>
      <c r="BC37" s="257">
        <v>42</v>
      </c>
      <c r="BD37" s="258">
        <v>383</v>
      </c>
      <c r="BE37" s="259">
        <v>421</v>
      </c>
      <c r="BF37" s="253">
        <v>0</v>
      </c>
      <c r="BG37" s="257">
        <v>0</v>
      </c>
      <c r="BH37" s="254">
        <v>0</v>
      </c>
      <c r="BI37" s="256">
        <v>0</v>
      </c>
      <c r="BJ37" s="257">
        <v>124</v>
      </c>
      <c r="BK37" s="257">
        <v>71</v>
      </c>
      <c r="BL37" s="257">
        <v>51</v>
      </c>
      <c r="BM37" s="257">
        <v>29</v>
      </c>
      <c r="BN37" s="257">
        <v>14</v>
      </c>
      <c r="BO37" s="254">
        <v>289</v>
      </c>
      <c r="BP37" s="259">
        <v>289</v>
      </c>
      <c r="BQ37" s="253">
        <v>0</v>
      </c>
      <c r="BR37" s="257">
        <v>0</v>
      </c>
      <c r="BS37" s="254">
        <v>0</v>
      </c>
      <c r="BT37" s="256">
        <v>0</v>
      </c>
      <c r="BU37" s="257">
        <v>48</v>
      </c>
      <c r="BV37" s="257">
        <v>20</v>
      </c>
      <c r="BW37" s="257">
        <v>12</v>
      </c>
      <c r="BX37" s="257">
        <v>9</v>
      </c>
      <c r="BY37" s="257">
        <v>1</v>
      </c>
      <c r="BZ37" s="254">
        <v>90</v>
      </c>
      <c r="CA37" s="259">
        <v>90</v>
      </c>
      <c r="CB37" s="253">
        <v>0</v>
      </c>
      <c r="CC37" s="257">
        <v>0</v>
      </c>
      <c r="CD37" s="254">
        <v>0</v>
      </c>
      <c r="CE37" s="256">
        <v>0</v>
      </c>
      <c r="CF37" s="257">
        <v>10</v>
      </c>
      <c r="CG37" s="257">
        <v>7</v>
      </c>
      <c r="CH37" s="257">
        <v>11</v>
      </c>
      <c r="CI37" s="257">
        <v>7</v>
      </c>
      <c r="CJ37" s="257">
        <v>4</v>
      </c>
      <c r="CK37" s="254">
        <v>39</v>
      </c>
      <c r="CL37" s="259">
        <v>39</v>
      </c>
      <c r="CM37" s="253">
        <v>0</v>
      </c>
      <c r="CN37" s="257">
        <v>0</v>
      </c>
      <c r="CO37" s="254">
        <v>0</v>
      </c>
      <c r="CP37" s="256">
        <v>0</v>
      </c>
      <c r="CQ37" s="257">
        <v>3</v>
      </c>
      <c r="CR37" s="257">
        <v>2</v>
      </c>
      <c r="CS37" s="257">
        <v>1</v>
      </c>
      <c r="CT37" s="257">
        <v>2</v>
      </c>
      <c r="CU37" s="257">
        <v>1</v>
      </c>
      <c r="CV37" s="254">
        <v>9</v>
      </c>
      <c r="CW37" s="259">
        <v>9</v>
      </c>
      <c r="CX37" s="253">
        <v>0</v>
      </c>
      <c r="CY37" s="257">
        <v>0</v>
      </c>
      <c r="CZ37" s="254">
        <v>0</v>
      </c>
      <c r="DA37" s="256">
        <v>0</v>
      </c>
      <c r="DB37" s="257">
        <v>0</v>
      </c>
      <c r="DC37" s="257">
        <v>0</v>
      </c>
      <c r="DD37" s="257">
        <v>0</v>
      </c>
      <c r="DE37" s="257">
        <v>0</v>
      </c>
      <c r="DF37" s="257">
        <v>0</v>
      </c>
      <c r="DG37" s="254">
        <v>0</v>
      </c>
      <c r="DH37" s="259">
        <v>0</v>
      </c>
      <c r="DI37" s="253">
        <v>0</v>
      </c>
      <c r="DJ37" s="257">
        <v>0</v>
      </c>
      <c r="DK37" s="254">
        <v>0</v>
      </c>
      <c r="DL37" s="256">
        <v>0</v>
      </c>
      <c r="DM37" s="257">
        <v>0</v>
      </c>
      <c r="DN37" s="257">
        <v>0</v>
      </c>
      <c r="DO37" s="257">
        <v>0</v>
      </c>
      <c r="DP37" s="257">
        <v>0</v>
      </c>
      <c r="DQ37" s="257">
        <v>0</v>
      </c>
      <c r="DR37" s="254">
        <v>0</v>
      </c>
      <c r="DS37" s="259">
        <v>0</v>
      </c>
      <c r="DT37" s="253">
        <v>4</v>
      </c>
      <c r="DU37" s="257">
        <v>3</v>
      </c>
      <c r="DV37" s="254">
        <v>7</v>
      </c>
      <c r="DW37" s="256">
        <v>0</v>
      </c>
      <c r="DX37" s="257">
        <v>163</v>
      </c>
      <c r="DY37" s="257">
        <v>120</v>
      </c>
      <c r="DZ37" s="257">
        <v>93</v>
      </c>
      <c r="EA37" s="257">
        <v>65</v>
      </c>
      <c r="EB37" s="257">
        <v>31</v>
      </c>
      <c r="EC37" s="254">
        <v>472</v>
      </c>
      <c r="ED37" s="259">
        <v>479</v>
      </c>
      <c r="EE37" s="253">
        <v>15</v>
      </c>
      <c r="EF37" s="257">
        <v>14</v>
      </c>
      <c r="EG37" s="254">
        <v>29</v>
      </c>
      <c r="EH37" s="256">
        <v>0</v>
      </c>
      <c r="EI37" s="257">
        <v>45</v>
      </c>
      <c r="EJ37" s="257">
        <v>15</v>
      </c>
      <c r="EK37" s="257">
        <v>22</v>
      </c>
      <c r="EL37" s="257">
        <v>33</v>
      </c>
      <c r="EM37" s="257">
        <v>7</v>
      </c>
      <c r="EN37" s="254">
        <v>122</v>
      </c>
      <c r="EO37" s="259">
        <v>151</v>
      </c>
      <c r="EP37" s="253">
        <v>2</v>
      </c>
      <c r="EQ37" s="257">
        <v>3</v>
      </c>
      <c r="ER37" s="254">
        <v>5</v>
      </c>
      <c r="ES37" s="256">
        <v>0</v>
      </c>
      <c r="ET37" s="257">
        <v>278</v>
      </c>
      <c r="EU37" s="257">
        <v>148</v>
      </c>
      <c r="EV37" s="257">
        <v>108</v>
      </c>
      <c r="EW37" s="257">
        <v>71</v>
      </c>
      <c r="EX37" s="257">
        <v>31</v>
      </c>
      <c r="EY37" s="254">
        <v>636</v>
      </c>
      <c r="EZ37" s="259">
        <v>641</v>
      </c>
    </row>
    <row r="38" spans="2:156" ht="21" customHeight="1" x14ac:dyDescent="0.2">
      <c r="B38" s="437" t="s">
        <v>36</v>
      </c>
      <c r="C38" s="253">
        <v>0</v>
      </c>
      <c r="D38" s="257">
        <v>0</v>
      </c>
      <c r="E38" s="340">
        <v>0</v>
      </c>
      <c r="F38" s="256">
        <v>0</v>
      </c>
      <c r="G38" s="257">
        <v>60</v>
      </c>
      <c r="H38" s="257">
        <v>69</v>
      </c>
      <c r="I38" s="257">
        <v>39</v>
      </c>
      <c r="J38" s="257">
        <v>30</v>
      </c>
      <c r="K38" s="257">
        <v>39</v>
      </c>
      <c r="L38" s="258">
        <v>237</v>
      </c>
      <c r="M38" s="259">
        <v>237</v>
      </c>
      <c r="N38" s="253">
        <v>0</v>
      </c>
      <c r="O38" s="257">
        <v>1</v>
      </c>
      <c r="P38" s="254">
        <v>1</v>
      </c>
      <c r="Q38" s="256">
        <v>0</v>
      </c>
      <c r="R38" s="257">
        <v>1</v>
      </c>
      <c r="S38" s="257">
        <v>4</v>
      </c>
      <c r="T38" s="257">
        <v>7</v>
      </c>
      <c r="U38" s="257">
        <v>9</v>
      </c>
      <c r="V38" s="257">
        <v>12</v>
      </c>
      <c r="W38" s="254">
        <v>33</v>
      </c>
      <c r="X38" s="259">
        <v>34</v>
      </c>
      <c r="Y38" s="253">
        <v>7</v>
      </c>
      <c r="Z38" s="257">
        <v>25</v>
      </c>
      <c r="AA38" s="254">
        <v>32</v>
      </c>
      <c r="AB38" s="256">
        <v>0</v>
      </c>
      <c r="AC38" s="257">
        <v>48</v>
      </c>
      <c r="AD38" s="257">
        <v>59</v>
      </c>
      <c r="AE38" s="257">
        <v>36</v>
      </c>
      <c r="AF38" s="257">
        <v>34</v>
      </c>
      <c r="AG38" s="257">
        <v>35</v>
      </c>
      <c r="AH38" s="254">
        <v>212</v>
      </c>
      <c r="AI38" s="259">
        <v>244</v>
      </c>
      <c r="AJ38" s="253">
        <v>3</v>
      </c>
      <c r="AK38" s="257">
        <v>11</v>
      </c>
      <c r="AL38" s="254">
        <v>14</v>
      </c>
      <c r="AM38" s="256">
        <v>0</v>
      </c>
      <c r="AN38" s="257">
        <v>19</v>
      </c>
      <c r="AO38" s="257">
        <v>20</v>
      </c>
      <c r="AP38" s="257">
        <v>5</v>
      </c>
      <c r="AQ38" s="257">
        <v>11</v>
      </c>
      <c r="AR38" s="257">
        <v>7</v>
      </c>
      <c r="AS38" s="254">
        <v>62</v>
      </c>
      <c r="AT38" s="259">
        <v>76</v>
      </c>
      <c r="AU38" s="253">
        <v>6</v>
      </c>
      <c r="AV38" s="257">
        <v>7</v>
      </c>
      <c r="AW38" s="254">
        <v>13</v>
      </c>
      <c r="AX38" s="256">
        <v>0</v>
      </c>
      <c r="AY38" s="257">
        <v>45</v>
      </c>
      <c r="AZ38" s="257">
        <v>85</v>
      </c>
      <c r="BA38" s="257">
        <v>62</v>
      </c>
      <c r="BB38" s="257">
        <v>48</v>
      </c>
      <c r="BC38" s="257">
        <v>60</v>
      </c>
      <c r="BD38" s="258">
        <v>300</v>
      </c>
      <c r="BE38" s="259">
        <v>313</v>
      </c>
      <c r="BF38" s="253">
        <v>0</v>
      </c>
      <c r="BG38" s="257">
        <v>0</v>
      </c>
      <c r="BH38" s="254">
        <v>0</v>
      </c>
      <c r="BI38" s="256">
        <v>0</v>
      </c>
      <c r="BJ38" s="257">
        <v>86</v>
      </c>
      <c r="BK38" s="257">
        <v>103</v>
      </c>
      <c r="BL38" s="257">
        <v>43</v>
      </c>
      <c r="BM38" s="257">
        <v>30</v>
      </c>
      <c r="BN38" s="257">
        <v>13</v>
      </c>
      <c r="BO38" s="254">
        <v>275</v>
      </c>
      <c r="BP38" s="259">
        <v>275</v>
      </c>
      <c r="BQ38" s="253">
        <v>8</v>
      </c>
      <c r="BR38" s="257">
        <v>6</v>
      </c>
      <c r="BS38" s="254">
        <v>14</v>
      </c>
      <c r="BT38" s="256">
        <v>0</v>
      </c>
      <c r="BU38" s="257">
        <v>22</v>
      </c>
      <c r="BV38" s="257">
        <v>32</v>
      </c>
      <c r="BW38" s="257">
        <v>18</v>
      </c>
      <c r="BX38" s="257">
        <v>6</v>
      </c>
      <c r="BY38" s="257">
        <v>4</v>
      </c>
      <c r="BZ38" s="254">
        <v>82</v>
      </c>
      <c r="CA38" s="259">
        <v>96</v>
      </c>
      <c r="CB38" s="253">
        <v>0</v>
      </c>
      <c r="CC38" s="257">
        <v>0</v>
      </c>
      <c r="CD38" s="254">
        <v>0</v>
      </c>
      <c r="CE38" s="256">
        <v>0</v>
      </c>
      <c r="CF38" s="257">
        <v>9</v>
      </c>
      <c r="CG38" s="257">
        <v>28</v>
      </c>
      <c r="CH38" s="257">
        <v>20</v>
      </c>
      <c r="CI38" s="257">
        <v>23</v>
      </c>
      <c r="CJ38" s="257">
        <v>14</v>
      </c>
      <c r="CK38" s="254">
        <v>94</v>
      </c>
      <c r="CL38" s="259">
        <v>94</v>
      </c>
      <c r="CM38" s="253">
        <v>0</v>
      </c>
      <c r="CN38" s="257">
        <v>0</v>
      </c>
      <c r="CO38" s="254">
        <v>0</v>
      </c>
      <c r="CP38" s="256">
        <v>0</v>
      </c>
      <c r="CQ38" s="257">
        <v>1</v>
      </c>
      <c r="CR38" s="257">
        <v>3</v>
      </c>
      <c r="CS38" s="257">
        <v>0</v>
      </c>
      <c r="CT38" s="257">
        <v>1</v>
      </c>
      <c r="CU38" s="257">
        <v>0</v>
      </c>
      <c r="CV38" s="254">
        <v>5</v>
      </c>
      <c r="CW38" s="259">
        <v>5</v>
      </c>
      <c r="CX38" s="253">
        <v>0</v>
      </c>
      <c r="CY38" s="257">
        <v>0</v>
      </c>
      <c r="CZ38" s="254">
        <v>0</v>
      </c>
      <c r="DA38" s="256">
        <v>0</v>
      </c>
      <c r="DB38" s="257">
        <v>0</v>
      </c>
      <c r="DC38" s="257">
        <v>0</v>
      </c>
      <c r="DD38" s="257">
        <v>0</v>
      </c>
      <c r="DE38" s="257">
        <v>0</v>
      </c>
      <c r="DF38" s="257">
        <v>0</v>
      </c>
      <c r="DG38" s="254">
        <v>0</v>
      </c>
      <c r="DH38" s="259">
        <v>0</v>
      </c>
      <c r="DI38" s="253">
        <v>0</v>
      </c>
      <c r="DJ38" s="257">
        <v>0</v>
      </c>
      <c r="DK38" s="254">
        <v>0</v>
      </c>
      <c r="DL38" s="256">
        <v>0</v>
      </c>
      <c r="DM38" s="257">
        <v>0</v>
      </c>
      <c r="DN38" s="257">
        <v>0</v>
      </c>
      <c r="DO38" s="257">
        <v>0</v>
      </c>
      <c r="DP38" s="257">
        <v>0</v>
      </c>
      <c r="DQ38" s="257">
        <v>0</v>
      </c>
      <c r="DR38" s="254">
        <v>0</v>
      </c>
      <c r="DS38" s="259">
        <v>0</v>
      </c>
      <c r="DT38" s="253">
        <v>32</v>
      </c>
      <c r="DU38" s="257">
        <v>109</v>
      </c>
      <c r="DV38" s="254">
        <v>141</v>
      </c>
      <c r="DW38" s="256">
        <v>0</v>
      </c>
      <c r="DX38" s="257">
        <v>167</v>
      </c>
      <c r="DY38" s="257">
        <v>199</v>
      </c>
      <c r="DZ38" s="257">
        <v>108</v>
      </c>
      <c r="EA38" s="257">
        <v>76</v>
      </c>
      <c r="EB38" s="257">
        <v>58</v>
      </c>
      <c r="EC38" s="254">
        <v>608</v>
      </c>
      <c r="ED38" s="259">
        <v>749</v>
      </c>
      <c r="EE38" s="253">
        <v>4</v>
      </c>
      <c r="EF38" s="257">
        <v>1</v>
      </c>
      <c r="EG38" s="254">
        <v>5</v>
      </c>
      <c r="EH38" s="256">
        <v>0</v>
      </c>
      <c r="EI38" s="257">
        <v>17</v>
      </c>
      <c r="EJ38" s="257">
        <v>13</v>
      </c>
      <c r="EK38" s="257">
        <v>13</v>
      </c>
      <c r="EL38" s="257">
        <v>7</v>
      </c>
      <c r="EM38" s="257">
        <v>3</v>
      </c>
      <c r="EN38" s="254">
        <v>53</v>
      </c>
      <c r="EO38" s="259">
        <v>58</v>
      </c>
      <c r="EP38" s="253">
        <v>45</v>
      </c>
      <c r="EQ38" s="257">
        <v>130</v>
      </c>
      <c r="ER38" s="254">
        <v>175</v>
      </c>
      <c r="ES38" s="256">
        <v>0</v>
      </c>
      <c r="ET38" s="257">
        <v>261</v>
      </c>
      <c r="EU38" s="257">
        <v>248</v>
      </c>
      <c r="EV38" s="257">
        <v>126</v>
      </c>
      <c r="EW38" s="257">
        <v>90</v>
      </c>
      <c r="EX38" s="257">
        <v>71</v>
      </c>
      <c r="EY38" s="254">
        <v>796</v>
      </c>
      <c r="EZ38" s="259">
        <v>971</v>
      </c>
    </row>
    <row r="39" spans="2:156" ht="21" customHeight="1" thickBot="1" x14ac:dyDescent="0.25">
      <c r="B39" s="438" t="s">
        <v>37</v>
      </c>
      <c r="C39" s="260">
        <v>0</v>
      </c>
      <c r="D39" s="264">
        <v>0</v>
      </c>
      <c r="E39" s="341">
        <v>0</v>
      </c>
      <c r="F39" s="263">
        <v>0</v>
      </c>
      <c r="G39" s="264">
        <v>6</v>
      </c>
      <c r="H39" s="264">
        <v>5</v>
      </c>
      <c r="I39" s="264">
        <v>5</v>
      </c>
      <c r="J39" s="264">
        <v>2</v>
      </c>
      <c r="K39" s="264">
        <v>4</v>
      </c>
      <c r="L39" s="265">
        <v>22</v>
      </c>
      <c r="M39" s="266">
        <v>22</v>
      </c>
      <c r="N39" s="260">
        <v>0</v>
      </c>
      <c r="O39" s="264">
        <v>0</v>
      </c>
      <c r="P39" s="261">
        <v>0</v>
      </c>
      <c r="Q39" s="263">
        <v>0</v>
      </c>
      <c r="R39" s="264">
        <v>0</v>
      </c>
      <c r="S39" s="264">
        <v>0</v>
      </c>
      <c r="T39" s="264">
        <v>0</v>
      </c>
      <c r="U39" s="264">
        <v>0</v>
      </c>
      <c r="V39" s="264">
        <v>1</v>
      </c>
      <c r="W39" s="261">
        <v>1</v>
      </c>
      <c r="X39" s="266">
        <v>1</v>
      </c>
      <c r="Y39" s="260">
        <v>3</v>
      </c>
      <c r="Z39" s="264">
        <v>0</v>
      </c>
      <c r="AA39" s="261">
        <v>3</v>
      </c>
      <c r="AB39" s="263">
        <v>0</v>
      </c>
      <c r="AC39" s="264">
        <v>5</v>
      </c>
      <c r="AD39" s="264">
        <v>4</v>
      </c>
      <c r="AE39" s="264">
        <v>2</v>
      </c>
      <c r="AF39" s="264">
        <v>6</v>
      </c>
      <c r="AG39" s="264">
        <v>4</v>
      </c>
      <c r="AH39" s="261">
        <v>21</v>
      </c>
      <c r="AI39" s="266">
        <v>24</v>
      </c>
      <c r="AJ39" s="260">
        <v>0</v>
      </c>
      <c r="AK39" s="264">
        <v>0</v>
      </c>
      <c r="AL39" s="261">
        <v>0</v>
      </c>
      <c r="AM39" s="263">
        <v>0</v>
      </c>
      <c r="AN39" s="264">
        <v>1</v>
      </c>
      <c r="AO39" s="264">
        <v>1</v>
      </c>
      <c r="AP39" s="264">
        <v>0</v>
      </c>
      <c r="AQ39" s="264">
        <v>1</v>
      </c>
      <c r="AR39" s="264">
        <v>1</v>
      </c>
      <c r="AS39" s="261">
        <v>4</v>
      </c>
      <c r="AT39" s="266">
        <v>4</v>
      </c>
      <c r="AU39" s="260">
        <v>3</v>
      </c>
      <c r="AV39" s="264">
        <v>0</v>
      </c>
      <c r="AW39" s="261">
        <v>3</v>
      </c>
      <c r="AX39" s="263">
        <v>0</v>
      </c>
      <c r="AY39" s="264">
        <v>4</v>
      </c>
      <c r="AZ39" s="264">
        <v>2</v>
      </c>
      <c r="BA39" s="264">
        <v>4</v>
      </c>
      <c r="BB39" s="264">
        <v>9</v>
      </c>
      <c r="BC39" s="264">
        <v>5</v>
      </c>
      <c r="BD39" s="265">
        <v>24</v>
      </c>
      <c r="BE39" s="266">
        <v>27</v>
      </c>
      <c r="BF39" s="260">
        <v>0</v>
      </c>
      <c r="BG39" s="264">
        <v>0</v>
      </c>
      <c r="BH39" s="261">
        <v>0</v>
      </c>
      <c r="BI39" s="263">
        <v>0</v>
      </c>
      <c r="BJ39" s="264">
        <v>7</v>
      </c>
      <c r="BK39" s="264">
        <v>4</v>
      </c>
      <c r="BL39" s="264">
        <v>5</v>
      </c>
      <c r="BM39" s="264">
        <v>6</v>
      </c>
      <c r="BN39" s="264">
        <v>1</v>
      </c>
      <c r="BO39" s="261">
        <v>23</v>
      </c>
      <c r="BP39" s="266">
        <v>23</v>
      </c>
      <c r="BQ39" s="260">
        <v>4</v>
      </c>
      <c r="BR39" s="264">
        <v>0</v>
      </c>
      <c r="BS39" s="261">
        <v>4</v>
      </c>
      <c r="BT39" s="263">
        <v>0</v>
      </c>
      <c r="BU39" s="264">
        <v>5</v>
      </c>
      <c r="BV39" s="264">
        <v>4</v>
      </c>
      <c r="BW39" s="264">
        <v>1</v>
      </c>
      <c r="BX39" s="264">
        <v>2</v>
      </c>
      <c r="BY39" s="264">
        <v>2</v>
      </c>
      <c r="BZ39" s="261">
        <v>14</v>
      </c>
      <c r="CA39" s="266">
        <v>18</v>
      </c>
      <c r="CB39" s="260">
        <v>0</v>
      </c>
      <c r="CC39" s="264">
        <v>0</v>
      </c>
      <c r="CD39" s="261">
        <v>0</v>
      </c>
      <c r="CE39" s="263">
        <v>0</v>
      </c>
      <c r="CF39" s="264">
        <v>0</v>
      </c>
      <c r="CG39" s="264">
        <v>1</v>
      </c>
      <c r="CH39" s="264">
        <v>4</v>
      </c>
      <c r="CI39" s="264">
        <v>2</v>
      </c>
      <c r="CJ39" s="264">
        <v>0</v>
      </c>
      <c r="CK39" s="261">
        <v>7</v>
      </c>
      <c r="CL39" s="266">
        <v>7</v>
      </c>
      <c r="CM39" s="260">
        <v>0</v>
      </c>
      <c r="CN39" s="264">
        <v>0</v>
      </c>
      <c r="CO39" s="261">
        <v>0</v>
      </c>
      <c r="CP39" s="263">
        <v>0</v>
      </c>
      <c r="CQ39" s="264">
        <v>0</v>
      </c>
      <c r="CR39" s="264">
        <v>0</v>
      </c>
      <c r="CS39" s="264">
        <v>0</v>
      </c>
      <c r="CT39" s="264">
        <v>1</v>
      </c>
      <c r="CU39" s="264">
        <v>1</v>
      </c>
      <c r="CV39" s="261">
        <v>2</v>
      </c>
      <c r="CW39" s="266">
        <v>2</v>
      </c>
      <c r="CX39" s="260">
        <v>0</v>
      </c>
      <c r="CY39" s="264">
        <v>0</v>
      </c>
      <c r="CZ39" s="261">
        <v>0</v>
      </c>
      <c r="DA39" s="263">
        <v>0</v>
      </c>
      <c r="DB39" s="264">
        <v>0</v>
      </c>
      <c r="DC39" s="264">
        <v>0</v>
      </c>
      <c r="DD39" s="264">
        <v>0</v>
      </c>
      <c r="DE39" s="264">
        <v>0</v>
      </c>
      <c r="DF39" s="264">
        <v>0</v>
      </c>
      <c r="DG39" s="261">
        <v>0</v>
      </c>
      <c r="DH39" s="266">
        <v>0</v>
      </c>
      <c r="DI39" s="260">
        <v>0</v>
      </c>
      <c r="DJ39" s="264">
        <v>0</v>
      </c>
      <c r="DK39" s="261">
        <v>0</v>
      </c>
      <c r="DL39" s="263">
        <v>0</v>
      </c>
      <c r="DM39" s="264">
        <v>0</v>
      </c>
      <c r="DN39" s="264">
        <v>0</v>
      </c>
      <c r="DO39" s="264">
        <v>0</v>
      </c>
      <c r="DP39" s="264">
        <v>0</v>
      </c>
      <c r="DQ39" s="264">
        <v>0</v>
      </c>
      <c r="DR39" s="261">
        <v>0</v>
      </c>
      <c r="DS39" s="266">
        <v>0</v>
      </c>
      <c r="DT39" s="260">
        <v>15</v>
      </c>
      <c r="DU39" s="264">
        <v>1</v>
      </c>
      <c r="DV39" s="261">
        <v>16</v>
      </c>
      <c r="DW39" s="263">
        <v>0</v>
      </c>
      <c r="DX39" s="264">
        <v>19</v>
      </c>
      <c r="DY39" s="264">
        <v>15</v>
      </c>
      <c r="DZ39" s="264">
        <v>10</v>
      </c>
      <c r="EA39" s="264">
        <v>10</v>
      </c>
      <c r="EB39" s="264">
        <v>6</v>
      </c>
      <c r="EC39" s="261">
        <v>60</v>
      </c>
      <c r="ED39" s="266">
        <v>76</v>
      </c>
      <c r="EE39" s="260">
        <v>0</v>
      </c>
      <c r="EF39" s="264">
        <v>0</v>
      </c>
      <c r="EG39" s="261">
        <v>0</v>
      </c>
      <c r="EH39" s="263">
        <v>0</v>
      </c>
      <c r="EI39" s="264">
        <v>0</v>
      </c>
      <c r="EJ39" s="264">
        <v>0</v>
      </c>
      <c r="EK39" s="264">
        <v>0</v>
      </c>
      <c r="EL39" s="264">
        <v>0</v>
      </c>
      <c r="EM39" s="264">
        <v>0</v>
      </c>
      <c r="EN39" s="261">
        <v>0</v>
      </c>
      <c r="EO39" s="266">
        <v>0</v>
      </c>
      <c r="EP39" s="260">
        <v>20</v>
      </c>
      <c r="EQ39" s="264">
        <v>1</v>
      </c>
      <c r="ER39" s="261">
        <v>21</v>
      </c>
      <c r="ES39" s="263">
        <v>0</v>
      </c>
      <c r="ET39" s="264">
        <v>27</v>
      </c>
      <c r="EU39" s="264">
        <v>17</v>
      </c>
      <c r="EV39" s="264">
        <v>13</v>
      </c>
      <c r="EW39" s="264">
        <v>11</v>
      </c>
      <c r="EX39" s="264">
        <v>6</v>
      </c>
      <c r="EY39" s="261">
        <v>74</v>
      </c>
      <c r="EZ39" s="266">
        <v>95</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38" customWidth="1"/>
    <col min="2" max="2" width="9.77734375" style="238" customWidth="1"/>
    <col min="3" max="4" width="9" style="238"/>
    <col min="5" max="5" width="10.33203125" style="238" customWidth="1"/>
    <col min="6" max="6" width="7.6640625" style="238" customWidth="1"/>
    <col min="7" max="7" width="10.21875" style="238" customWidth="1"/>
    <col min="8" max="8" width="10.44140625" style="238" customWidth="1"/>
    <col min="9" max="16" width="9" style="238"/>
    <col min="17" max="17" width="7.21875" style="238" customWidth="1"/>
    <col min="18" max="27" width="9" style="238"/>
    <col min="28" max="28" width="7.6640625" style="238" customWidth="1"/>
    <col min="29" max="38" width="9" style="238"/>
    <col min="39" max="39" width="7.6640625" style="238" customWidth="1"/>
    <col min="40" max="49" width="9" style="238"/>
    <col min="50" max="50" width="7.21875" style="238" customWidth="1"/>
    <col min="51" max="60" width="9" style="238"/>
    <col min="61" max="61" width="7.21875" style="238" customWidth="1"/>
    <col min="62" max="71" width="9" style="238"/>
    <col min="72" max="72" width="7.33203125" style="238" customWidth="1"/>
    <col min="73" max="82" width="9" style="238"/>
    <col min="83" max="83" width="7.44140625" style="238" customWidth="1"/>
    <col min="84" max="93" width="9" style="238"/>
    <col min="94" max="94" width="7.6640625" style="238" customWidth="1"/>
    <col min="95" max="104" width="9" style="238"/>
    <col min="105" max="105" width="7.44140625" style="238" customWidth="1"/>
    <col min="106" max="115" width="9" style="238"/>
    <col min="116" max="116" width="7.44140625" style="238" customWidth="1"/>
    <col min="117" max="126" width="9" style="238"/>
    <col min="127" max="127" width="7.44140625" style="238" customWidth="1"/>
    <col min="128" max="137" width="9" style="238"/>
    <col min="138" max="138" width="7.33203125" style="238" customWidth="1"/>
    <col min="139" max="148" width="9" style="238"/>
    <col min="149" max="149" width="7.77734375" style="238" customWidth="1"/>
    <col min="150" max="16384" width="9" style="238"/>
  </cols>
  <sheetData>
    <row r="1" spans="2:156" ht="24" customHeight="1" x14ac:dyDescent="0.2">
      <c r="B1" s="267" t="s">
        <v>121</v>
      </c>
      <c r="I1" s="495">
        <f>第１表!F2</f>
        <v>6</v>
      </c>
      <c r="J1" s="495"/>
      <c r="K1" s="231">
        <f>第１表!G2</f>
        <v>3</v>
      </c>
      <c r="L1" s="499">
        <f>IF(K1&lt;3,K1+12-2,K1-2)</f>
        <v>1</v>
      </c>
      <c r="M1" s="499"/>
    </row>
    <row r="2" spans="2:156" ht="24" customHeight="1" thickBot="1" x14ac:dyDescent="0.25">
      <c r="B2" s="267" t="s">
        <v>129</v>
      </c>
      <c r="G2" s="230"/>
      <c r="H2" s="231"/>
      <c r="J2" s="294"/>
      <c r="K2" s="294"/>
    </row>
    <row r="3" spans="2:156" ht="21" customHeight="1" thickBot="1" x14ac:dyDescent="0.25">
      <c r="B3" s="512"/>
      <c r="C3" s="503" t="s">
        <v>70</v>
      </c>
      <c r="D3" s="504"/>
      <c r="E3" s="504"/>
      <c r="F3" s="504"/>
      <c r="G3" s="504"/>
      <c r="H3" s="504"/>
      <c r="I3" s="504"/>
      <c r="J3" s="504"/>
      <c r="K3" s="504"/>
      <c r="L3" s="504"/>
      <c r="M3" s="505"/>
      <c r="N3" s="503" t="s">
        <v>71</v>
      </c>
      <c r="O3" s="504"/>
      <c r="P3" s="504"/>
      <c r="Q3" s="504"/>
      <c r="R3" s="504"/>
      <c r="S3" s="504"/>
      <c r="T3" s="504"/>
      <c r="U3" s="504"/>
      <c r="V3" s="504"/>
      <c r="W3" s="504"/>
      <c r="X3" s="505"/>
      <c r="Y3" s="503" t="s">
        <v>72</v>
      </c>
      <c r="Z3" s="504"/>
      <c r="AA3" s="504"/>
      <c r="AB3" s="504"/>
      <c r="AC3" s="504"/>
      <c r="AD3" s="504"/>
      <c r="AE3" s="504"/>
      <c r="AF3" s="504"/>
      <c r="AG3" s="504"/>
      <c r="AH3" s="504"/>
      <c r="AI3" s="505"/>
      <c r="AJ3" s="503" t="s">
        <v>73</v>
      </c>
      <c r="AK3" s="504"/>
      <c r="AL3" s="504"/>
      <c r="AM3" s="504"/>
      <c r="AN3" s="504"/>
      <c r="AO3" s="504"/>
      <c r="AP3" s="504"/>
      <c r="AQ3" s="504"/>
      <c r="AR3" s="504"/>
      <c r="AS3" s="504"/>
      <c r="AT3" s="505"/>
      <c r="AU3" s="503" t="s">
        <v>74</v>
      </c>
      <c r="AV3" s="504"/>
      <c r="AW3" s="504"/>
      <c r="AX3" s="504"/>
      <c r="AY3" s="504"/>
      <c r="AZ3" s="504"/>
      <c r="BA3" s="504"/>
      <c r="BB3" s="504"/>
      <c r="BC3" s="504"/>
      <c r="BD3" s="504"/>
      <c r="BE3" s="505"/>
      <c r="BF3" s="503" t="s">
        <v>75</v>
      </c>
      <c r="BG3" s="504"/>
      <c r="BH3" s="504"/>
      <c r="BI3" s="504"/>
      <c r="BJ3" s="504"/>
      <c r="BK3" s="504"/>
      <c r="BL3" s="504"/>
      <c r="BM3" s="504"/>
      <c r="BN3" s="504"/>
      <c r="BO3" s="504"/>
      <c r="BP3" s="505"/>
      <c r="BQ3" s="503" t="s">
        <v>76</v>
      </c>
      <c r="BR3" s="504"/>
      <c r="BS3" s="504"/>
      <c r="BT3" s="504"/>
      <c r="BU3" s="504"/>
      <c r="BV3" s="504"/>
      <c r="BW3" s="504"/>
      <c r="BX3" s="504"/>
      <c r="BY3" s="504"/>
      <c r="BZ3" s="504"/>
      <c r="CA3" s="505"/>
      <c r="CB3" s="503" t="s">
        <v>77</v>
      </c>
      <c r="CC3" s="504"/>
      <c r="CD3" s="504"/>
      <c r="CE3" s="504"/>
      <c r="CF3" s="504"/>
      <c r="CG3" s="504"/>
      <c r="CH3" s="504"/>
      <c r="CI3" s="504"/>
      <c r="CJ3" s="504"/>
      <c r="CK3" s="504"/>
      <c r="CL3" s="505"/>
      <c r="CM3" s="503" t="s">
        <v>78</v>
      </c>
      <c r="CN3" s="504"/>
      <c r="CO3" s="504"/>
      <c r="CP3" s="504"/>
      <c r="CQ3" s="504"/>
      <c r="CR3" s="504"/>
      <c r="CS3" s="504"/>
      <c r="CT3" s="504"/>
      <c r="CU3" s="504"/>
      <c r="CV3" s="504"/>
      <c r="CW3" s="505"/>
      <c r="CX3" s="503" t="s">
        <v>79</v>
      </c>
      <c r="CY3" s="504"/>
      <c r="CZ3" s="504"/>
      <c r="DA3" s="504"/>
      <c r="DB3" s="504"/>
      <c r="DC3" s="504"/>
      <c r="DD3" s="504"/>
      <c r="DE3" s="504"/>
      <c r="DF3" s="504"/>
      <c r="DG3" s="504"/>
      <c r="DH3" s="505"/>
      <c r="DI3" s="503" t="s">
        <v>150</v>
      </c>
      <c r="DJ3" s="504"/>
      <c r="DK3" s="504"/>
      <c r="DL3" s="504"/>
      <c r="DM3" s="504"/>
      <c r="DN3" s="504"/>
      <c r="DO3" s="504"/>
      <c r="DP3" s="504"/>
      <c r="DQ3" s="504"/>
      <c r="DR3" s="504"/>
      <c r="DS3" s="505"/>
      <c r="DT3" s="503" t="s">
        <v>80</v>
      </c>
      <c r="DU3" s="504"/>
      <c r="DV3" s="504"/>
      <c r="DW3" s="504"/>
      <c r="DX3" s="504"/>
      <c r="DY3" s="504"/>
      <c r="DZ3" s="504"/>
      <c r="EA3" s="504"/>
      <c r="EB3" s="504"/>
      <c r="EC3" s="504"/>
      <c r="ED3" s="505"/>
      <c r="EE3" s="503" t="s">
        <v>68</v>
      </c>
      <c r="EF3" s="504"/>
      <c r="EG3" s="504"/>
      <c r="EH3" s="504"/>
      <c r="EI3" s="504"/>
      <c r="EJ3" s="504"/>
      <c r="EK3" s="504"/>
      <c r="EL3" s="504"/>
      <c r="EM3" s="504"/>
      <c r="EN3" s="504"/>
      <c r="EO3" s="505"/>
      <c r="EP3" s="500" t="s">
        <v>69</v>
      </c>
      <c r="EQ3" s="501"/>
      <c r="ER3" s="501"/>
      <c r="ES3" s="501"/>
      <c r="ET3" s="501"/>
      <c r="EU3" s="501"/>
      <c r="EV3" s="501"/>
      <c r="EW3" s="501"/>
      <c r="EX3" s="501"/>
      <c r="EY3" s="501"/>
      <c r="EZ3" s="502"/>
    </row>
    <row r="4" spans="2:156"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08"/>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c r="DI4" s="511" t="s">
        <v>61</v>
      </c>
      <c r="DJ4" s="507"/>
      <c r="DK4" s="508"/>
      <c r="DL4" s="506" t="s">
        <v>62</v>
      </c>
      <c r="DM4" s="507"/>
      <c r="DN4" s="507"/>
      <c r="DO4" s="507"/>
      <c r="DP4" s="507"/>
      <c r="DQ4" s="507"/>
      <c r="DR4" s="508"/>
      <c r="DS4" s="509" t="s">
        <v>52</v>
      </c>
      <c r="DT4" s="511" t="s">
        <v>61</v>
      </c>
      <c r="DU4" s="507"/>
      <c r="DV4" s="508"/>
      <c r="DW4" s="506" t="s">
        <v>62</v>
      </c>
      <c r="DX4" s="507"/>
      <c r="DY4" s="507"/>
      <c r="DZ4" s="507"/>
      <c r="EA4" s="507"/>
      <c r="EB4" s="507"/>
      <c r="EC4" s="508"/>
      <c r="ED4" s="509" t="s">
        <v>52</v>
      </c>
      <c r="EE4" s="511" t="s">
        <v>61</v>
      </c>
      <c r="EF4" s="507"/>
      <c r="EG4" s="508"/>
      <c r="EH4" s="506" t="s">
        <v>62</v>
      </c>
      <c r="EI4" s="507"/>
      <c r="EJ4" s="507"/>
      <c r="EK4" s="507"/>
      <c r="EL4" s="507"/>
      <c r="EM4" s="507"/>
      <c r="EN4" s="508"/>
      <c r="EO4" s="509" t="s">
        <v>52</v>
      </c>
      <c r="EP4" s="511" t="s">
        <v>61</v>
      </c>
      <c r="EQ4" s="507"/>
      <c r="ER4" s="508"/>
      <c r="ES4" s="506" t="s">
        <v>62</v>
      </c>
      <c r="ET4" s="507"/>
      <c r="EU4" s="507"/>
      <c r="EV4" s="507"/>
      <c r="EW4" s="507"/>
      <c r="EX4" s="507"/>
      <c r="EY4" s="508"/>
      <c r="EZ4" s="509" t="s">
        <v>52</v>
      </c>
    </row>
    <row r="5" spans="2:156" ht="30" customHeight="1" thickBot="1" x14ac:dyDescent="0.25">
      <c r="B5" s="514"/>
      <c r="C5" s="295" t="s">
        <v>43</v>
      </c>
      <c r="D5" s="239" t="s">
        <v>44</v>
      </c>
      <c r="E5" s="338" t="s">
        <v>45</v>
      </c>
      <c r="F5" s="244" t="s">
        <v>83</v>
      </c>
      <c r="G5" s="239" t="s">
        <v>47</v>
      </c>
      <c r="H5" s="239" t="s">
        <v>48</v>
      </c>
      <c r="I5" s="239" t="s">
        <v>49</v>
      </c>
      <c r="J5" s="239" t="s">
        <v>50</v>
      </c>
      <c r="K5" s="239" t="s">
        <v>51</v>
      </c>
      <c r="L5" s="245" t="s">
        <v>45</v>
      </c>
      <c r="M5" s="510"/>
      <c r="N5" s="295" t="s">
        <v>43</v>
      </c>
      <c r="O5" s="239" t="s">
        <v>44</v>
      </c>
      <c r="P5" s="242" t="s">
        <v>45</v>
      </c>
      <c r="Q5" s="244" t="s">
        <v>83</v>
      </c>
      <c r="R5" s="239" t="s">
        <v>47</v>
      </c>
      <c r="S5" s="239" t="s">
        <v>48</v>
      </c>
      <c r="T5" s="239" t="s">
        <v>49</v>
      </c>
      <c r="U5" s="239" t="s">
        <v>50</v>
      </c>
      <c r="V5" s="239" t="s">
        <v>51</v>
      </c>
      <c r="W5" s="242" t="s">
        <v>45</v>
      </c>
      <c r="X5" s="510"/>
      <c r="Y5" s="295" t="s">
        <v>43</v>
      </c>
      <c r="Z5" s="239" t="s">
        <v>44</v>
      </c>
      <c r="AA5" s="242" t="s">
        <v>45</v>
      </c>
      <c r="AB5" s="244" t="s">
        <v>83</v>
      </c>
      <c r="AC5" s="239" t="s">
        <v>47</v>
      </c>
      <c r="AD5" s="239" t="s">
        <v>48</v>
      </c>
      <c r="AE5" s="239" t="s">
        <v>49</v>
      </c>
      <c r="AF5" s="239" t="s">
        <v>50</v>
      </c>
      <c r="AG5" s="239" t="s">
        <v>51</v>
      </c>
      <c r="AH5" s="242" t="s">
        <v>45</v>
      </c>
      <c r="AI5" s="510"/>
      <c r="AJ5" s="295" t="s">
        <v>43</v>
      </c>
      <c r="AK5" s="239" t="s">
        <v>44</v>
      </c>
      <c r="AL5" s="242" t="s">
        <v>45</v>
      </c>
      <c r="AM5" s="244" t="s">
        <v>83</v>
      </c>
      <c r="AN5" s="239" t="s">
        <v>47</v>
      </c>
      <c r="AO5" s="239" t="s">
        <v>48</v>
      </c>
      <c r="AP5" s="239" t="s">
        <v>49</v>
      </c>
      <c r="AQ5" s="239" t="s">
        <v>50</v>
      </c>
      <c r="AR5" s="239" t="s">
        <v>51</v>
      </c>
      <c r="AS5" s="242" t="s">
        <v>45</v>
      </c>
      <c r="AT5" s="510"/>
      <c r="AU5" s="295" t="s">
        <v>43</v>
      </c>
      <c r="AV5" s="239" t="s">
        <v>44</v>
      </c>
      <c r="AW5" s="242" t="s">
        <v>45</v>
      </c>
      <c r="AX5" s="244" t="s">
        <v>83</v>
      </c>
      <c r="AY5" s="239" t="s">
        <v>47</v>
      </c>
      <c r="AZ5" s="239" t="s">
        <v>48</v>
      </c>
      <c r="BA5" s="239" t="s">
        <v>49</v>
      </c>
      <c r="BB5" s="239" t="s">
        <v>50</v>
      </c>
      <c r="BC5" s="239" t="s">
        <v>51</v>
      </c>
      <c r="BD5" s="245" t="s">
        <v>45</v>
      </c>
      <c r="BE5" s="510"/>
      <c r="BF5" s="295" t="s">
        <v>43</v>
      </c>
      <c r="BG5" s="239" t="s">
        <v>44</v>
      </c>
      <c r="BH5" s="242" t="s">
        <v>45</v>
      </c>
      <c r="BI5" s="244" t="s">
        <v>83</v>
      </c>
      <c r="BJ5" s="239" t="s">
        <v>47</v>
      </c>
      <c r="BK5" s="239" t="s">
        <v>48</v>
      </c>
      <c r="BL5" s="239" t="s">
        <v>49</v>
      </c>
      <c r="BM5" s="239" t="s">
        <v>50</v>
      </c>
      <c r="BN5" s="239" t="s">
        <v>51</v>
      </c>
      <c r="BO5" s="242" t="s">
        <v>45</v>
      </c>
      <c r="BP5" s="510"/>
      <c r="BQ5" s="295" t="s">
        <v>43</v>
      </c>
      <c r="BR5" s="239" t="s">
        <v>44</v>
      </c>
      <c r="BS5" s="242" t="s">
        <v>45</v>
      </c>
      <c r="BT5" s="244" t="s">
        <v>83</v>
      </c>
      <c r="BU5" s="239" t="s">
        <v>47</v>
      </c>
      <c r="BV5" s="239" t="s">
        <v>48</v>
      </c>
      <c r="BW5" s="239" t="s">
        <v>49</v>
      </c>
      <c r="BX5" s="239" t="s">
        <v>50</v>
      </c>
      <c r="BY5" s="239" t="s">
        <v>51</v>
      </c>
      <c r="BZ5" s="242" t="s">
        <v>45</v>
      </c>
      <c r="CA5" s="510"/>
      <c r="CB5" s="295" t="s">
        <v>43</v>
      </c>
      <c r="CC5" s="239" t="s">
        <v>44</v>
      </c>
      <c r="CD5" s="242" t="s">
        <v>45</v>
      </c>
      <c r="CE5" s="244" t="s">
        <v>83</v>
      </c>
      <c r="CF5" s="239" t="s">
        <v>47</v>
      </c>
      <c r="CG5" s="239" t="s">
        <v>48</v>
      </c>
      <c r="CH5" s="239" t="s">
        <v>49</v>
      </c>
      <c r="CI5" s="239" t="s">
        <v>50</v>
      </c>
      <c r="CJ5" s="239" t="s">
        <v>51</v>
      </c>
      <c r="CK5" s="242" t="s">
        <v>45</v>
      </c>
      <c r="CL5" s="510"/>
      <c r="CM5" s="295" t="s">
        <v>43</v>
      </c>
      <c r="CN5" s="239" t="s">
        <v>44</v>
      </c>
      <c r="CO5" s="242" t="s">
        <v>45</v>
      </c>
      <c r="CP5" s="244" t="s">
        <v>83</v>
      </c>
      <c r="CQ5" s="239" t="s">
        <v>47</v>
      </c>
      <c r="CR5" s="239" t="s">
        <v>48</v>
      </c>
      <c r="CS5" s="239" t="s">
        <v>49</v>
      </c>
      <c r="CT5" s="239" t="s">
        <v>50</v>
      </c>
      <c r="CU5" s="239" t="s">
        <v>51</v>
      </c>
      <c r="CV5" s="242" t="s">
        <v>45</v>
      </c>
      <c r="CW5" s="510"/>
      <c r="CX5" s="295" t="s">
        <v>43</v>
      </c>
      <c r="CY5" s="239" t="s">
        <v>44</v>
      </c>
      <c r="CZ5" s="242" t="s">
        <v>45</v>
      </c>
      <c r="DA5" s="244" t="s">
        <v>83</v>
      </c>
      <c r="DB5" s="239" t="s">
        <v>47</v>
      </c>
      <c r="DC5" s="239" t="s">
        <v>48</v>
      </c>
      <c r="DD5" s="239" t="s">
        <v>49</v>
      </c>
      <c r="DE5" s="239" t="s">
        <v>50</v>
      </c>
      <c r="DF5" s="239" t="s">
        <v>51</v>
      </c>
      <c r="DG5" s="242" t="s">
        <v>45</v>
      </c>
      <c r="DH5" s="510"/>
      <c r="DI5" s="303" t="s">
        <v>43</v>
      </c>
      <c r="DJ5" s="239" t="s">
        <v>44</v>
      </c>
      <c r="DK5" s="242" t="s">
        <v>45</v>
      </c>
      <c r="DL5" s="244" t="s">
        <v>83</v>
      </c>
      <c r="DM5" s="239" t="s">
        <v>47</v>
      </c>
      <c r="DN5" s="239" t="s">
        <v>48</v>
      </c>
      <c r="DO5" s="239" t="s">
        <v>49</v>
      </c>
      <c r="DP5" s="239" t="s">
        <v>50</v>
      </c>
      <c r="DQ5" s="239" t="s">
        <v>51</v>
      </c>
      <c r="DR5" s="242" t="s">
        <v>45</v>
      </c>
      <c r="DS5" s="510"/>
      <c r="DT5" s="295" t="s">
        <v>43</v>
      </c>
      <c r="DU5" s="239" t="s">
        <v>44</v>
      </c>
      <c r="DV5" s="242" t="s">
        <v>45</v>
      </c>
      <c r="DW5" s="244" t="s">
        <v>83</v>
      </c>
      <c r="DX5" s="239" t="s">
        <v>47</v>
      </c>
      <c r="DY5" s="239" t="s">
        <v>48</v>
      </c>
      <c r="DZ5" s="239" t="s">
        <v>49</v>
      </c>
      <c r="EA5" s="239" t="s">
        <v>50</v>
      </c>
      <c r="EB5" s="239" t="s">
        <v>51</v>
      </c>
      <c r="EC5" s="242" t="s">
        <v>45</v>
      </c>
      <c r="ED5" s="510"/>
      <c r="EE5" s="295" t="s">
        <v>43</v>
      </c>
      <c r="EF5" s="239" t="s">
        <v>44</v>
      </c>
      <c r="EG5" s="242" t="s">
        <v>45</v>
      </c>
      <c r="EH5" s="244" t="s">
        <v>83</v>
      </c>
      <c r="EI5" s="239" t="s">
        <v>47</v>
      </c>
      <c r="EJ5" s="239" t="s">
        <v>48</v>
      </c>
      <c r="EK5" s="239" t="s">
        <v>49</v>
      </c>
      <c r="EL5" s="239" t="s">
        <v>50</v>
      </c>
      <c r="EM5" s="239" t="s">
        <v>51</v>
      </c>
      <c r="EN5" s="242" t="s">
        <v>45</v>
      </c>
      <c r="EO5" s="510"/>
      <c r="EP5" s="295" t="s">
        <v>43</v>
      </c>
      <c r="EQ5" s="239" t="s">
        <v>44</v>
      </c>
      <c r="ER5" s="242" t="s">
        <v>45</v>
      </c>
      <c r="ES5" s="244" t="s">
        <v>83</v>
      </c>
      <c r="ET5" s="239" t="s">
        <v>47</v>
      </c>
      <c r="EU5" s="239" t="s">
        <v>48</v>
      </c>
      <c r="EV5" s="239" t="s">
        <v>49</v>
      </c>
      <c r="EW5" s="239" t="s">
        <v>50</v>
      </c>
      <c r="EX5" s="239" t="s">
        <v>51</v>
      </c>
      <c r="EY5" s="242" t="s">
        <v>45</v>
      </c>
      <c r="EZ5" s="510"/>
    </row>
    <row r="6" spans="2:156" ht="21" customHeight="1" x14ac:dyDescent="0.2">
      <c r="B6" s="435" t="s">
        <v>4</v>
      </c>
      <c r="C6" s="246">
        <v>0</v>
      </c>
      <c r="D6" s="250">
        <v>0</v>
      </c>
      <c r="E6" s="339">
        <v>0</v>
      </c>
      <c r="F6" s="249">
        <v>0</v>
      </c>
      <c r="G6" s="250">
        <v>1243</v>
      </c>
      <c r="H6" s="250">
        <v>1319</v>
      </c>
      <c r="I6" s="250">
        <v>709</v>
      </c>
      <c r="J6" s="250">
        <v>559</v>
      </c>
      <c r="K6" s="250">
        <v>397</v>
      </c>
      <c r="L6" s="251">
        <v>4227</v>
      </c>
      <c r="M6" s="252">
        <v>4227</v>
      </c>
      <c r="N6" s="246">
        <v>0</v>
      </c>
      <c r="O6" s="250">
        <v>1</v>
      </c>
      <c r="P6" s="247">
        <v>1</v>
      </c>
      <c r="Q6" s="249">
        <v>0</v>
      </c>
      <c r="R6" s="250">
        <v>7</v>
      </c>
      <c r="S6" s="250">
        <v>27</v>
      </c>
      <c r="T6" s="250">
        <v>59</v>
      </c>
      <c r="U6" s="250">
        <v>112</v>
      </c>
      <c r="V6" s="250">
        <v>197</v>
      </c>
      <c r="W6" s="247">
        <v>402</v>
      </c>
      <c r="X6" s="252">
        <v>403</v>
      </c>
      <c r="Y6" s="246">
        <v>187</v>
      </c>
      <c r="Z6" s="250">
        <v>413</v>
      </c>
      <c r="AA6" s="247">
        <v>600</v>
      </c>
      <c r="AB6" s="249">
        <v>0</v>
      </c>
      <c r="AC6" s="250">
        <v>968</v>
      </c>
      <c r="AD6" s="250">
        <v>1281</v>
      </c>
      <c r="AE6" s="250">
        <v>769</v>
      </c>
      <c r="AF6" s="250">
        <v>581</v>
      </c>
      <c r="AG6" s="250">
        <v>377</v>
      </c>
      <c r="AH6" s="247">
        <v>3976</v>
      </c>
      <c r="AI6" s="252">
        <v>4576</v>
      </c>
      <c r="AJ6" s="246">
        <v>24</v>
      </c>
      <c r="AK6" s="250">
        <v>58</v>
      </c>
      <c r="AL6" s="247">
        <v>82</v>
      </c>
      <c r="AM6" s="249">
        <v>0</v>
      </c>
      <c r="AN6" s="250">
        <v>72</v>
      </c>
      <c r="AO6" s="250">
        <v>107</v>
      </c>
      <c r="AP6" s="250">
        <v>82</v>
      </c>
      <c r="AQ6" s="250">
        <v>72</v>
      </c>
      <c r="AR6" s="250">
        <v>36</v>
      </c>
      <c r="AS6" s="247">
        <v>369</v>
      </c>
      <c r="AT6" s="252">
        <v>451</v>
      </c>
      <c r="AU6" s="246">
        <v>288</v>
      </c>
      <c r="AV6" s="250">
        <v>360</v>
      </c>
      <c r="AW6" s="247">
        <v>648</v>
      </c>
      <c r="AX6" s="249">
        <v>0</v>
      </c>
      <c r="AY6" s="250">
        <v>1384</v>
      </c>
      <c r="AZ6" s="250">
        <v>1670</v>
      </c>
      <c r="BA6" s="250">
        <v>1420</v>
      </c>
      <c r="BB6" s="250">
        <v>1292</v>
      </c>
      <c r="BC6" s="250">
        <v>823</v>
      </c>
      <c r="BD6" s="251">
        <v>6589</v>
      </c>
      <c r="BE6" s="252">
        <v>7237</v>
      </c>
      <c r="BF6" s="246">
        <v>0</v>
      </c>
      <c r="BG6" s="250">
        <v>0</v>
      </c>
      <c r="BH6" s="247">
        <v>0</v>
      </c>
      <c r="BI6" s="249">
        <v>0</v>
      </c>
      <c r="BJ6" s="250">
        <v>1630</v>
      </c>
      <c r="BK6" s="250">
        <v>1418</v>
      </c>
      <c r="BL6" s="250">
        <v>737</v>
      </c>
      <c r="BM6" s="250">
        <v>353</v>
      </c>
      <c r="BN6" s="250">
        <v>142</v>
      </c>
      <c r="BO6" s="247">
        <v>4280</v>
      </c>
      <c r="BP6" s="252">
        <v>4280</v>
      </c>
      <c r="BQ6" s="246">
        <v>143</v>
      </c>
      <c r="BR6" s="250">
        <v>184</v>
      </c>
      <c r="BS6" s="247">
        <v>327</v>
      </c>
      <c r="BT6" s="249">
        <v>0</v>
      </c>
      <c r="BU6" s="250">
        <v>378</v>
      </c>
      <c r="BV6" s="250">
        <v>506</v>
      </c>
      <c r="BW6" s="250">
        <v>294</v>
      </c>
      <c r="BX6" s="250">
        <v>177</v>
      </c>
      <c r="BY6" s="250">
        <v>47</v>
      </c>
      <c r="BZ6" s="247">
        <v>1402</v>
      </c>
      <c r="CA6" s="252">
        <v>1729</v>
      </c>
      <c r="CB6" s="246">
        <v>3</v>
      </c>
      <c r="CC6" s="250">
        <v>20</v>
      </c>
      <c r="CD6" s="247">
        <v>23</v>
      </c>
      <c r="CE6" s="249">
        <v>0</v>
      </c>
      <c r="CF6" s="250">
        <v>169</v>
      </c>
      <c r="CG6" s="250">
        <v>236</v>
      </c>
      <c r="CH6" s="250">
        <v>261</v>
      </c>
      <c r="CI6" s="250">
        <v>208</v>
      </c>
      <c r="CJ6" s="250">
        <v>99</v>
      </c>
      <c r="CK6" s="247">
        <v>973</v>
      </c>
      <c r="CL6" s="252">
        <v>996</v>
      </c>
      <c r="CM6" s="246">
        <v>0</v>
      </c>
      <c r="CN6" s="250">
        <v>4</v>
      </c>
      <c r="CO6" s="247">
        <v>4</v>
      </c>
      <c r="CP6" s="249">
        <v>0</v>
      </c>
      <c r="CQ6" s="250">
        <v>18</v>
      </c>
      <c r="CR6" s="250">
        <v>36</v>
      </c>
      <c r="CS6" s="250">
        <v>49</v>
      </c>
      <c r="CT6" s="250">
        <v>37</v>
      </c>
      <c r="CU6" s="250">
        <v>22</v>
      </c>
      <c r="CV6" s="247">
        <v>162</v>
      </c>
      <c r="CW6" s="252">
        <v>166</v>
      </c>
      <c r="CX6" s="246">
        <v>0</v>
      </c>
      <c r="CY6" s="250">
        <v>0</v>
      </c>
      <c r="CZ6" s="247">
        <v>0</v>
      </c>
      <c r="DA6" s="249">
        <v>0</v>
      </c>
      <c r="DB6" s="250">
        <v>0</v>
      </c>
      <c r="DC6" s="250">
        <v>0</v>
      </c>
      <c r="DD6" s="250">
        <v>0</v>
      </c>
      <c r="DE6" s="250">
        <v>0</v>
      </c>
      <c r="DF6" s="250">
        <v>0</v>
      </c>
      <c r="DG6" s="247">
        <v>0</v>
      </c>
      <c r="DH6" s="252">
        <v>0</v>
      </c>
      <c r="DI6" s="246">
        <v>0</v>
      </c>
      <c r="DJ6" s="250">
        <v>0</v>
      </c>
      <c r="DK6" s="247">
        <v>0</v>
      </c>
      <c r="DL6" s="249">
        <v>0</v>
      </c>
      <c r="DM6" s="250">
        <v>0</v>
      </c>
      <c r="DN6" s="250">
        <v>0</v>
      </c>
      <c r="DO6" s="250">
        <v>0</v>
      </c>
      <c r="DP6" s="250">
        <v>0</v>
      </c>
      <c r="DQ6" s="250">
        <v>0</v>
      </c>
      <c r="DR6" s="247">
        <v>0</v>
      </c>
      <c r="DS6" s="252">
        <v>0</v>
      </c>
      <c r="DT6" s="246">
        <v>580</v>
      </c>
      <c r="DU6" s="250">
        <v>1203</v>
      </c>
      <c r="DV6" s="247">
        <v>1783</v>
      </c>
      <c r="DW6" s="249">
        <v>0</v>
      </c>
      <c r="DX6" s="250">
        <v>1594</v>
      </c>
      <c r="DY6" s="250">
        <v>2696</v>
      </c>
      <c r="DZ6" s="250">
        <v>1595</v>
      </c>
      <c r="EA6" s="250">
        <v>1143</v>
      </c>
      <c r="EB6" s="250">
        <v>643</v>
      </c>
      <c r="EC6" s="247">
        <v>7671</v>
      </c>
      <c r="ED6" s="252">
        <v>9454</v>
      </c>
      <c r="EE6" s="246">
        <v>183</v>
      </c>
      <c r="EF6" s="250">
        <v>131</v>
      </c>
      <c r="EG6" s="247">
        <v>314</v>
      </c>
      <c r="EH6" s="249">
        <v>0</v>
      </c>
      <c r="EI6" s="250">
        <v>558</v>
      </c>
      <c r="EJ6" s="250">
        <v>522</v>
      </c>
      <c r="EK6" s="250">
        <v>413</v>
      </c>
      <c r="EL6" s="250">
        <v>457</v>
      </c>
      <c r="EM6" s="250">
        <v>221</v>
      </c>
      <c r="EN6" s="247">
        <v>2171</v>
      </c>
      <c r="EO6" s="252">
        <v>2485</v>
      </c>
      <c r="EP6" s="246">
        <v>920</v>
      </c>
      <c r="EQ6" s="250">
        <v>1722</v>
      </c>
      <c r="ER6" s="247">
        <v>2642</v>
      </c>
      <c r="ES6" s="249">
        <v>0</v>
      </c>
      <c r="ET6" s="250">
        <v>4250</v>
      </c>
      <c r="EU6" s="250">
        <v>4201</v>
      </c>
      <c r="EV6" s="250">
        <v>2165</v>
      </c>
      <c r="EW6" s="250">
        <v>1349</v>
      </c>
      <c r="EX6" s="250">
        <v>721</v>
      </c>
      <c r="EY6" s="247">
        <v>12686</v>
      </c>
      <c r="EZ6" s="252">
        <v>15328</v>
      </c>
    </row>
    <row r="7" spans="2:156" ht="21" customHeight="1" x14ac:dyDescent="0.2">
      <c r="B7" s="436" t="s">
        <v>5</v>
      </c>
      <c r="C7" s="253">
        <v>0</v>
      </c>
      <c r="D7" s="257">
        <v>0</v>
      </c>
      <c r="E7" s="340">
        <v>0</v>
      </c>
      <c r="F7" s="256">
        <v>0</v>
      </c>
      <c r="G7" s="257">
        <v>508</v>
      </c>
      <c r="H7" s="257">
        <v>665</v>
      </c>
      <c r="I7" s="257">
        <v>338</v>
      </c>
      <c r="J7" s="257">
        <v>249</v>
      </c>
      <c r="K7" s="257">
        <v>167</v>
      </c>
      <c r="L7" s="258">
        <v>1927</v>
      </c>
      <c r="M7" s="259">
        <v>1927</v>
      </c>
      <c r="N7" s="253">
        <v>0</v>
      </c>
      <c r="O7" s="257">
        <v>1</v>
      </c>
      <c r="P7" s="254">
        <v>1</v>
      </c>
      <c r="Q7" s="256">
        <v>0</v>
      </c>
      <c r="R7" s="257">
        <v>1</v>
      </c>
      <c r="S7" s="257">
        <v>14</v>
      </c>
      <c r="T7" s="257">
        <v>29</v>
      </c>
      <c r="U7" s="257">
        <v>53</v>
      </c>
      <c r="V7" s="257">
        <v>89</v>
      </c>
      <c r="W7" s="254">
        <v>186</v>
      </c>
      <c r="X7" s="259">
        <v>187</v>
      </c>
      <c r="Y7" s="253">
        <v>93</v>
      </c>
      <c r="Z7" s="257">
        <v>240</v>
      </c>
      <c r="AA7" s="254">
        <v>333</v>
      </c>
      <c r="AB7" s="256">
        <v>0</v>
      </c>
      <c r="AC7" s="257">
        <v>386</v>
      </c>
      <c r="AD7" s="257">
        <v>688</v>
      </c>
      <c r="AE7" s="257">
        <v>382</v>
      </c>
      <c r="AF7" s="257">
        <v>292</v>
      </c>
      <c r="AG7" s="257">
        <v>160</v>
      </c>
      <c r="AH7" s="254">
        <v>1908</v>
      </c>
      <c r="AI7" s="259">
        <v>2241</v>
      </c>
      <c r="AJ7" s="253">
        <v>9</v>
      </c>
      <c r="AK7" s="257">
        <v>31</v>
      </c>
      <c r="AL7" s="254">
        <v>40</v>
      </c>
      <c r="AM7" s="256">
        <v>0</v>
      </c>
      <c r="AN7" s="257">
        <v>23</v>
      </c>
      <c r="AO7" s="257">
        <v>45</v>
      </c>
      <c r="AP7" s="257">
        <v>30</v>
      </c>
      <c r="AQ7" s="257">
        <v>27</v>
      </c>
      <c r="AR7" s="257">
        <v>14</v>
      </c>
      <c r="AS7" s="254">
        <v>139</v>
      </c>
      <c r="AT7" s="259">
        <v>179</v>
      </c>
      <c r="AU7" s="253">
        <v>120</v>
      </c>
      <c r="AV7" s="257">
        <v>211</v>
      </c>
      <c r="AW7" s="254">
        <v>331</v>
      </c>
      <c r="AX7" s="256">
        <v>0</v>
      </c>
      <c r="AY7" s="257">
        <v>508</v>
      </c>
      <c r="AZ7" s="257">
        <v>757</v>
      </c>
      <c r="BA7" s="257">
        <v>649</v>
      </c>
      <c r="BB7" s="257">
        <v>547</v>
      </c>
      <c r="BC7" s="257">
        <v>352</v>
      </c>
      <c r="BD7" s="258">
        <v>2813</v>
      </c>
      <c r="BE7" s="259">
        <v>3144</v>
      </c>
      <c r="BF7" s="253">
        <v>0</v>
      </c>
      <c r="BG7" s="257">
        <v>0</v>
      </c>
      <c r="BH7" s="254">
        <v>0</v>
      </c>
      <c r="BI7" s="256">
        <v>0</v>
      </c>
      <c r="BJ7" s="257">
        <v>578</v>
      </c>
      <c r="BK7" s="257">
        <v>604</v>
      </c>
      <c r="BL7" s="257">
        <v>307</v>
      </c>
      <c r="BM7" s="257">
        <v>136</v>
      </c>
      <c r="BN7" s="257">
        <v>64</v>
      </c>
      <c r="BO7" s="254">
        <v>1689</v>
      </c>
      <c r="BP7" s="259">
        <v>1689</v>
      </c>
      <c r="BQ7" s="253">
        <v>76</v>
      </c>
      <c r="BR7" s="257">
        <v>98</v>
      </c>
      <c r="BS7" s="254">
        <v>174</v>
      </c>
      <c r="BT7" s="256">
        <v>0</v>
      </c>
      <c r="BU7" s="257">
        <v>135</v>
      </c>
      <c r="BV7" s="257">
        <v>242</v>
      </c>
      <c r="BW7" s="257">
        <v>144</v>
      </c>
      <c r="BX7" s="257">
        <v>91</v>
      </c>
      <c r="BY7" s="257">
        <v>20</v>
      </c>
      <c r="BZ7" s="254">
        <v>632</v>
      </c>
      <c r="CA7" s="259">
        <v>806</v>
      </c>
      <c r="CB7" s="253">
        <v>1</v>
      </c>
      <c r="CC7" s="257">
        <v>8</v>
      </c>
      <c r="CD7" s="254">
        <v>9</v>
      </c>
      <c r="CE7" s="256">
        <v>0</v>
      </c>
      <c r="CF7" s="257">
        <v>60</v>
      </c>
      <c r="CG7" s="257">
        <v>85</v>
      </c>
      <c r="CH7" s="257">
        <v>106</v>
      </c>
      <c r="CI7" s="257">
        <v>76</v>
      </c>
      <c r="CJ7" s="257">
        <v>38</v>
      </c>
      <c r="CK7" s="254">
        <v>365</v>
      </c>
      <c r="CL7" s="259">
        <v>374</v>
      </c>
      <c r="CM7" s="253">
        <v>0</v>
      </c>
      <c r="CN7" s="257">
        <v>4</v>
      </c>
      <c r="CO7" s="254">
        <v>4</v>
      </c>
      <c r="CP7" s="256">
        <v>0</v>
      </c>
      <c r="CQ7" s="257">
        <v>11</v>
      </c>
      <c r="CR7" s="257">
        <v>19</v>
      </c>
      <c r="CS7" s="257">
        <v>27</v>
      </c>
      <c r="CT7" s="257">
        <v>22</v>
      </c>
      <c r="CU7" s="257">
        <v>15</v>
      </c>
      <c r="CV7" s="254">
        <v>94</v>
      </c>
      <c r="CW7" s="259">
        <v>98</v>
      </c>
      <c r="CX7" s="253">
        <v>0</v>
      </c>
      <c r="CY7" s="257">
        <v>0</v>
      </c>
      <c r="CZ7" s="254">
        <v>0</v>
      </c>
      <c r="DA7" s="256">
        <v>0</v>
      </c>
      <c r="DB7" s="257">
        <v>0</v>
      </c>
      <c r="DC7" s="257">
        <v>0</v>
      </c>
      <c r="DD7" s="257">
        <v>0</v>
      </c>
      <c r="DE7" s="257">
        <v>0</v>
      </c>
      <c r="DF7" s="257">
        <v>0</v>
      </c>
      <c r="DG7" s="254">
        <v>0</v>
      </c>
      <c r="DH7" s="259">
        <v>0</v>
      </c>
      <c r="DI7" s="253">
        <v>0</v>
      </c>
      <c r="DJ7" s="257">
        <v>0</v>
      </c>
      <c r="DK7" s="254">
        <v>0</v>
      </c>
      <c r="DL7" s="256">
        <v>0</v>
      </c>
      <c r="DM7" s="257">
        <v>0</v>
      </c>
      <c r="DN7" s="257">
        <v>0</v>
      </c>
      <c r="DO7" s="257">
        <v>0</v>
      </c>
      <c r="DP7" s="257">
        <v>0</v>
      </c>
      <c r="DQ7" s="257">
        <v>0</v>
      </c>
      <c r="DR7" s="254">
        <v>0</v>
      </c>
      <c r="DS7" s="259">
        <v>0</v>
      </c>
      <c r="DT7" s="253">
        <v>204</v>
      </c>
      <c r="DU7" s="257">
        <v>551</v>
      </c>
      <c r="DV7" s="254">
        <v>755</v>
      </c>
      <c r="DW7" s="256">
        <v>0</v>
      </c>
      <c r="DX7" s="257">
        <v>477</v>
      </c>
      <c r="DY7" s="257">
        <v>1175</v>
      </c>
      <c r="DZ7" s="257">
        <v>670</v>
      </c>
      <c r="EA7" s="257">
        <v>470</v>
      </c>
      <c r="EB7" s="257">
        <v>266</v>
      </c>
      <c r="EC7" s="254">
        <v>3058</v>
      </c>
      <c r="ED7" s="259">
        <v>3813</v>
      </c>
      <c r="EE7" s="253">
        <v>69</v>
      </c>
      <c r="EF7" s="257">
        <v>80</v>
      </c>
      <c r="EG7" s="254">
        <v>149</v>
      </c>
      <c r="EH7" s="256">
        <v>0</v>
      </c>
      <c r="EI7" s="257">
        <v>205</v>
      </c>
      <c r="EJ7" s="257">
        <v>246</v>
      </c>
      <c r="EK7" s="257">
        <v>189</v>
      </c>
      <c r="EL7" s="257">
        <v>205</v>
      </c>
      <c r="EM7" s="257">
        <v>95</v>
      </c>
      <c r="EN7" s="254">
        <v>940</v>
      </c>
      <c r="EO7" s="259">
        <v>1089</v>
      </c>
      <c r="EP7" s="253">
        <v>382</v>
      </c>
      <c r="EQ7" s="257">
        <v>862</v>
      </c>
      <c r="ER7" s="254">
        <v>1244</v>
      </c>
      <c r="ES7" s="256">
        <v>0</v>
      </c>
      <c r="ET7" s="257">
        <v>1588</v>
      </c>
      <c r="EU7" s="257">
        <v>1983</v>
      </c>
      <c r="EV7" s="257">
        <v>987</v>
      </c>
      <c r="EW7" s="257">
        <v>611</v>
      </c>
      <c r="EX7" s="257">
        <v>311</v>
      </c>
      <c r="EY7" s="254">
        <v>5480</v>
      </c>
      <c r="EZ7" s="259">
        <v>6724</v>
      </c>
    </row>
    <row r="8" spans="2:156" ht="21" customHeight="1" x14ac:dyDescent="0.2">
      <c r="B8" s="437" t="s">
        <v>6</v>
      </c>
      <c r="C8" s="253">
        <v>0</v>
      </c>
      <c r="D8" s="257">
        <v>0</v>
      </c>
      <c r="E8" s="340">
        <v>0</v>
      </c>
      <c r="F8" s="256">
        <v>0</v>
      </c>
      <c r="G8" s="257">
        <v>185</v>
      </c>
      <c r="H8" s="257">
        <v>156</v>
      </c>
      <c r="I8" s="257">
        <v>74</v>
      </c>
      <c r="J8" s="257">
        <v>59</v>
      </c>
      <c r="K8" s="257">
        <v>48</v>
      </c>
      <c r="L8" s="258">
        <v>522</v>
      </c>
      <c r="M8" s="259">
        <v>522</v>
      </c>
      <c r="N8" s="253">
        <v>0</v>
      </c>
      <c r="O8" s="257">
        <v>0</v>
      </c>
      <c r="P8" s="254">
        <v>0</v>
      </c>
      <c r="Q8" s="256">
        <v>0</v>
      </c>
      <c r="R8" s="257">
        <v>0</v>
      </c>
      <c r="S8" s="257">
        <v>3</v>
      </c>
      <c r="T8" s="257">
        <v>6</v>
      </c>
      <c r="U8" s="257">
        <v>6</v>
      </c>
      <c r="V8" s="257">
        <v>23</v>
      </c>
      <c r="W8" s="254">
        <v>38</v>
      </c>
      <c r="X8" s="259">
        <v>38</v>
      </c>
      <c r="Y8" s="253">
        <v>12</v>
      </c>
      <c r="Z8" s="257">
        <v>44</v>
      </c>
      <c r="AA8" s="254">
        <v>56</v>
      </c>
      <c r="AB8" s="256">
        <v>0</v>
      </c>
      <c r="AC8" s="257">
        <v>146</v>
      </c>
      <c r="AD8" s="257">
        <v>165</v>
      </c>
      <c r="AE8" s="257">
        <v>77</v>
      </c>
      <c r="AF8" s="257">
        <v>59</v>
      </c>
      <c r="AG8" s="257">
        <v>45</v>
      </c>
      <c r="AH8" s="254">
        <v>492</v>
      </c>
      <c r="AI8" s="259">
        <v>548</v>
      </c>
      <c r="AJ8" s="253">
        <v>2</v>
      </c>
      <c r="AK8" s="257">
        <v>4</v>
      </c>
      <c r="AL8" s="254">
        <v>6</v>
      </c>
      <c r="AM8" s="256">
        <v>0</v>
      </c>
      <c r="AN8" s="257">
        <v>13</v>
      </c>
      <c r="AO8" s="257">
        <v>15</v>
      </c>
      <c r="AP8" s="257">
        <v>9</v>
      </c>
      <c r="AQ8" s="257">
        <v>8</v>
      </c>
      <c r="AR8" s="257">
        <v>4</v>
      </c>
      <c r="AS8" s="254">
        <v>49</v>
      </c>
      <c r="AT8" s="259">
        <v>55</v>
      </c>
      <c r="AU8" s="253">
        <v>49</v>
      </c>
      <c r="AV8" s="257">
        <v>46</v>
      </c>
      <c r="AW8" s="254">
        <v>95</v>
      </c>
      <c r="AX8" s="256">
        <v>0</v>
      </c>
      <c r="AY8" s="257">
        <v>248</v>
      </c>
      <c r="AZ8" s="257">
        <v>232</v>
      </c>
      <c r="BA8" s="257">
        <v>178</v>
      </c>
      <c r="BB8" s="257">
        <v>180</v>
      </c>
      <c r="BC8" s="257">
        <v>114</v>
      </c>
      <c r="BD8" s="258">
        <v>952</v>
      </c>
      <c r="BE8" s="259">
        <v>1047</v>
      </c>
      <c r="BF8" s="253">
        <v>0</v>
      </c>
      <c r="BG8" s="257">
        <v>0</v>
      </c>
      <c r="BH8" s="254">
        <v>0</v>
      </c>
      <c r="BI8" s="256">
        <v>0</v>
      </c>
      <c r="BJ8" s="257">
        <v>239</v>
      </c>
      <c r="BK8" s="257">
        <v>190</v>
      </c>
      <c r="BL8" s="257">
        <v>90</v>
      </c>
      <c r="BM8" s="257">
        <v>43</v>
      </c>
      <c r="BN8" s="257">
        <v>18</v>
      </c>
      <c r="BO8" s="254">
        <v>580</v>
      </c>
      <c r="BP8" s="259">
        <v>580</v>
      </c>
      <c r="BQ8" s="253">
        <v>10</v>
      </c>
      <c r="BR8" s="257">
        <v>11</v>
      </c>
      <c r="BS8" s="254">
        <v>21</v>
      </c>
      <c r="BT8" s="256">
        <v>0</v>
      </c>
      <c r="BU8" s="257">
        <v>46</v>
      </c>
      <c r="BV8" s="257">
        <v>57</v>
      </c>
      <c r="BW8" s="257">
        <v>34</v>
      </c>
      <c r="BX8" s="257">
        <v>16</v>
      </c>
      <c r="BY8" s="257">
        <v>6</v>
      </c>
      <c r="BZ8" s="254">
        <v>159</v>
      </c>
      <c r="CA8" s="259">
        <v>180</v>
      </c>
      <c r="CB8" s="253">
        <v>1</v>
      </c>
      <c r="CC8" s="257">
        <v>2</v>
      </c>
      <c r="CD8" s="254">
        <v>3</v>
      </c>
      <c r="CE8" s="256">
        <v>0</v>
      </c>
      <c r="CF8" s="257">
        <v>19</v>
      </c>
      <c r="CG8" s="257">
        <v>25</v>
      </c>
      <c r="CH8" s="257">
        <v>29</v>
      </c>
      <c r="CI8" s="257">
        <v>22</v>
      </c>
      <c r="CJ8" s="257">
        <v>9</v>
      </c>
      <c r="CK8" s="254">
        <v>104</v>
      </c>
      <c r="CL8" s="259">
        <v>107</v>
      </c>
      <c r="CM8" s="253">
        <v>0</v>
      </c>
      <c r="CN8" s="257">
        <v>0</v>
      </c>
      <c r="CO8" s="254">
        <v>0</v>
      </c>
      <c r="CP8" s="256">
        <v>0</v>
      </c>
      <c r="CQ8" s="257">
        <v>1</v>
      </c>
      <c r="CR8" s="257">
        <v>5</v>
      </c>
      <c r="CS8" s="257">
        <v>6</v>
      </c>
      <c r="CT8" s="257">
        <v>2</v>
      </c>
      <c r="CU8" s="257">
        <v>3</v>
      </c>
      <c r="CV8" s="254">
        <v>17</v>
      </c>
      <c r="CW8" s="259">
        <v>17</v>
      </c>
      <c r="CX8" s="253">
        <v>0</v>
      </c>
      <c r="CY8" s="257">
        <v>0</v>
      </c>
      <c r="CZ8" s="254">
        <v>0</v>
      </c>
      <c r="DA8" s="256">
        <v>0</v>
      </c>
      <c r="DB8" s="257">
        <v>0</v>
      </c>
      <c r="DC8" s="257">
        <v>0</v>
      </c>
      <c r="DD8" s="257">
        <v>0</v>
      </c>
      <c r="DE8" s="257">
        <v>0</v>
      </c>
      <c r="DF8" s="257">
        <v>0</v>
      </c>
      <c r="DG8" s="254">
        <v>0</v>
      </c>
      <c r="DH8" s="259">
        <v>0</v>
      </c>
      <c r="DI8" s="253">
        <v>0</v>
      </c>
      <c r="DJ8" s="257">
        <v>0</v>
      </c>
      <c r="DK8" s="254">
        <v>0</v>
      </c>
      <c r="DL8" s="256">
        <v>0</v>
      </c>
      <c r="DM8" s="257">
        <v>0</v>
      </c>
      <c r="DN8" s="257">
        <v>0</v>
      </c>
      <c r="DO8" s="257">
        <v>0</v>
      </c>
      <c r="DP8" s="257">
        <v>0</v>
      </c>
      <c r="DQ8" s="257">
        <v>0</v>
      </c>
      <c r="DR8" s="254">
        <v>0</v>
      </c>
      <c r="DS8" s="259">
        <v>0</v>
      </c>
      <c r="DT8" s="253">
        <v>61</v>
      </c>
      <c r="DU8" s="257">
        <v>111</v>
      </c>
      <c r="DV8" s="254">
        <v>172</v>
      </c>
      <c r="DW8" s="256">
        <v>0</v>
      </c>
      <c r="DX8" s="257">
        <v>237</v>
      </c>
      <c r="DY8" s="257">
        <v>320</v>
      </c>
      <c r="DZ8" s="257">
        <v>170</v>
      </c>
      <c r="EA8" s="257">
        <v>139</v>
      </c>
      <c r="EB8" s="257">
        <v>85</v>
      </c>
      <c r="EC8" s="254">
        <v>951</v>
      </c>
      <c r="ED8" s="259">
        <v>1123</v>
      </c>
      <c r="EE8" s="253">
        <v>28</v>
      </c>
      <c r="EF8" s="257">
        <v>12</v>
      </c>
      <c r="EG8" s="254">
        <v>40</v>
      </c>
      <c r="EH8" s="256">
        <v>0</v>
      </c>
      <c r="EI8" s="257">
        <v>91</v>
      </c>
      <c r="EJ8" s="257">
        <v>62</v>
      </c>
      <c r="EK8" s="257">
        <v>56</v>
      </c>
      <c r="EL8" s="257">
        <v>60</v>
      </c>
      <c r="EM8" s="257">
        <v>31</v>
      </c>
      <c r="EN8" s="254">
        <v>300</v>
      </c>
      <c r="EO8" s="259">
        <v>340</v>
      </c>
      <c r="EP8" s="253">
        <v>90</v>
      </c>
      <c r="EQ8" s="257">
        <v>163</v>
      </c>
      <c r="ER8" s="254">
        <v>253</v>
      </c>
      <c r="ES8" s="256">
        <v>0</v>
      </c>
      <c r="ET8" s="257">
        <v>597</v>
      </c>
      <c r="EU8" s="257">
        <v>495</v>
      </c>
      <c r="EV8" s="257">
        <v>232</v>
      </c>
      <c r="EW8" s="257">
        <v>149</v>
      </c>
      <c r="EX8" s="257">
        <v>93</v>
      </c>
      <c r="EY8" s="254">
        <v>1566</v>
      </c>
      <c r="EZ8" s="259">
        <v>1819</v>
      </c>
    </row>
    <row r="9" spans="2:156" ht="21" customHeight="1" x14ac:dyDescent="0.2">
      <c r="B9" s="437" t="s">
        <v>14</v>
      </c>
      <c r="C9" s="253">
        <v>0</v>
      </c>
      <c r="D9" s="257">
        <v>0</v>
      </c>
      <c r="E9" s="340">
        <v>0</v>
      </c>
      <c r="F9" s="256">
        <v>0</v>
      </c>
      <c r="G9" s="257">
        <v>53</v>
      </c>
      <c r="H9" s="257">
        <v>99</v>
      </c>
      <c r="I9" s="257">
        <v>57</v>
      </c>
      <c r="J9" s="257">
        <v>37</v>
      </c>
      <c r="K9" s="257">
        <v>33</v>
      </c>
      <c r="L9" s="258">
        <v>279</v>
      </c>
      <c r="M9" s="259">
        <v>279</v>
      </c>
      <c r="N9" s="253">
        <v>0</v>
      </c>
      <c r="O9" s="257">
        <v>0</v>
      </c>
      <c r="P9" s="254">
        <v>0</v>
      </c>
      <c r="Q9" s="256">
        <v>0</v>
      </c>
      <c r="R9" s="257">
        <v>0</v>
      </c>
      <c r="S9" s="257">
        <v>0</v>
      </c>
      <c r="T9" s="257">
        <v>4</v>
      </c>
      <c r="U9" s="257">
        <v>8</v>
      </c>
      <c r="V9" s="257">
        <v>4</v>
      </c>
      <c r="W9" s="254">
        <v>16</v>
      </c>
      <c r="X9" s="259">
        <v>16</v>
      </c>
      <c r="Y9" s="253">
        <v>11</v>
      </c>
      <c r="Z9" s="257">
        <v>24</v>
      </c>
      <c r="AA9" s="254">
        <v>35</v>
      </c>
      <c r="AB9" s="256">
        <v>0</v>
      </c>
      <c r="AC9" s="257">
        <v>54</v>
      </c>
      <c r="AD9" s="257">
        <v>89</v>
      </c>
      <c r="AE9" s="257">
        <v>62</v>
      </c>
      <c r="AF9" s="257">
        <v>38</v>
      </c>
      <c r="AG9" s="257">
        <v>31</v>
      </c>
      <c r="AH9" s="254">
        <v>274</v>
      </c>
      <c r="AI9" s="259">
        <v>309</v>
      </c>
      <c r="AJ9" s="253">
        <v>0</v>
      </c>
      <c r="AK9" s="257">
        <v>3</v>
      </c>
      <c r="AL9" s="254">
        <v>3</v>
      </c>
      <c r="AM9" s="256">
        <v>0</v>
      </c>
      <c r="AN9" s="257">
        <v>0</v>
      </c>
      <c r="AO9" s="257">
        <v>2</v>
      </c>
      <c r="AP9" s="257">
        <v>3</v>
      </c>
      <c r="AQ9" s="257">
        <v>5</v>
      </c>
      <c r="AR9" s="257">
        <v>1</v>
      </c>
      <c r="AS9" s="254">
        <v>11</v>
      </c>
      <c r="AT9" s="259">
        <v>14</v>
      </c>
      <c r="AU9" s="253">
        <v>21</v>
      </c>
      <c r="AV9" s="257">
        <v>23</v>
      </c>
      <c r="AW9" s="254">
        <v>44</v>
      </c>
      <c r="AX9" s="256">
        <v>0</v>
      </c>
      <c r="AY9" s="257">
        <v>84</v>
      </c>
      <c r="AZ9" s="257">
        <v>117</v>
      </c>
      <c r="BA9" s="257">
        <v>113</v>
      </c>
      <c r="BB9" s="257">
        <v>99</v>
      </c>
      <c r="BC9" s="257">
        <v>58</v>
      </c>
      <c r="BD9" s="258">
        <v>471</v>
      </c>
      <c r="BE9" s="259">
        <v>515</v>
      </c>
      <c r="BF9" s="253">
        <v>0</v>
      </c>
      <c r="BG9" s="257">
        <v>0</v>
      </c>
      <c r="BH9" s="254">
        <v>0</v>
      </c>
      <c r="BI9" s="256">
        <v>0</v>
      </c>
      <c r="BJ9" s="257">
        <v>113</v>
      </c>
      <c r="BK9" s="257">
        <v>123</v>
      </c>
      <c r="BL9" s="257">
        <v>76</v>
      </c>
      <c r="BM9" s="257">
        <v>33</v>
      </c>
      <c r="BN9" s="257">
        <v>13</v>
      </c>
      <c r="BO9" s="254">
        <v>358</v>
      </c>
      <c r="BP9" s="259">
        <v>358</v>
      </c>
      <c r="BQ9" s="253">
        <v>4</v>
      </c>
      <c r="BR9" s="257">
        <v>12</v>
      </c>
      <c r="BS9" s="254">
        <v>16</v>
      </c>
      <c r="BT9" s="256">
        <v>0</v>
      </c>
      <c r="BU9" s="257">
        <v>14</v>
      </c>
      <c r="BV9" s="257">
        <v>29</v>
      </c>
      <c r="BW9" s="257">
        <v>13</v>
      </c>
      <c r="BX9" s="257">
        <v>9</v>
      </c>
      <c r="BY9" s="257">
        <v>1</v>
      </c>
      <c r="BZ9" s="254">
        <v>66</v>
      </c>
      <c r="CA9" s="259">
        <v>82</v>
      </c>
      <c r="CB9" s="253">
        <v>0</v>
      </c>
      <c r="CC9" s="257">
        <v>1</v>
      </c>
      <c r="CD9" s="254">
        <v>1</v>
      </c>
      <c r="CE9" s="256">
        <v>0</v>
      </c>
      <c r="CF9" s="257">
        <v>8</v>
      </c>
      <c r="CG9" s="257">
        <v>21</v>
      </c>
      <c r="CH9" s="257">
        <v>19</v>
      </c>
      <c r="CI9" s="257">
        <v>13</v>
      </c>
      <c r="CJ9" s="257">
        <v>7</v>
      </c>
      <c r="CK9" s="254">
        <v>68</v>
      </c>
      <c r="CL9" s="259">
        <v>69</v>
      </c>
      <c r="CM9" s="253">
        <v>0</v>
      </c>
      <c r="CN9" s="257">
        <v>0</v>
      </c>
      <c r="CO9" s="254">
        <v>0</v>
      </c>
      <c r="CP9" s="256">
        <v>0</v>
      </c>
      <c r="CQ9" s="257">
        <v>0</v>
      </c>
      <c r="CR9" s="257">
        <v>4</v>
      </c>
      <c r="CS9" s="257">
        <v>2</v>
      </c>
      <c r="CT9" s="257">
        <v>2</v>
      </c>
      <c r="CU9" s="257">
        <v>1</v>
      </c>
      <c r="CV9" s="254">
        <v>9</v>
      </c>
      <c r="CW9" s="259">
        <v>9</v>
      </c>
      <c r="CX9" s="253">
        <v>0</v>
      </c>
      <c r="CY9" s="257">
        <v>0</v>
      </c>
      <c r="CZ9" s="254">
        <v>0</v>
      </c>
      <c r="DA9" s="256">
        <v>0</v>
      </c>
      <c r="DB9" s="257">
        <v>0</v>
      </c>
      <c r="DC9" s="257">
        <v>0</v>
      </c>
      <c r="DD9" s="257">
        <v>0</v>
      </c>
      <c r="DE9" s="257">
        <v>0</v>
      </c>
      <c r="DF9" s="257">
        <v>0</v>
      </c>
      <c r="DG9" s="254">
        <v>0</v>
      </c>
      <c r="DH9" s="259">
        <v>0</v>
      </c>
      <c r="DI9" s="253">
        <v>0</v>
      </c>
      <c r="DJ9" s="257">
        <v>0</v>
      </c>
      <c r="DK9" s="254">
        <v>0</v>
      </c>
      <c r="DL9" s="256">
        <v>0</v>
      </c>
      <c r="DM9" s="257">
        <v>0</v>
      </c>
      <c r="DN9" s="257">
        <v>0</v>
      </c>
      <c r="DO9" s="257">
        <v>0</v>
      </c>
      <c r="DP9" s="257">
        <v>0</v>
      </c>
      <c r="DQ9" s="257">
        <v>0</v>
      </c>
      <c r="DR9" s="254">
        <v>0</v>
      </c>
      <c r="DS9" s="259">
        <v>0</v>
      </c>
      <c r="DT9" s="253">
        <v>38</v>
      </c>
      <c r="DU9" s="257">
        <v>106</v>
      </c>
      <c r="DV9" s="254">
        <v>144</v>
      </c>
      <c r="DW9" s="256">
        <v>0</v>
      </c>
      <c r="DX9" s="257">
        <v>115</v>
      </c>
      <c r="DY9" s="257">
        <v>239</v>
      </c>
      <c r="DZ9" s="257">
        <v>155</v>
      </c>
      <c r="EA9" s="257">
        <v>95</v>
      </c>
      <c r="EB9" s="257">
        <v>48</v>
      </c>
      <c r="EC9" s="254">
        <v>652</v>
      </c>
      <c r="ED9" s="259">
        <v>796</v>
      </c>
      <c r="EE9" s="253">
        <v>13</v>
      </c>
      <c r="EF9" s="257">
        <v>8</v>
      </c>
      <c r="EG9" s="254">
        <v>21</v>
      </c>
      <c r="EH9" s="256">
        <v>0</v>
      </c>
      <c r="EI9" s="257">
        <v>32</v>
      </c>
      <c r="EJ9" s="257">
        <v>33</v>
      </c>
      <c r="EK9" s="257">
        <v>24</v>
      </c>
      <c r="EL9" s="257">
        <v>24</v>
      </c>
      <c r="EM9" s="257">
        <v>12</v>
      </c>
      <c r="EN9" s="254">
        <v>125</v>
      </c>
      <c r="EO9" s="259">
        <v>146</v>
      </c>
      <c r="EP9" s="253">
        <v>51</v>
      </c>
      <c r="EQ9" s="257">
        <v>131</v>
      </c>
      <c r="ER9" s="254">
        <v>182</v>
      </c>
      <c r="ES9" s="256">
        <v>0</v>
      </c>
      <c r="ET9" s="257">
        <v>260</v>
      </c>
      <c r="EU9" s="257">
        <v>339</v>
      </c>
      <c r="EV9" s="257">
        <v>190</v>
      </c>
      <c r="EW9" s="257">
        <v>109</v>
      </c>
      <c r="EX9" s="257">
        <v>50</v>
      </c>
      <c r="EY9" s="254">
        <v>948</v>
      </c>
      <c r="EZ9" s="259">
        <v>1130</v>
      </c>
    </row>
    <row r="10" spans="2:156" ht="21" customHeight="1" x14ac:dyDescent="0.2">
      <c r="B10" s="437" t="s">
        <v>7</v>
      </c>
      <c r="C10" s="253">
        <v>0</v>
      </c>
      <c r="D10" s="257">
        <v>0</v>
      </c>
      <c r="E10" s="340">
        <v>0</v>
      </c>
      <c r="F10" s="256">
        <v>0</v>
      </c>
      <c r="G10" s="257">
        <v>115</v>
      </c>
      <c r="H10" s="257">
        <v>87</v>
      </c>
      <c r="I10" s="257">
        <v>41</v>
      </c>
      <c r="J10" s="257">
        <v>33</v>
      </c>
      <c r="K10" s="257">
        <v>29</v>
      </c>
      <c r="L10" s="258">
        <v>305</v>
      </c>
      <c r="M10" s="259">
        <v>305</v>
      </c>
      <c r="N10" s="253">
        <v>0</v>
      </c>
      <c r="O10" s="257">
        <v>0</v>
      </c>
      <c r="P10" s="254">
        <v>0</v>
      </c>
      <c r="Q10" s="256">
        <v>0</v>
      </c>
      <c r="R10" s="257">
        <v>1</v>
      </c>
      <c r="S10" s="257">
        <v>5</v>
      </c>
      <c r="T10" s="257">
        <v>5</v>
      </c>
      <c r="U10" s="257">
        <v>8</v>
      </c>
      <c r="V10" s="257">
        <v>16</v>
      </c>
      <c r="W10" s="254">
        <v>35</v>
      </c>
      <c r="X10" s="259">
        <v>35</v>
      </c>
      <c r="Y10" s="253">
        <v>3</v>
      </c>
      <c r="Z10" s="257">
        <v>3</v>
      </c>
      <c r="AA10" s="254">
        <v>6</v>
      </c>
      <c r="AB10" s="256">
        <v>0</v>
      </c>
      <c r="AC10" s="257">
        <v>47</v>
      </c>
      <c r="AD10" s="257">
        <v>44</v>
      </c>
      <c r="AE10" s="257">
        <v>31</v>
      </c>
      <c r="AF10" s="257">
        <v>17</v>
      </c>
      <c r="AG10" s="257">
        <v>20</v>
      </c>
      <c r="AH10" s="254">
        <v>159</v>
      </c>
      <c r="AI10" s="259">
        <v>165</v>
      </c>
      <c r="AJ10" s="253">
        <v>1</v>
      </c>
      <c r="AK10" s="257">
        <v>0</v>
      </c>
      <c r="AL10" s="254">
        <v>1</v>
      </c>
      <c r="AM10" s="256">
        <v>0</v>
      </c>
      <c r="AN10" s="257">
        <v>6</v>
      </c>
      <c r="AO10" s="257">
        <v>6</v>
      </c>
      <c r="AP10" s="257">
        <v>7</v>
      </c>
      <c r="AQ10" s="257">
        <v>4</v>
      </c>
      <c r="AR10" s="257">
        <v>1</v>
      </c>
      <c r="AS10" s="254">
        <v>24</v>
      </c>
      <c r="AT10" s="259">
        <v>25</v>
      </c>
      <c r="AU10" s="253">
        <v>13</v>
      </c>
      <c r="AV10" s="257">
        <v>14</v>
      </c>
      <c r="AW10" s="254">
        <v>27</v>
      </c>
      <c r="AX10" s="256">
        <v>0</v>
      </c>
      <c r="AY10" s="257">
        <v>108</v>
      </c>
      <c r="AZ10" s="257">
        <v>125</v>
      </c>
      <c r="BA10" s="257">
        <v>87</v>
      </c>
      <c r="BB10" s="257">
        <v>68</v>
      </c>
      <c r="BC10" s="257">
        <v>52</v>
      </c>
      <c r="BD10" s="258">
        <v>440</v>
      </c>
      <c r="BE10" s="259">
        <v>467</v>
      </c>
      <c r="BF10" s="253">
        <v>0</v>
      </c>
      <c r="BG10" s="257">
        <v>0</v>
      </c>
      <c r="BH10" s="254">
        <v>0</v>
      </c>
      <c r="BI10" s="256">
        <v>0</v>
      </c>
      <c r="BJ10" s="257">
        <v>156</v>
      </c>
      <c r="BK10" s="257">
        <v>98</v>
      </c>
      <c r="BL10" s="257">
        <v>42</v>
      </c>
      <c r="BM10" s="257">
        <v>16</v>
      </c>
      <c r="BN10" s="257">
        <v>9</v>
      </c>
      <c r="BO10" s="254">
        <v>321</v>
      </c>
      <c r="BP10" s="259">
        <v>321</v>
      </c>
      <c r="BQ10" s="253">
        <v>3</v>
      </c>
      <c r="BR10" s="257">
        <v>2</v>
      </c>
      <c r="BS10" s="254">
        <v>5</v>
      </c>
      <c r="BT10" s="256">
        <v>0</v>
      </c>
      <c r="BU10" s="257">
        <v>22</v>
      </c>
      <c r="BV10" s="257">
        <v>21</v>
      </c>
      <c r="BW10" s="257">
        <v>10</v>
      </c>
      <c r="BX10" s="257">
        <v>3</v>
      </c>
      <c r="BY10" s="257">
        <v>3</v>
      </c>
      <c r="BZ10" s="254">
        <v>59</v>
      </c>
      <c r="CA10" s="259">
        <v>64</v>
      </c>
      <c r="CB10" s="253">
        <v>0</v>
      </c>
      <c r="CC10" s="257">
        <v>1</v>
      </c>
      <c r="CD10" s="254">
        <v>1</v>
      </c>
      <c r="CE10" s="256">
        <v>0</v>
      </c>
      <c r="CF10" s="257">
        <v>18</v>
      </c>
      <c r="CG10" s="257">
        <v>27</v>
      </c>
      <c r="CH10" s="257">
        <v>29</v>
      </c>
      <c r="CI10" s="257">
        <v>15</v>
      </c>
      <c r="CJ10" s="257">
        <v>10</v>
      </c>
      <c r="CK10" s="254">
        <v>99</v>
      </c>
      <c r="CL10" s="259">
        <v>100</v>
      </c>
      <c r="CM10" s="253">
        <v>0</v>
      </c>
      <c r="CN10" s="257">
        <v>0</v>
      </c>
      <c r="CO10" s="254">
        <v>0</v>
      </c>
      <c r="CP10" s="256">
        <v>0</v>
      </c>
      <c r="CQ10" s="257">
        <v>0</v>
      </c>
      <c r="CR10" s="257">
        <v>2</v>
      </c>
      <c r="CS10" s="257">
        <v>1</v>
      </c>
      <c r="CT10" s="257">
        <v>3</v>
      </c>
      <c r="CU10" s="257">
        <v>0</v>
      </c>
      <c r="CV10" s="254">
        <v>6</v>
      </c>
      <c r="CW10" s="259">
        <v>6</v>
      </c>
      <c r="CX10" s="253">
        <v>0</v>
      </c>
      <c r="CY10" s="257">
        <v>0</v>
      </c>
      <c r="CZ10" s="254">
        <v>0</v>
      </c>
      <c r="DA10" s="256">
        <v>0</v>
      </c>
      <c r="DB10" s="257">
        <v>0</v>
      </c>
      <c r="DC10" s="257">
        <v>0</v>
      </c>
      <c r="DD10" s="257">
        <v>0</v>
      </c>
      <c r="DE10" s="257">
        <v>0</v>
      </c>
      <c r="DF10" s="257">
        <v>0</v>
      </c>
      <c r="DG10" s="254">
        <v>0</v>
      </c>
      <c r="DH10" s="259">
        <v>0</v>
      </c>
      <c r="DI10" s="253">
        <v>0</v>
      </c>
      <c r="DJ10" s="257">
        <v>0</v>
      </c>
      <c r="DK10" s="254">
        <v>0</v>
      </c>
      <c r="DL10" s="256">
        <v>0</v>
      </c>
      <c r="DM10" s="257">
        <v>0</v>
      </c>
      <c r="DN10" s="257">
        <v>0</v>
      </c>
      <c r="DO10" s="257">
        <v>0</v>
      </c>
      <c r="DP10" s="257">
        <v>0</v>
      </c>
      <c r="DQ10" s="257">
        <v>0</v>
      </c>
      <c r="DR10" s="254">
        <v>0</v>
      </c>
      <c r="DS10" s="259">
        <v>0</v>
      </c>
      <c r="DT10" s="253">
        <v>23</v>
      </c>
      <c r="DU10" s="257">
        <v>28</v>
      </c>
      <c r="DV10" s="254">
        <v>51</v>
      </c>
      <c r="DW10" s="256">
        <v>0</v>
      </c>
      <c r="DX10" s="257">
        <v>132</v>
      </c>
      <c r="DY10" s="257">
        <v>169</v>
      </c>
      <c r="DZ10" s="257">
        <v>92</v>
      </c>
      <c r="EA10" s="257">
        <v>54</v>
      </c>
      <c r="EB10" s="257">
        <v>42</v>
      </c>
      <c r="EC10" s="254">
        <v>489</v>
      </c>
      <c r="ED10" s="259">
        <v>540</v>
      </c>
      <c r="EE10" s="253">
        <v>6</v>
      </c>
      <c r="EF10" s="257">
        <v>11</v>
      </c>
      <c r="EG10" s="254">
        <v>17</v>
      </c>
      <c r="EH10" s="256">
        <v>0</v>
      </c>
      <c r="EI10" s="257">
        <v>44</v>
      </c>
      <c r="EJ10" s="257">
        <v>37</v>
      </c>
      <c r="EK10" s="257">
        <v>28</v>
      </c>
      <c r="EL10" s="257">
        <v>22</v>
      </c>
      <c r="EM10" s="257">
        <v>12</v>
      </c>
      <c r="EN10" s="254">
        <v>143</v>
      </c>
      <c r="EO10" s="259">
        <v>160</v>
      </c>
      <c r="EP10" s="253">
        <v>32</v>
      </c>
      <c r="EQ10" s="257">
        <v>38</v>
      </c>
      <c r="ER10" s="254">
        <v>70</v>
      </c>
      <c r="ES10" s="256">
        <v>0</v>
      </c>
      <c r="ET10" s="257">
        <v>360</v>
      </c>
      <c r="EU10" s="257">
        <v>266</v>
      </c>
      <c r="EV10" s="257">
        <v>124</v>
      </c>
      <c r="EW10" s="257">
        <v>72</v>
      </c>
      <c r="EX10" s="257">
        <v>47</v>
      </c>
      <c r="EY10" s="254">
        <v>869</v>
      </c>
      <c r="EZ10" s="259">
        <v>939</v>
      </c>
    </row>
    <row r="11" spans="2:156" ht="21" customHeight="1" x14ac:dyDescent="0.2">
      <c r="B11" s="437" t="s">
        <v>8</v>
      </c>
      <c r="C11" s="253">
        <v>0</v>
      </c>
      <c r="D11" s="257">
        <v>0</v>
      </c>
      <c r="E11" s="340">
        <v>0</v>
      </c>
      <c r="F11" s="256">
        <v>0</v>
      </c>
      <c r="G11" s="257">
        <v>18</v>
      </c>
      <c r="H11" s="257">
        <v>25</v>
      </c>
      <c r="I11" s="257">
        <v>32</v>
      </c>
      <c r="J11" s="257">
        <v>9</v>
      </c>
      <c r="K11" s="257">
        <v>14</v>
      </c>
      <c r="L11" s="258">
        <v>98</v>
      </c>
      <c r="M11" s="259">
        <v>98</v>
      </c>
      <c r="N11" s="253">
        <v>0</v>
      </c>
      <c r="O11" s="257">
        <v>0</v>
      </c>
      <c r="P11" s="254">
        <v>0</v>
      </c>
      <c r="Q11" s="256">
        <v>0</v>
      </c>
      <c r="R11" s="257">
        <v>0</v>
      </c>
      <c r="S11" s="257">
        <v>0</v>
      </c>
      <c r="T11" s="257">
        <v>2</v>
      </c>
      <c r="U11" s="257">
        <v>1</v>
      </c>
      <c r="V11" s="257">
        <v>6</v>
      </c>
      <c r="W11" s="254">
        <v>9</v>
      </c>
      <c r="X11" s="259">
        <v>9</v>
      </c>
      <c r="Y11" s="253">
        <v>4</v>
      </c>
      <c r="Z11" s="257">
        <v>3</v>
      </c>
      <c r="AA11" s="254">
        <v>7</v>
      </c>
      <c r="AB11" s="256">
        <v>0</v>
      </c>
      <c r="AC11" s="257">
        <v>15</v>
      </c>
      <c r="AD11" s="257">
        <v>27</v>
      </c>
      <c r="AE11" s="257">
        <v>33</v>
      </c>
      <c r="AF11" s="257">
        <v>8</v>
      </c>
      <c r="AG11" s="257">
        <v>12</v>
      </c>
      <c r="AH11" s="254">
        <v>95</v>
      </c>
      <c r="AI11" s="259">
        <v>102</v>
      </c>
      <c r="AJ11" s="253">
        <v>0</v>
      </c>
      <c r="AK11" s="257">
        <v>0</v>
      </c>
      <c r="AL11" s="254">
        <v>0</v>
      </c>
      <c r="AM11" s="256">
        <v>0</v>
      </c>
      <c r="AN11" s="257">
        <v>4</v>
      </c>
      <c r="AO11" s="257">
        <v>1</v>
      </c>
      <c r="AP11" s="257">
        <v>7</v>
      </c>
      <c r="AQ11" s="257">
        <v>3</v>
      </c>
      <c r="AR11" s="257">
        <v>1</v>
      </c>
      <c r="AS11" s="254">
        <v>16</v>
      </c>
      <c r="AT11" s="259">
        <v>16</v>
      </c>
      <c r="AU11" s="253">
        <v>11</v>
      </c>
      <c r="AV11" s="257">
        <v>2</v>
      </c>
      <c r="AW11" s="254">
        <v>13</v>
      </c>
      <c r="AX11" s="256">
        <v>0</v>
      </c>
      <c r="AY11" s="257">
        <v>32</v>
      </c>
      <c r="AZ11" s="257">
        <v>34</v>
      </c>
      <c r="BA11" s="257">
        <v>49</v>
      </c>
      <c r="BB11" s="257">
        <v>27</v>
      </c>
      <c r="BC11" s="257">
        <v>21</v>
      </c>
      <c r="BD11" s="258">
        <v>163</v>
      </c>
      <c r="BE11" s="259">
        <v>176</v>
      </c>
      <c r="BF11" s="253">
        <v>0</v>
      </c>
      <c r="BG11" s="257">
        <v>0</v>
      </c>
      <c r="BH11" s="254">
        <v>0</v>
      </c>
      <c r="BI11" s="256">
        <v>0</v>
      </c>
      <c r="BJ11" s="257">
        <v>30</v>
      </c>
      <c r="BK11" s="257">
        <v>35</v>
      </c>
      <c r="BL11" s="257">
        <v>23</v>
      </c>
      <c r="BM11" s="257">
        <v>14</v>
      </c>
      <c r="BN11" s="257">
        <v>6</v>
      </c>
      <c r="BO11" s="254">
        <v>108</v>
      </c>
      <c r="BP11" s="259">
        <v>108</v>
      </c>
      <c r="BQ11" s="253">
        <v>5</v>
      </c>
      <c r="BR11" s="257">
        <v>1</v>
      </c>
      <c r="BS11" s="254">
        <v>6</v>
      </c>
      <c r="BT11" s="256">
        <v>0</v>
      </c>
      <c r="BU11" s="257">
        <v>11</v>
      </c>
      <c r="BV11" s="257">
        <v>8</v>
      </c>
      <c r="BW11" s="257">
        <v>8</v>
      </c>
      <c r="BX11" s="257">
        <v>2</v>
      </c>
      <c r="BY11" s="257">
        <v>0</v>
      </c>
      <c r="BZ11" s="254">
        <v>29</v>
      </c>
      <c r="CA11" s="259">
        <v>35</v>
      </c>
      <c r="CB11" s="253">
        <v>1</v>
      </c>
      <c r="CC11" s="257">
        <v>1</v>
      </c>
      <c r="CD11" s="254">
        <v>2</v>
      </c>
      <c r="CE11" s="256">
        <v>0</v>
      </c>
      <c r="CF11" s="257">
        <v>5</v>
      </c>
      <c r="CG11" s="257">
        <v>6</v>
      </c>
      <c r="CH11" s="257">
        <v>13</v>
      </c>
      <c r="CI11" s="257">
        <v>4</v>
      </c>
      <c r="CJ11" s="257">
        <v>2</v>
      </c>
      <c r="CK11" s="254">
        <v>30</v>
      </c>
      <c r="CL11" s="259">
        <v>32</v>
      </c>
      <c r="CM11" s="253">
        <v>0</v>
      </c>
      <c r="CN11" s="257">
        <v>0</v>
      </c>
      <c r="CO11" s="254">
        <v>0</v>
      </c>
      <c r="CP11" s="256">
        <v>0</v>
      </c>
      <c r="CQ11" s="257">
        <v>0</v>
      </c>
      <c r="CR11" s="257">
        <v>0</v>
      </c>
      <c r="CS11" s="257">
        <v>2</v>
      </c>
      <c r="CT11" s="257">
        <v>0</v>
      </c>
      <c r="CU11" s="257">
        <v>0</v>
      </c>
      <c r="CV11" s="254">
        <v>2</v>
      </c>
      <c r="CW11" s="259">
        <v>2</v>
      </c>
      <c r="CX11" s="253">
        <v>0</v>
      </c>
      <c r="CY11" s="257">
        <v>0</v>
      </c>
      <c r="CZ11" s="254">
        <v>0</v>
      </c>
      <c r="DA11" s="256">
        <v>0</v>
      </c>
      <c r="DB11" s="257">
        <v>0</v>
      </c>
      <c r="DC11" s="257">
        <v>0</v>
      </c>
      <c r="DD11" s="257">
        <v>0</v>
      </c>
      <c r="DE11" s="257">
        <v>0</v>
      </c>
      <c r="DF11" s="257">
        <v>0</v>
      </c>
      <c r="DG11" s="254">
        <v>0</v>
      </c>
      <c r="DH11" s="259">
        <v>0</v>
      </c>
      <c r="DI11" s="253">
        <v>0</v>
      </c>
      <c r="DJ11" s="257">
        <v>0</v>
      </c>
      <c r="DK11" s="254">
        <v>0</v>
      </c>
      <c r="DL11" s="256">
        <v>0</v>
      </c>
      <c r="DM11" s="257">
        <v>0</v>
      </c>
      <c r="DN11" s="257">
        <v>0</v>
      </c>
      <c r="DO11" s="257">
        <v>0</v>
      </c>
      <c r="DP11" s="257">
        <v>0</v>
      </c>
      <c r="DQ11" s="257">
        <v>0</v>
      </c>
      <c r="DR11" s="254">
        <v>0</v>
      </c>
      <c r="DS11" s="259">
        <v>0</v>
      </c>
      <c r="DT11" s="253">
        <v>23</v>
      </c>
      <c r="DU11" s="257">
        <v>27</v>
      </c>
      <c r="DV11" s="254">
        <v>50</v>
      </c>
      <c r="DW11" s="256">
        <v>0</v>
      </c>
      <c r="DX11" s="257">
        <v>45</v>
      </c>
      <c r="DY11" s="257">
        <v>82</v>
      </c>
      <c r="DZ11" s="257">
        <v>64</v>
      </c>
      <c r="EA11" s="257">
        <v>36</v>
      </c>
      <c r="EB11" s="257">
        <v>20</v>
      </c>
      <c r="EC11" s="254">
        <v>247</v>
      </c>
      <c r="ED11" s="259">
        <v>297</v>
      </c>
      <c r="EE11" s="253">
        <v>9</v>
      </c>
      <c r="EF11" s="257">
        <v>2</v>
      </c>
      <c r="EG11" s="254">
        <v>11</v>
      </c>
      <c r="EH11" s="256">
        <v>0</v>
      </c>
      <c r="EI11" s="257">
        <v>15</v>
      </c>
      <c r="EJ11" s="257">
        <v>9</v>
      </c>
      <c r="EK11" s="257">
        <v>12</v>
      </c>
      <c r="EL11" s="257">
        <v>7</v>
      </c>
      <c r="EM11" s="257">
        <v>8</v>
      </c>
      <c r="EN11" s="254">
        <v>51</v>
      </c>
      <c r="EO11" s="259">
        <v>62</v>
      </c>
      <c r="EP11" s="253">
        <v>30</v>
      </c>
      <c r="EQ11" s="257">
        <v>29</v>
      </c>
      <c r="ER11" s="254">
        <v>59</v>
      </c>
      <c r="ES11" s="256">
        <v>0</v>
      </c>
      <c r="ET11" s="257">
        <v>96</v>
      </c>
      <c r="EU11" s="257">
        <v>100</v>
      </c>
      <c r="EV11" s="257">
        <v>75</v>
      </c>
      <c r="EW11" s="257">
        <v>33</v>
      </c>
      <c r="EX11" s="257">
        <v>22</v>
      </c>
      <c r="EY11" s="254">
        <v>326</v>
      </c>
      <c r="EZ11" s="259">
        <v>385</v>
      </c>
    </row>
    <row r="12" spans="2:156" ht="21" customHeight="1" x14ac:dyDescent="0.2">
      <c r="B12" s="437" t="s">
        <v>9</v>
      </c>
      <c r="C12" s="253">
        <v>0</v>
      </c>
      <c r="D12" s="257">
        <v>0</v>
      </c>
      <c r="E12" s="340">
        <v>0</v>
      </c>
      <c r="F12" s="256">
        <v>0</v>
      </c>
      <c r="G12" s="257">
        <v>54</v>
      </c>
      <c r="H12" s="257">
        <v>41</v>
      </c>
      <c r="I12" s="257">
        <v>31</v>
      </c>
      <c r="J12" s="257">
        <v>24</v>
      </c>
      <c r="K12" s="257">
        <v>19</v>
      </c>
      <c r="L12" s="258">
        <v>169</v>
      </c>
      <c r="M12" s="259">
        <v>169</v>
      </c>
      <c r="N12" s="253">
        <v>0</v>
      </c>
      <c r="O12" s="257">
        <v>0</v>
      </c>
      <c r="P12" s="254">
        <v>0</v>
      </c>
      <c r="Q12" s="256">
        <v>0</v>
      </c>
      <c r="R12" s="257">
        <v>0</v>
      </c>
      <c r="S12" s="257">
        <v>1</v>
      </c>
      <c r="T12" s="257">
        <v>1</v>
      </c>
      <c r="U12" s="257">
        <v>0</v>
      </c>
      <c r="V12" s="257">
        <v>7</v>
      </c>
      <c r="W12" s="254">
        <v>9</v>
      </c>
      <c r="X12" s="259">
        <v>9</v>
      </c>
      <c r="Y12" s="253">
        <v>3</v>
      </c>
      <c r="Z12" s="257">
        <v>8</v>
      </c>
      <c r="AA12" s="254">
        <v>11</v>
      </c>
      <c r="AB12" s="256">
        <v>0</v>
      </c>
      <c r="AC12" s="257">
        <v>51</v>
      </c>
      <c r="AD12" s="257">
        <v>22</v>
      </c>
      <c r="AE12" s="257">
        <v>29</v>
      </c>
      <c r="AF12" s="257">
        <v>23</v>
      </c>
      <c r="AG12" s="257">
        <v>20</v>
      </c>
      <c r="AH12" s="254">
        <v>145</v>
      </c>
      <c r="AI12" s="259">
        <v>156</v>
      </c>
      <c r="AJ12" s="253">
        <v>0</v>
      </c>
      <c r="AK12" s="257">
        <v>2</v>
      </c>
      <c r="AL12" s="254">
        <v>2</v>
      </c>
      <c r="AM12" s="256">
        <v>0</v>
      </c>
      <c r="AN12" s="257">
        <v>2</v>
      </c>
      <c r="AO12" s="257">
        <v>5</v>
      </c>
      <c r="AP12" s="257">
        <v>3</v>
      </c>
      <c r="AQ12" s="257">
        <v>3</v>
      </c>
      <c r="AR12" s="257">
        <v>4</v>
      </c>
      <c r="AS12" s="254">
        <v>17</v>
      </c>
      <c r="AT12" s="259">
        <v>19</v>
      </c>
      <c r="AU12" s="253">
        <v>7</v>
      </c>
      <c r="AV12" s="257">
        <v>8</v>
      </c>
      <c r="AW12" s="254">
        <v>15</v>
      </c>
      <c r="AX12" s="256">
        <v>0</v>
      </c>
      <c r="AY12" s="257">
        <v>53</v>
      </c>
      <c r="AZ12" s="257">
        <v>48</v>
      </c>
      <c r="BA12" s="257">
        <v>52</v>
      </c>
      <c r="BB12" s="257">
        <v>50</v>
      </c>
      <c r="BC12" s="257">
        <v>27</v>
      </c>
      <c r="BD12" s="258">
        <v>230</v>
      </c>
      <c r="BE12" s="259">
        <v>245</v>
      </c>
      <c r="BF12" s="253">
        <v>0</v>
      </c>
      <c r="BG12" s="257">
        <v>0</v>
      </c>
      <c r="BH12" s="254">
        <v>0</v>
      </c>
      <c r="BI12" s="256">
        <v>0</v>
      </c>
      <c r="BJ12" s="257">
        <v>54</v>
      </c>
      <c r="BK12" s="257">
        <v>36</v>
      </c>
      <c r="BL12" s="257">
        <v>19</v>
      </c>
      <c r="BM12" s="257">
        <v>15</v>
      </c>
      <c r="BN12" s="257">
        <v>3</v>
      </c>
      <c r="BO12" s="254">
        <v>127</v>
      </c>
      <c r="BP12" s="259">
        <v>127</v>
      </c>
      <c r="BQ12" s="253">
        <v>6</v>
      </c>
      <c r="BR12" s="257">
        <v>7</v>
      </c>
      <c r="BS12" s="254">
        <v>13</v>
      </c>
      <c r="BT12" s="256">
        <v>0</v>
      </c>
      <c r="BU12" s="257">
        <v>16</v>
      </c>
      <c r="BV12" s="257">
        <v>12</v>
      </c>
      <c r="BW12" s="257">
        <v>12</v>
      </c>
      <c r="BX12" s="257">
        <v>7</v>
      </c>
      <c r="BY12" s="257">
        <v>2</v>
      </c>
      <c r="BZ12" s="254">
        <v>49</v>
      </c>
      <c r="CA12" s="259">
        <v>62</v>
      </c>
      <c r="CB12" s="253">
        <v>0</v>
      </c>
      <c r="CC12" s="257">
        <v>0</v>
      </c>
      <c r="CD12" s="254">
        <v>0</v>
      </c>
      <c r="CE12" s="256">
        <v>0</v>
      </c>
      <c r="CF12" s="257">
        <v>8</v>
      </c>
      <c r="CG12" s="257">
        <v>9</v>
      </c>
      <c r="CH12" s="257">
        <v>14</v>
      </c>
      <c r="CI12" s="257">
        <v>8</v>
      </c>
      <c r="CJ12" s="257">
        <v>3</v>
      </c>
      <c r="CK12" s="254">
        <v>42</v>
      </c>
      <c r="CL12" s="259">
        <v>42</v>
      </c>
      <c r="CM12" s="253">
        <v>0</v>
      </c>
      <c r="CN12" s="257">
        <v>0</v>
      </c>
      <c r="CO12" s="254">
        <v>0</v>
      </c>
      <c r="CP12" s="256">
        <v>0</v>
      </c>
      <c r="CQ12" s="257">
        <v>0</v>
      </c>
      <c r="CR12" s="257">
        <v>2</v>
      </c>
      <c r="CS12" s="257">
        <v>1</v>
      </c>
      <c r="CT12" s="257">
        <v>0</v>
      </c>
      <c r="CU12" s="257">
        <v>1</v>
      </c>
      <c r="CV12" s="254">
        <v>4</v>
      </c>
      <c r="CW12" s="259">
        <v>4</v>
      </c>
      <c r="CX12" s="253">
        <v>0</v>
      </c>
      <c r="CY12" s="257">
        <v>0</v>
      </c>
      <c r="CZ12" s="254">
        <v>0</v>
      </c>
      <c r="DA12" s="256">
        <v>0</v>
      </c>
      <c r="DB12" s="257">
        <v>0</v>
      </c>
      <c r="DC12" s="257">
        <v>0</v>
      </c>
      <c r="DD12" s="257">
        <v>0</v>
      </c>
      <c r="DE12" s="257">
        <v>0</v>
      </c>
      <c r="DF12" s="257">
        <v>0</v>
      </c>
      <c r="DG12" s="254">
        <v>0</v>
      </c>
      <c r="DH12" s="259">
        <v>0</v>
      </c>
      <c r="DI12" s="253">
        <v>0</v>
      </c>
      <c r="DJ12" s="257">
        <v>0</v>
      </c>
      <c r="DK12" s="254">
        <v>0</v>
      </c>
      <c r="DL12" s="256">
        <v>0</v>
      </c>
      <c r="DM12" s="257">
        <v>0</v>
      </c>
      <c r="DN12" s="257">
        <v>0</v>
      </c>
      <c r="DO12" s="257">
        <v>0</v>
      </c>
      <c r="DP12" s="257">
        <v>0</v>
      </c>
      <c r="DQ12" s="257">
        <v>0</v>
      </c>
      <c r="DR12" s="254">
        <v>0</v>
      </c>
      <c r="DS12" s="259">
        <v>0</v>
      </c>
      <c r="DT12" s="253">
        <v>25</v>
      </c>
      <c r="DU12" s="257">
        <v>30</v>
      </c>
      <c r="DV12" s="254">
        <v>55</v>
      </c>
      <c r="DW12" s="256">
        <v>0</v>
      </c>
      <c r="DX12" s="257">
        <v>76</v>
      </c>
      <c r="DY12" s="257">
        <v>63</v>
      </c>
      <c r="DZ12" s="257">
        <v>59</v>
      </c>
      <c r="EA12" s="257">
        <v>40</v>
      </c>
      <c r="EB12" s="257">
        <v>28</v>
      </c>
      <c r="EC12" s="254">
        <v>266</v>
      </c>
      <c r="ED12" s="259">
        <v>321</v>
      </c>
      <c r="EE12" s="253">
        <v>6</v>
      </c>
      <c r="EF12" s="257">
        <v>1</v>
      </c>
      <c r="EG12" s="254">
        <v>7</v>
      </c>
      <c r="EH12" s="256">
        <v>0</v>
      </c>
      <c r="EI12" s="257">
        <v>20</v>
      </c>
      <c r="EJ12" s="257">
        <v>18</v>
      </c>
      <c r="EK12" s="257">
        <v>12</v>
      </c>
      <c r="EL12" s="257">
        <v>16</v>
      </c>
      <c r="EM12" s="257">
        <v>9</v>
      </c>
      <c r="EN12" s="254">
        <v>75</v>
      </c>
      <c r="EO12" s="259">
        <v>82</v>
      </c>
      <c r="EP12" s="253">
        <v>30</v>
      </c>
      <c r="EQ12" s="257">
        <v>43</v>
      </c>
      <c r="ER12" s="254">
        <v>73</v>
      </c>
      <c r="ES12" s="256">
        <v>0</v>
      </c>
      <c r="ET12" s="257">
        <v>161</v>
      </c>
      <c r="EU12" s="257">
        <v>100</v>
      </c>
      <c r="EV12" s="257">
        <v>75</v>
      </c>
      <c r="EW12" s="257">
        <v>44</v>
      </c>
      <c r="EX12" s="257">
        <v>29</v>
      </c>
      <c r="EY12" s="254">
        <v>409</v>
      </c>
      <c r="EZ12" s="259">
        <v>482</v>
      </c>
    </row>
    <row r="13" spans="2:156" ht="21" customHeight="1" x14ac:dyDescent="0.2">
      <c r="B13" s="437" t="s">
        <v>10</v>
      </c>
      <c r="C13" s="253">
        <v>0</v>
      </c>
      <c r="D13" s="257">
        <v>0</v>
      </c>
      <c r="E13" s="340">
        <v>0</v>
      </c>
      <c r="F13" s="256">
        <v>0</v>
      </c>
      <c r="G13" s="257">
        <v>79</v>
      </c>
      <c r="H13" s="257">
        <v>49</v>
      </c>
      <c r="I13" s="257">
        <v>28</v>
      </c>
      <c r="J13" s="257">
        <v>40</v>
      </c>
      <c r="K13" s="257">
        <v>18</v>
      </c>
      <c r="L13" s="258">
        <v>214</v>
      </c>
      <c r="M13" s="259">
        <v>214</v>
      </c>
      <c r="N13" s="253">
        <v>0</v>
      </c>
      <c r="O13" s="257">
        <v>0</v>
      </c>
      <c r="P13" s="254">
        <v>0</v>
      </c>
      <c r="Q13" s="256">
        <v>0</v>
      </c>
      <c r="R13" s="257">
        <v>1</v>
      </c>
      <c r="S13" s="257">
        <v>1</v>
      </c>
      <c r="T13" s="257">
        <v>3</v>
      </c>
      <c r="U13" s="257">
        <v>6</v>
      </c>
      <c r="V13" s="257">
        <v>17</v>
      </c>
      <c r="W13" s="254">
        <v>28</v>
      </c>
      <c r="X13" s="259">
        <v>28</v>
      </c>
      <c r="Y13" s="253">
        <v>18</v>
      </c>
      <c r="Z13" s="257">
        <v>21</v>
      </c>
      <c r="AA13" s="254">
        <v>39</v>
      </c>
      <c r="AB13" s="256">
        <v>0</v>
      </c>
      <c r="AC13" s="257">
        <v>61</v>
      </c>
      <c r="AD13" s="257">
        <v>33</v>
      </c>
      <c r="AE13" s="257">
        <v>26</v>
      </c>
      <c r="AF13" s="257">
        <v>32</v>
      </c>
      <c r="AG13" s="257">
        <v>18</v>
      </c>
      <c r="AH13" s="254">
        <v>170</v>
      </c>
      <c r="AI13" s="259">
        <v>209</v>
      </c>
      <c r="AJ13" s="253">
        <v>4</v>
      </c>
      <c r="AK13" s="257">
        <v>4</v>
      </c>
      <c r="AL13" s="254">
        <v>8</v>
      </c>
      <c r="AM13" s="256">
        <v>0</v>
      </c>
      <c r="AN13" s="257">
        <v>5</v>
      </c>
      <c r="AO13" s="257">
        <v>4</v>
      </c>
      <c r="AP13" s="257">
        <v>7</v>
      </c>
      <c r="AQ13" s="257">
        <v>6</v>
      </c>
      <c r="AR13" s="257">
        <v>5</v>
      </c>
      <c r="AS13" s="254">
        <v>27</v>
      </c>
      <c r="AT13" s="259">
        <v>35</v>
      </c>
      <c r="AU13" s="253">
        <v>19</v>
      </c>
      <c r="AV13" s="257">
        <v>14</v>
      </c>
      <c r="AW13" s="254">
        <v>33</v>
      </c>
      <c r="AX13" s="256">
        <v>0</v>
      </c>
      <c r="AY13" s="257">
        <v>89</v>
      </c>
      <c r="AZ13" s="257">
        <v>71</v>
      </c>
      <c r="BA13" s="257">
        <v>68</v>
      </c>
      <c r="BB13" s="257">
        <v>81</v>
      </c>
      <c r="BC13" s="257">
        <v>46</v>
      </c>
      <c r="BD13" s="258">
        <v>355</v>
      </c>
      <c r="BE13" s="259">
        <v>388</v>
      </c>
      <c r="BF13" s="253">
        <v>0</v>
      </c>
      <c r="BG13" s="257">
        <v>0</v>
      </c>
      <c r="BH13" s="254">
        <v>0</v>
      </c>
      <c r="BI13" s="256">
        <v>0</v>
      </c>
      <c r="BJ13" s="257">
        <v>115</v>
      </c>
      <c r="BK13" s="257">
        <v>58</v>
      </c>
      <c r="BL13" s="257">
        <v>40</v>
      </c>
      <c r="BM13" s="257">
        <v>21</v>
      </c>
      <c r="BN13" s="257">
        <v>7</v>
      </c>
      <c r="BO13" s="254">
        <v>241</v>
      </c>
      <c r="BP13" s="259">
        <v>241</v>
      </c>
      <c r="BQ13" s="253">
        <v>4</v>
      </c>
      <c r="BR13" s="257">
        <v>8</v>
      </c>
      <c r="BS13" s="254">
        <v>12</v>
      </c>
      <c r="BT13" s="256">
        <v>0</v>
      </c>
      <c r="BU13" s="257">
        <v>27</v>
      </c>
      <c r="BV13" s="257">
        <v>14</v>
      </c>
      <c r="BW13" s="257">
        <v>6</v>
      </c>
      <c r="BX13" s="257">
        <v>7</v>
      </c>
      <c r="BY13" s="257">
        <v>3</v>
      </c>
      <c r="BZ13" s="254">
        <v>57</v>
      </c>
      <c r="CA13" s="259">
        <v>69</v>
      </c>
      <c r="CB13" s="253">
        <v>0</v>
      </c>
      <c r="CC13" s="257">
        <v>1</v>
      </c>
      <c r="CD13" s="254">
        <v>1</v>
      </c>
      <c r="CE13" s="256">
        <v>0</v>
      </c>
      <c r="CF13" s="257">
        <v>10</v>
      </c>
      <c r="CG13" s="257">
        <v>10</v>
      </c>
      <c r="CH13" s="257">
        <v>8</v>
      </c>
      <c r="CI13" s="257">
        <v>13</v>
      </c>
      <c r="CJ13" s="257">
        <v>8</v>
      </c>
      <c r="CK13" s="254">
        <v>49</v>
      </c>
      <c r="CL13" s="259">
        <v>50</v>
      </c>
      <c r="CM13" s="253">
        <v>0</v>
      </c>
      <c r="CN13" s="257">
        <v>0</v>
      </c>
      <c r="CO13" s="254">
        <v>0</v>
      </c>
      <c r="CP13" s="256">
        <v>0</v>
      </c>
      <c r="CQ13" s="257">
        <v>1</v>
      </c>
      <c r="CR13" s="257">
        <v>1</v>
      </c>
      <c r="CS13" s="257">
        <v>2</v>
      </c>
      <c r="CT13" s="257">
        <v>2</v>
      </c>
      <c r="CU13" s="257">
        <v>1</v>
      </c>
      <c r="CV13" s="254">
        <v>7</v>
      </c>
      <c r="CW13" s="259">
        <v>7</v>
      </c>
      <c r="CX13" s="253">
        <v>0</v>
      </c>
      <c r="CY13" s="257">
        <v>0</v>
      </c>
      <c r="CZ13" s="254">
        <v>0</v>
      </c>
      <c r="DA13" s="256">
        <v>0</v>
      </c>
      <c r="DB13" s="257">
        <v>0</v>
      </c>
      <c r="DC13" s="257">
        <v>0</v>
      </c>
      <c r="DD13" s="257">
        <v>0</v>
      </c>
      <c r="DE13" s="257">
        <v>0</v>
      </c>
      <c r="DF13" s="257">
        <v>0</v>
      </c>
      <c r="DG13" s="254">
        <v>0</v>
      </c>
      <c r="DH13" s="259">
        <v>0</v>
      </c>
      <c r="DI13" s="253">
        <v>0</v>
      </c>
      <c r="DJ13" s="257">
        <v>0</v>
      </c>
      <c r="DK13" s="254">
        <v>0</v>
      </c>
      <c r="DL13" s="256">
        <v>0</v>
      </c>
      <c r="DM13" s="257">
        <v>0</v>
      </c>
      <c r="DN13" s="257">
        <v>0</v>
      </c>
      <c r="DO13" s="257">
        <v>0</v>
      </c>
      <c r="DP13" s="257">
        <v>0</v>
      </c>
      <c r="DQ13" s="257">
        <v>0</v>
      </c>
      <c r="DR13" s="254">
        <v>0</v>
      </c>
      <c r="DS13" s="259">
        <v>0</v>
      </c>
      <c r="DT13" s="253">
        <v>67</v>
      </c>
      <c r="DU13" s="257">
        <v>76</v>
      </c>
      <c r="DV13" s="254">
        <v>143</v>
      </c>
      <c r="DW13" s="256">
        <v>0</v>
      </c>
      <c r="DX13" s="257">
        <v>128</v>
      </c>
      <c r="DY13" s="257">
        <v>95</v>
      </c>
      <c r="DZ13" s="257">
        <v>74</v>
      </c>
      <c r="EA13" s="257">
        <v>72</v>
      </c>
      <c r="EB13" s="257">
        <v>38</v>
      </c>
      <c r="EC13" s="254">
        <v>407</v>
      </c>
      <c r="ED13" s="259">
        <v>550</v>
      </c>
      <c r="EE13" s="253">
        <v>11</v>
      </c>
      <c r="EF13" s="257">
        <v>0</v>
      </c>
      <c r="EG13" s="254">
        <v>11</v>
      </c>
      <c r="EH13" s="256">
        <v>0</v>
      </c>
      <c r="EI13" s="257">
        <v>26</v>
      </c>
      <c r="EJ13" s="257">
        <v>17</v>
      </c>
      <c r="EK13" s="257">
        <v>17</v>
      </c>
      <c r="EL13" s="257">
        <v>26</v>
      </c>
      <c r="EM13" s="257">
        <v>10</v>
      </c>
      <c r="EN13" s="254">
        <v>96</v>
      </c>
      <c r="EO13" s="259">
        <v>107</v>
      </c>
      <c r="EP13" s="253">
        <v>88</v>
      </c>
      <c r="EQ13" s="257">
        <v>96</v>
      </c>
      <c r="ER13" s="254">
        <v>184</v>
      </c>
      <c r="ES13" s="256">
        <v>0</v>
      </c>
      <c r="ET13" s="257">
        <v>269</v>
      </c>
      <c r="EU13" s="257">
        <v>131</v>
      </c>
      <c r="EV13" s="257">
        <v>86</v>
      </c>
      <c r="EW13" s="257">
        <v>69</v>
      </c>
      <c r="EX13" s="257">
        <v>39</v>
      </c>
      <c r="EY13" s="254">
        <v>594</v>
      </c>
      <c r="EZ13" s="259">
        <v>778</v>
      </c>
    </row>
    <row r="14" spans="2:156" ht="21" customHeight="1" x14ac:dyDescent="0.2">
      <c r="B14" s="437" t="s">
        <v>11</v>
      </c>
      <c r="C14" s="253">
        <v>0</v>
      </c>
      <c r="D14" s="257">
        <v>0</v>
      </c>
      <c r="E14" s="340">
        <v>0</v>
      </c>
      <c r="F14" s="256">
        <v>0</v>
      </c>
      <c r="G14" s="257">
        <v>16</v>
      </c>
      <c r="H14" s="257">
        <v>11</v>
      </c>
      <c r="I14" s="257">
        <v>8</v>
      </c>
      <c r="J14" s="257">
        <v>16</v>
      </c>
      <c r="K14" s="257">
        <v>8</v>
      </c>
      <c r="L14" s="258">
        <v>59</v>
      </c>
      <c r="M14" s="259">
        <v>59</v>
      </c>
      <c r="N14" s="253">
        <v>0</v>
      </c>
      <c r="O14" s="257">
        <v>0</v>
      </c>
      <c r="P14" s="254">
        <v>0</v>
      </c>
      <c r="Q14" s="256">
        <v>0</v>
      </c>
      <c r="R14" s="257">
        <v>0</v>
      </c>
      <c r="S14" s="257">
        <v>1</v>
      </c>
      <c r="T14" s="257">
        <v>1</v>
      </c>
      <c r="U14" s="257">
        <v>2</v>
      </c>
      <c r="V14" s="257">
        <v>3</v>
      </c>
      <c r="W14" s="254">
        <v>7</v>
      </c>
      <c r="X14" s="259">
        <v>7</v>
      </c>
      <c r="Y14" s="253">
        <v>7</v>
      </c>
      <c r="Z14" s="257">
        <v>4</v>
      </c>
      <c r="AA14" s="254">
        <v>11</v>
      </c>
      <c r="AB14" s="256">
        <v>0</v>
      </c>
      <c r="AC14" s="257">
        <v>19</v>
      </c>
      <c r="AD14" s="257">
        <v>12</v>
      </c>
      <c r="AE14" s="257">
        <v>12</v>
      </c>
      <c r="AF14" s="257">
        <v>17</v>
      </c>
      <c r="AG14" s="257">
        <v>6</v>
      </c>
      <c r="AH14" s="254">
        <v>66</v>
      </c>
      <c r="AI14" s="259">
        <v>77</v>
      </c>
      <c r="AJ14" s="253">
        <v>0</v>
      </c>
      <c r="AK14" s="257">
        <v>2</v>
      </c>
      <c r="AL14" s="254">
        <v>2</v>
      </c>
      <c r="AM14" s="256">
        <v>0</v>
      </c>
      <c r="AN14" s="257">
        <v>2</v>
      </c>
      <c r="AO14" s="257">
        <v>0</v>
      </c>
      <c r="AP14" s="257">
        <v>0</v>
      </c>
      <c r="AQ14" s="257">
        <v>3</v>
      </c>
      <c r="AR14" s="257">
        <v>1</v>
      </c>
      <c r="AS14" s="254">
        <v>6</v>
      </c>
      <c r="AT14" s="259">
        <v>8</v>
      </c>
      <c r="AU14" s="253">
        <v>2</v>
      </c>
      <c r="AV14" s="257">
        <v>6</v>
      </c>
      <c r="AW14" s="254">
        <v>8</v>
      </c>
      <c r="AX14" s="256">
        <v>0</v>
      </c>
      <c r="AY14" s="257">
        <v>19</v>
      </c>
      <c r="AZ14" s="257">
        <v>33</v>
      </c>
      <c r="BA14" s="257">
        <v>11</v>
      </c>
      <c r="BB14" s="257">
        <v>34</v>
      </c>
      <c r="BC14" s="257">
        <v>12</v>
      </c>
      <c r="BD14" s="258">
        <v>109</v>
      </c>
      <c r="BE14" s="259">
        <v>117</v>
      </c>
      <c r="BF14" s="253">
        <v>0</v>
      </c>
      <c r="BG14" s="257">
        <v>0</v>
      </c>
      <c r="BH14" s="254">
        <v>0</v>
      </c>
      <c r="BI14" s="256">
        <v>0</v>
      </c>
      <c r="BJ14" s="257">
        <v>44</v>
      </c>
      <c r="BK14" s="257">
        <v>25</v>
      </c>
      <c r="BL14" s="257">
        <v>15</v>
      </c>
      <c r="BM14" s="257">
        <v>9</v>
      </c>
      <c r="BN14" s="257">
        <v>3</v>
      </c>
      <c r="BO14" s="254">
        <v>96</v>
      </c>
      <c r="BP14" s="259">
        <v>96</v>
      </c>
      <c r="BQ14" s="253">
        <v>5</v>
      </c>
      <c r="BR14" s="257">
        <v>4</v>
      </c>
      <c r="BS14" s="254">
        <v>9</v>
      </c>
      <c r="BT14" s="256">
        <v>0</v>
      </c>
      <c r="BU14" s="257">
        <v>20</v>
      </c>
      <c r="BV14" s="257">
        <v>10</v>
      </c>
      <c r="BW14" s="257">
        <v>6</v>
      </c>
      <c r="BX14" s="257">
        <v>10</v>
      </c>
      <c r="BY14" s="257">
        <v>1</v>
      </c>
      <c r="BZ14" s="254">
        <v>47</v>
      </c>
      <c r="CA14" s="259">
        <v>56</v>
      </c>
      <c r="CB14" s="253">
        <v>0</v>
      </c>
      <c r="CC14" s="257">
        <v>0</v>
      </c>
      <c r="CD14" s="254">
        <v>0</v>
      </c>
      <c r="CE14" s="256">
        <v>0</v>
      </c>
      <c r="CF14" s="257">
        <v>7</v>
      </c>
      <c r="CG14" s="257">
        <v>6</v>
      </c>
      <c r="CH14" s="257">
        <v>1</v>
      </c>
      <c r="CI14" s="257">
        <v>4</v>
      </c>
      <c r="CJ14" s="257">
        <v>3</v>
      </c>
      <c r="CK14" s="254">
        <v>21</v>
      </c>
      <c r="CL14" s="259">
        <v>21</v>
      </c>
      <c r="CM14" s="253">
        <v>0</v>
      </c>
      <c r="CN14" s="257">
        <v>0</v>
      </c>
      <c r="CO14" s="254">
        <v>0</v>
      </c>
      <c r="CP14" s="256">
        <v>0</v>
      </c>
      <c r="CQ14" s="257">
        <v>2</v>
      </c>
      <c r="CR14" s="257">
        <v>1</v>
      </c>
      <c r="CS14" s="257">
        <v>0</v>
      </c>
      <c r="CT14" s="257">
        <v>1</v>
      </c>
      <c r="CU14" s="257">
        <v>1</v>
      </c>
      <c r="CV14" s="254">
        <v>5</v>
      </c>
      <c r="CW14" s="259">
        <v>5</v>
      </c>
      <c r="CX14" s="253">
        <v>0</v>
      </c>
      <c r="CY14" s="257">
        <v>0</v>
      </c>
      <c r="CZ14" s="254">
        <v>0</v>
      </c>
      <c r="DA14" s="256">
        <v>0</v>
      </c>
      <c r="DB14" s="257">
        <v>0</v>
      </c>
      <c r="DC14" s="257">
        <v>0</v>
      </c>
      <c r="DD14" s="257">
        <v>0</v>
      </c>
      <c r="DE14" s="257">
        <v>0</v>
      </c>
      <c r="DF14" s="257">
        <v>0</v>
      </c>
      <c r="DG14" s="254">
        <v>0</v>
      </c>
      <c r="DH14" s="259">
        <v>0</v>
      </c>
      <c r="DI14" s="253">
        <v>0</v>
      </c>
      <c r="DJ14" s="257">
        <v>0</v>
      </c>
      <c r="DK14" s="254">
        <v>0</v>
      </c>
      <c r="DL14" s="256">
        <v>0</v>
      </c>
      <c r="DM14" s="257">
        <v>0</v>
      </c>
      <c r="DN14" s="257">
        <v>0</v>
      </c>
      <c r="DO14" s="257">
        <v>0</v>
      </c>
      <c r="DP14" s="257">
        <v>0</v>
      </c>
      <c r="DQ14" s="257">
        <v>0</v>
      </c>
      <c r="DR14" s="254">
        <v>0</v>
      </c>
      <c r="DS14" s="259">
        <v>0</v>
      </c>
      <c r="DT14" s="253">
        <v>11</v>
      </c>
      <c r="DU14" s="257">
        <v>27</v>
      </c>
      <c r="DV14" s="254">
        <v>38</v>
      </c>
      <c r="DW14" s="256">
        <v>0</v>
      </c>
      <c r="DX14" s="257">
        <v>53</v>
      </c>
      <c r="DY14" s="257">
        <v>46</v>
      </c>
      <c r="DZ14" s="257">
        <v>26</v>
      </c>
      <c r="EA14" s="257">
        <v>35</v>
      </c>
      <c r="EB14" s="257">
        <v>11</v>
      </c>
      <c r="EC14" s="254">
        <v>171</v>
      </c>
      <c r="ED14" s="259">
        <v>209</v>
      </c>
      <c r="EE14" s="253">
        <v>6</v>
      </c>
      <c r="EF14" s="257">
        <v>2</v>
      </c>
      <c r="EG14" s="254">
        <v>8</v>
      </c>
      <c r="EH14" s="256">
        <v>0</v>
      </c>
      <c r="EI14" s="257">
        <v>14</v>
      </c>
      <c r="EJ14" s="257">
        <v>12</v>
      </c>
      <c r="EK14" s="257">
        <v>5</v>
      </c>
      <c r="EL14" s="257">
        <v>18</v>
      </c>
      <c r="EM14" s="257">
        <v>3</v>
      </c>
      <c r="EN14" s="254">
        <v>52</v>
      </c>
      <c r="EO14" s="259">
        <v>60</v>
      </c>
      <c r="EP14" s="253">
        <v>22</v>
      </c>
      <c r="EQ14" s="257">
        <v>34</v>
      </c>
      <c r="ER14" s="254">
        <v>56</v>
      </c>
      <c r="ES14" s="256">
        <v>0</v>
      </c>
      <c r="ET14" s="257">
        <v>102</v>
      </c>
      <c r="EU14" s="257">
        <v>63</v>
      </c>
      <c r="EV14" s="257">
        <v>32</v>
      </c>
      <c r="EW14" s="257">
        <v>35</v>
      </c>
      <c r="EX14" s="257">
        <v>14</v>
      </c>
      <c r="EY14" s="254">
        <v>246</v>
      </c>
      <c r="EZ14" s="259">
        <v>302</v>
      </c>
    </row>
    <row r="15" spans="2:156" ht="21" customHeight="1" x14ac:dyDescent="0.2">
      <c r="B15" s="437" t="s">
        <v>12</v>
      </c>
      <c r="C15" s="253">
        <v>0</v>
      </c>
      <c r="D15" s="257">
        <v>0</v>
      </c>
      <c r="E15" s="340">
        <v>0</v>
      </c>
      <c r="F15" s="256">
        <v>0</v>
      </c>
      <c r="G15" s="257">
        <v>38</v>
      </c>
      <c r="H15" s="257">
        <v>34</v>
      </c>
      <c r="I15" s="257">
        <v>19</v>
      </c>
      <c r="J15" s="257">
        <v>28</v>
      </c>
      <c r="K15" s="257">
        <v>9</v>
      </c>
      <c r="L15" s="258">
        <v>128</v>
      </c>
      <c r="M15" s="259">
        <v>128</v>
      </c>
      <c r="N15" s="253">
        <v>0</v>
      </c>
      <c r="O15" s="257">
        <v>0</v>
      </c>
      <c r="P15" s="254">
        <v>0</v>
      </c>
      <c r="Q15" s="256">
        <v>0</v>
      </c>
      <c r="R15" s="257">
        <v>0</v>
      </c>
      <c r="S15" s="257">
        <v>0</v>
      </c>
      <c r="T15" s="257">
        <v>1</v>
      </c>
      <c r="U15" s="257">
        <v>7</v>
      </c>
      <c r="V15" s="257">
        <v>7</v>
      </c>
      <c r="W15" s="254">
        <v>15</v>
      </c>
      <c r="X15" s="259">
        <v>15</v>
      </c>
      <c r="Y15" s="253">
        <v>13</v>
      </c>
      <c r="Z15" s="257">
        <v>21</v>
      </c>
      <c r="AA15" s="254">
        <v>34</v>
      </c>
      <c r="AB15" s="256">
        <v>0</v>
      </c>
      <c r="AC15" s="257">
        <v>24</v>
      </c>
      <c r="AD15" s="257">
        <v>37</v>
      </c>
      <c r="AE15" s="257">
        <v>13</v>
      </c>
      <c r="AF15" s="257">
        <v>19</v>
      </c>
      <c r="AG15" s="257">
        <v>9</v>
      </c>
      <c r="AH15" s="254">
        <v>102</v>
      </c>
      <c r="AI15" s="259">
        <v>136</v>
      </c>
      <c r="AJ15" s="253">
        <v>0</v>
      </c>
      <c r="AK15" s="257">
        <v>2</v>
      </c>
      <c r="AL15" s="254">
        <v>2</v>
      </c>
      <c r="AM15" s="256">
        <v>0</v>
      </c>
      <c r="AN15" s="257">
        <v>1</v>
      </c>
      <c r="AO15" s="257">
        <v>3</v>
      </c>
      <c r="AP15" s="257">
        <v>0</v>
      </c>
      <c r="AQ15" s="257">
        <v>4</v>
      </c>
      <c r="AR15" s="257">
        <v>0</v>
      </c>
      <c r="AS15" s="254">
        <v>8</v>
      </c>
      <c r="AT15" s="259">
        <v>10</v>
      </c>
      <c r="AU15" s="253">
        <v>6</v>
      </c>
      <c r="AV15" s="257">
        <v>9</v>
      </c>
      <c r="AW15" s="254">
        <v>15</v>
      </c>
      <c r="AX15" s="256">
        <v>0</v>
      </c>
      <c r="AY15" s="257">
        <v>18</v>
      </c>
      <c r="AZ15" s="257">
        <v>40</v>
      </c>
      <c r="BA15" s="257">
        <v>28</v>
      </c>
      <c r="BB15" s="257">
        <v>45</v>
      </c>
      <c r="BC15" s="257">
        <v>15</v>
      </c>
      <c r="BD15" s="258">
        <v>146</v>
      </c>
      <c r="BE15" s="259">
        <v>161</v>
      </c>
      <c r="BF15" s="253">
        <v>0</v>
      </c>
      <c r="BG15" s="257">
        <v>0</v>
      </c>
      <c r="BH15" s="254">
        <v>0</v>
      </c>
      <c r="BI15" s="256">
        <v>0</v>
      </c>
      <c r="BJ15" s="257">
        <v>57</v>
      </c>
      <c r="BK15" s="257">
        <v>30</v>
      </c>
      <c r="BL15" s="257">
        <v>20</v>
      </c>
      <c r="BM15" s="257">
        <v>20</v>
      </c>
      <c r="BN15" s="257">
        <v>2</v>
      </c>
      <c r="BO15" s="254">
        <v>129</v>
      </c>
      <c r="BP15" s="259">
        <v>129</v>
      </c>
      <c r="BQ15" s="253">
        <v>5</v>
      </c>
      <c r="BR15" s="257">
        <v>12</v>
      </c>
      <c r="BS15" s="254">
        <v>17</v>
      </c>
      <c r="BT15" s="256">
        <v>0</v>
      </c>
      <c r="BU15" s="257">
        <v>9</v>
      </c>
      <c r="BV15" s="257">
        <v>14</v>
      </c>
      <c r="BW15" s="257">
        <v>8</v>
      </c>
      <c r="BX15" s="257">
        <v>8</v>
      </c>
      <c r="BY15" s="257">
        <v>0</v>
      </c>
      <c r="BZ15" s="254">
        <v>39</v>
      </c>
      <c r="CA15" s="259">
        <v>56</v>
      </c>
      <c r="CB15" s="253">
        <v>0</v>
      </c>
      <c r="CC15" s="257">
        <v>1</v>
      </c>
      <c r="CD15" s="254">
        <v>1</v>
      </c>
      <c r="CE15" s="256">
        <v>0</v>
      </c>
      <c r="CF15" s="257">
        <v>5</v>
      </c>
      <c r="CG15" s="257">
        <v>10</v>
      </c>
      <c r="CH15" s="257">
        <v>7</v>
      </c>
      <c r="CI15" s="257">
        <v>12</v>
      </c>
      <c r="CJ15" s="257">
        <v>2</v>
      </c>
      <c r="CK15" s="254">
        <v>36</v>
      </c>
      <c r="CL15" s="259">
        <v>37</v>
      </c>
      <c r="CM15" s="253">
        <v>0</v>
      </c>
      <c r="CN15" s="257">
        <v>0</v>
      </c>
      <c r="CO15" s="254">
        <v>0</v>
      </c>
      <c r="CP15" s="256">
        <v>0</v>
      </c>
      <c r="CQ15" s="257">
        <v>0</v>
      </c>
      <c r="CR15" s="257">
        <v>0</v>
      </c>
      <c r="CS15" s="257">
        <v>0</v>
      </c>
      <c r="CT15" s="257">
        <v>1</v>
      </c>
      <c r="CU15" s="257">
        <v>0</v>
      </c>
      <c r="CV15" s="254">
        <v>1</v>
      </c>
      <c r="CW15" s="259">
        <v>1</v>
      </c>
      <c r="CX15" s="253">
        <v>0</v>
      </c>
      <c r="CY15" s="257">
        <v>0</v>
      </c>
      <c r="CZ15" s="254">
        <v>0</v>
      </c>
      <c r="DA15" s="256">
        <v>0</v>
      </c>
      <c r="DB15" s="257">
        <v>0</v>
      </c>
      <c r="DC15" s="257">
        <v>0</v>
      </c>
      <c r="DD15" s="257">
        <v>0</v>
      </c>
      <c r="DE15" s="257">
        <v>0</v>
      </c>
      <c r="DF15" s="257">
        <v>0</v>
      </c>
      <c r="DG15" s="254">
        <v>0</v>
      </c>
      <c r="DH15" s="259">
        <v>0</v>
      </c>
      <c r="DI15" s="253">
        <v>0</v>
      </c>
      <c r="DJ15" s="257">
        <v>0</v>
      </c>
      <c r="DK15" s="254">
        <v>0</v>
      </c>
      <c r="DL15" s="256">
        <v>0</v>
      </c>
      <c r="DM15" s="257">
        <v>0</v>
      </c>
      <c r="DN15" s="257">
        <v>0</v>
      </c>
      <c r="DO15" s="257">
        <v>0</v>
      </c>
      <c r="DP15" s="257">
        <v>0</v>
      </c>
      <c r="DQ15" s="257">
        <v>0</v>
      </c>
      <c r="DR15" s="254">
        <v>0</v>
      </c>
      <c r="DS15" s="259">
        <v>0</v>
      </c>
      <c r="DT15" s="253">
        <v>27</v>
      </c>
      <c r="DU15" s="257">
        <v>50</v>
      </c>
      <c r="DV15" s="254">
        <v>77</v>
      </c>
      <c r="DW15" s="256">
        <v>0</v>
      </c>
      <c r="DX15" s="257">
        <v>37</v>
      </c>
      <c r="DY15" s="257">
        <v>86</v>
      </c>
      <c r="DZ15" s="257">
        <v>42</v>
      </c>
      <c r="EA15" s="257">
        <v>52</v>
      </c>
      <c r="EB15" s="257">
        <v>17</v>
      </c>
      <c r="EC15" s="254">
        <v>234</v>
      </c>
      <c r="ED15" s="259">
        <v>311</v>
      </c>
      <c r="EE15" s="253">
        <v>4</v>
      </c>
      <c r="EF15" s="257">
        <v>3</v>
      </c>
      <c r="EG15" s="254">
        <v>7</v>
      </c>
      <c r="EH15" s="256">
        <v>0</v>
      </c>
      <c r="EI15" s="257">
        <v>9</v>
      </c>
      <c r="EJ15" s="257">
        <v>14</v>
      </c>
      <c r="EK15" s="257">
        <v>11</v>
      </c>
      <c r="EL15" s="257">
        <v>15</v>
      </c>
      <c r="EM15" s="257">
        <v>4</v>
      </c>
      <c r="EN15" s="254">
        <v>53</v>
      </c>
      <c r="EO15" s="259">
        <v>60</v>
      </c>
      <c r="EP15" s="253">
        <v>42</v>
      </c>
      <c r="EQ15" s="257">
        <v>73</v>
      </c>
      <c r="ER15" s="254">
        <v>115</v>
      </c>
      <c r="ES15" s="256">
        <v>0</v>
      </c>
      <c r="ET15" s="257">
        <v>124</v>
      </c>
      <c r="EU15" s="257">
        <v>102</v>
      </c>
      <c r="EV15" s="257">
        <v>50</v>
      </c>
      <c r="EW15" s="257">
        <v>53</v>
      </c>
      <c r="EX15" s="257">
        <v>15</v>
      </c>
      <c r="EY15" s="254">
        <v>344</v>
      </c>
      <c r="EZ15" s="259">
        <v>459</v>
      </c>
    </row>
    <row r="16" spans="2:156" ht="21" customHeight="1" x14ac:dyDescent="0.2">
      <c r="B16" s="437" t="s">
        <v>13</v>
      </c>
      <c r="C16" s="253">
        <v>0</v>
      </c>
      <c r="D16" s="257">
        <v>0</v>
      </c>
      <c r="E16" s="340">
        <v>0</v>
      </c>
      <c r="F16" s="256">
        <v>0</v>
      </c>
      <c r="G16" s="257">
        <v>18</v>
      </c>
      <c r="H16" s="257">
        <v>18</v>
      </c>
      <c r="I16" s="257">
        <v>8</v>
      </c>
      <c r="J16" s="257">
        <v>12</v>
      </c>
      <c r="K16" s="257">
        <v>8</v>
      </c>
      <c r="L16" s="258">
        <v>64</v>
      </c>
      <c r="M16" s="259">
        <v>64</v>
      </c>
      <c r="N16" s="253">
        <v>0</v>
      </c>
      <c r="O16" s="257">
        <v>0</v>
      </c>
      <c r="P16" s="254">
        <v>0</v>
      </c>
      <c r="Q16" s="256">
        <v>0</v>
      </c>
      <c r="R16" s="257">
        <v>0</v>
      </c>
      <c r="S16" s="257">
        <v>0</v>
      </c>
      <c r="T16" s="257">
        <v>0</v>
      </c>
      <c r="U16" s="257">
        <v>2</v>
      </c>
      <c r="V16" s="257">
        <v>4</v>
      </c>
      <c r="W16" s="254">
        <v>6</v>
      </c>
      <c r="X16" s="259">
        <v>6</v>
      </c>
      <c r="Y16" s="253">
        <v>0</v>
      </c>
      <c r="Z16" s="257">
        <v>1</v>
      </c>
      <c r="AA16" s="254">
        <v>1</v>
      </c>
      <c r="AB16" s="256">
        <v>0</v>
      </c>
      <c r="AC16" s="257">
        <v>7</v>
      </c>
      <c r="AD16" s="257">
        <v>23</v>
      </c>
      <c r="AE16" s="257">
        <v>10</v>
      </c>
      <c r="AF16" s="257">
        <v>5</v>
      </c>
      <c r="AG16" s="257">
        <v>10</v>
      </c>
      <c r="AH16" s="254">
        <v>55</v>
      </c>
      <c r="AI16" s="259">
        <v>56</v>
      </c>
      <c r="AJ16" s="253">
        <v>1</v>
      </c>
      <c r="AK16" s="257">
        <v>0</v>
      </c>
      <c r="AL16" s="254">
        <v>1</v>
      </c>
      <c r="AM16" s="256">
        <v>0</v>
      </c>
      <c r="AN16" s="257">
        <v>2</v>
      </c>
      <c r="AO16" s="257">
        <v>1</v>
      </c>
      <c r="AP16" s="257">
        <v>1</v>
      </c>
      <c r="AQ16" s="257">
        <v>2</v>
      </c>
      <c r="AR16" s="257">
        <v>1</v>
      </c>
      <c r="AS16" s="254">
        <v>7</v>
      </c>
      <c r="AT16" s="259">
        <v>8</v>
      </c>
      <c r="AU16" s="253">
        <v>1</v>
      </c>
      <c r="AV16" s="257">
        <v>0</v>
      </c>
      <c r="AW16" s="254">
        <v>1</v>
      </c>
      <c r="AX16" s="256">
        <v>0</v>
      </c>
      <c r="AY16" s="257">
        <v>16</v>
      </c>
      <c r="AZ16" s="257">
        <v>24</v>
      </c>
      <c r="BA16" s="257">
        <v>15</v>
      </c>
      <c r="BB16" s="257">
        <v>17</v>
      </c>
      <c r="BC16" s="257">
        <v>14</v>
      </c>
      <c r="BD16" s="258">
        <v>86</v>
      </c>
      <c r="BE16" s="259">
        <v>87</v>
      </c>
      <c r="BF16" s="253">
        <v>0</v>
      </c>
      <c r="BG16" s="257">
        <v>0</v>
      </c>
      <c r="BH16" s="254">
        <v>0</v>
      </c>
      <c r="BI16" s="256">
        <v>0</v>
      </c>
      <c r="BJ16" s="257">
        <v>15</v>
      </c>
      <c r="BK16" s="257">
        <v>15</v>
      </c>
      <c r="BL16" s="257">
        <v>12</v>
      </c>
      <c r="BM16" s="257">
        <v>4</v>
      </c>
      <c r="BN16" s="257">
        <v>1</v>
      </c>
      <c r="BO16" s="254">
        <v>47</v>
      </c>
      <c r="BP16" s="259">
        <v>47</v>
      </c>
      <c r="BQ16" s="253">
        <v>0</v>
      </c>
      <c r="BR16" s="257">
        <v>1</v>
      </c>
      <c r="BS16" s="254">
        <v>1</v>
      </c>
      <c r="BT16" s="256">
        <v>0</v>
      </c>
      <c r="BU16" s="257">
        <v>5</v>
      </c>
      <c r="BV16" s="257">
        <v>2</v>
      </c>
      <c r="BW16" s="257">
        <v>3</v>
      </c>
      <c r="BX16" s="257">
        <v>1</v>
      </c>
      <c r="BY16" s="257">
        <v>3</v>
      </c>
      <c r="BZ16" s="254">
        <v>14</v>
      </c>
      <c r="CA16" s="259">
        <v>15</v>
      </c>
      <c r="CB16" s="253">
        <v>0</v>
      </c>
      <c r="CC16" s="257">
        <v>0</v>
      </c>
      <c r="CD16" s="254">
        <v>0</v>
      </c>
      <c r="CE16" s="256">
        <v>0</v>
      </c>
      <c r="CF16" s="257">
        <v>1</v>
      </c>
      <c r="CG16" s="257">
        <v>2</v>
      </c>
      <c r="CH16" s="257">
        <v>3</v>
      </c>
      <c r="CI16" s="257">
        <v>3</v>
      </c>
      <c r="CJ16" s="257">
        <v>2</v>
      </c>
      <c r="CK16" s="254">
        <v>11</v>
      </c>
      <c r="CL16" s="259">
        <v>11</v>
      </c>
      <c r="CM16" s="253">
        <v>0</v>
      </c>
      <c r="CN16" s="257">
        <v>0</v>
      </c>
      <c r="CO16" s="254">
        <v>0</v>
      </c>
      <c r="CP16" s="256">
        <v>0</v>
      </c>
      <c r="CQ16" s="257">
        <v>0</v>
      </c>
      <c r="CR16" s="257">
        <v>0</v>
      </c>
      <c r="CS16" s="257">
        <v>0</v>
      </c>
      <c r="CT16" s="257">
        <v>0</v>
      </c>
      <c r="CU16" s="257">
        <v>0</v>
      </c>
      <c r="CV16" s="254">
        <v>0</v>
      </c>
      <c r="CW16" s="259">
        <v>0</v>
      </c>
      <c r="CX16" s="253">
        <v>0</v>
      </c>
      <c r="CY16" s="257">
        <v>0</v>
      </c>
      <c r="CZ16" s="254">
        <v>0</v>
      </c>
      <c r="DA16" s="256">
        <v>0</v>
      </c>
      <c r="DB16" s="257">
        <v>0</v>
      </c>
      <c r="DC16" s="257">
        <v>0</v>
      </c>
      <c r="DD16" s="257">
        <v>0</v>
      </c>
      <c r="DE16" s="257">
        <v>0</v>
      </c>
      <c r="DF16" s="257">
        <v>0</v>
      </c>
      <c r="DG16" s="254">
        <v>0</v>
      </c>
      <c r="DH16" s="259">
        <v>0</v>
      </c>
      <c r="DI16" s="253">
        <v>0</v>
      </c>
      <c r="DJ16" s="257">
        <v>0</v>
      </c>
      <c r="DK16" s="254">
        <v>0</v>
      </c>
      <c r="DL16" s="256">
        <v>0</v>
      </c>
      <c r="DM16" s="257">
        <v>0</v>
      </c>
      <c r="DN16" s="257">
        <v>0</v>
      </c>
      <c r="DO16" s="257">
        <v>0</v>
      </c>
      <c r="DP16" s="257">
        <v>0</v>
      </c>
      <c r="DQ16" s="257">
        <v>0</v>
      </c>
      <c r="DR16" s="254">
        <v>0</v>
      </c>
      <c r="DS16" s="259">
        <v>0</v>
      </c>
      <c r="DT16" s="253">
        <v>0</v>
      </c>
      <c r="DU16" s="257">
        <v>8</v>
      </c>
      <c r="DV16" s="254">
        <v>8</v>
      </c>
      <c r="DW16" s="256">
        <v>0</v>
      </c>
      <c r="DX16" s="257">
        <v>16</v>
      </c>
      <c r="DY16" s="257">
        <v>30</v>
      </c>
      <c r="DZ16" s="257">
        <v>11</v>
      </c>
      <c r="EA16" s="257">
        <v>16</v>
      </c>
      <c r="EB16" s="257">
        <v>9</v>
      </c>
      <c r="EC16" s="254">
        <v>82</v>
      </c>
      <c r="ED16" s="259">
        <v>90</v>
      </c>
      <c r="EE16" s="253">
        <v>1</v>
      </c>
      <c r="EF16" s="257">
        <v>0</v>
      </c>
      <c r="EG16" s="254">
        <v>1</v>
      </c>
      <c r="EH16" s="256">
        <v>0</v>
      </c>
      <c r="EI16" s="257">
        <v>8</v>
      </c>
      <c r="EJ16" s="257">
        <v>7</v>
      </c>
      <c r="EK16" s="257">
        <v>10</v>
      </c>
      <c r="EL16" s="257">
        <v>8</v>
      </c>
      <c r="EM16" s="257">
        <v>2</v>
      </c>
      <c r="EN16" s="254">
        <v>35</v>
      </c>
      <c r="EO16" s="259">
        <v>36</v>
      </c>
      <c r="EP16" s="253">
        <v>2</v>
      </c>
      <c r="EQ16" s="257">
        <v>10</v>
      </c>
      <c r="ER16" s="254">
        <v>12</v>
      </c>
      <c r="ES16" s="256">
        <v>0</v>
      </c>
      <c r="ET16" s="257">
        <v>52</v>
      </c>
      <c r="EU16" s="257">
        <v>56</v>
      </c>
      <c r="EV16" s="257">
        <v>31</v>
      </c>
      <c r="EW16" s="257">
        <v>24</v>
      </c>
      <c r="EX16" s="257">
        <v>12</v>
      </c>
      <c r="EY16" s="254">
        <v>175</v>
      </c>
      <c r="EZ16" s="259">
        <v>187</v>
      </c>
    </row>
    <row r="17" spans="2:156" ht="21" customHeight="1" x14ac:dyDescent="0.2">
      <c r="B17" s="437" t="s">
        <v>15</v>
      </c>
      <c r="C17" s="253">
        <v>0</v>
      </c>
      <c r="D17" s="257">
        <v>0</v>
      </c>
      <c r="E17" s="340">
        <v>0</v>
      </c>
      <c r="F17" s="256">
        <v>0</v>
      </c>
      <c r="G17" s="257">
        <v>4</v>
      </c>
      <c r="H17" s="257">
        <v>5</v>
      </c>
      <c r="I17" s="257">
        <v>3</v>
      </c>
      <c r="J17" s="257">
        <v>5</v>
      </c>
      <c r="K17" s="257">
        <v>1</v>
      </c>
      <c r="L17" s="258">
        <v>18</v>
      </c>
      <c r="M17" s="259">
        <v>18</v>
      </c>
      <c r="N17" s="253">
        <v>0</v>
      </c>
      <c r="O17" s="257">
        <v>0</v>
      </c>
      <c r="P17" s="254">
        <v>0</v>
      </c>
      <c r="Q17" s="256">
        <v>0</v>
      </c>
      <c r="R17" s="257">
        <v>0</v>
      </c>
      <c r="S17" s="257">
        <v>1</v>
      </c>
      <c r="T17" s="257">
        <v>0</v>
      </c>
      <c r="U17" s="257">
        <v>1</v>
      </c>
      <c r="V17" s="257">
        <v>0</v>
      </c>
      <c r="W17" s="254">
        <v>2</v>
      </c>
      <c r="X17" s="259">
        <v>2</v>
      </c>
      <c r="Y17" s="253">
        <v>0</v>
      </c>
      <c r="Z17" s="257">
        <v>1</v>
      </c>
      <c r="AA17" s="254">
        <v>1</v>
      </c>
      <c r="AB17" s="256">
        <v>0</v>
      </c>
      <c r="AC17" s="257">
        <v>6</v>
      </c>
      <c r="AD17" s="257">
        <v>4</v>
      </c>
      <c r="AE17" s="257">
        <v>5</v>
      </c>
      <c r="AF17" s="257">
        <v>3</v>
      </c>
      <c r="AG17" s="257">
        <v>0</v>
      </c>
      <c r="AH17" s="254">
        <v>18</v>
      </c>
      <c r="AI17" s="259">
        <v>19</v>
      </c>
      <c r="AJ17" s="253">
        <v>0</v>
      </c>
      <c r="AK17" s="257">
        <v>0</v>
      </c>
      <c r="AL17" s="254">
        <v>0</v>
      </c>
      <c r="AM17" s="256">
        <v>0</v>
      </c>
      <c r="AN17" s="257">
        <v>2</v>
      </c>
      <c r="AO17" s="257">
        <v>2</v>
      </c>
      <c r="AP17" s="257">
        <v>0</v>
      </c>
      <c r="AQ17" s="257">
        <v>0</v>
      </c>
      <c r="AR17" s="257">
        <v>0</v>
      </c>
      <c r="AS17" s="254">
        <v>4</v>
      </c>
      <c r="AT17" s="259">
        <v>4</v>
      </c>
      <c r="AU17" s="253">
        <v>0</v>
      </c>
      <c r="AV17" s="257">
        <v>1</v>
      </c>
      <c r="AW17" s="254">
        <v>1</v>
      </c>
      <c r="AX17" s="256">
        <v>0</v>
      </c>
      <c r="AY17" s="257">
        <v>11</v>
      </c>
      <c r="AZ17" s="257">
        <v>7</v>
      </c>
      <c r="BA17" s="257">
        <v>8</v>
      </c>
      <c r="BB17" s="257">
        <v>5</v>
      </c>
      <c r="BC17" s="257">
        <v>3</v>
      </c>
      <c r="BD17" s="258">
        <v>34</v>
      </c>
      <c r="BE17" s="259">
        <v>35</v>
      </c>
      <c r="BF17" s="253">
        <v>0</v>
      </c>
      <c r="BG17" s="257">
        <v>0</v>
      </c>
      <c r="BH17" s="254">
        <v>0</v>
      </c>
      <c r="BI17" s="256">
        <v>0</v>
      </c>
      <c r="BJ17" s="257">
        <v>3</v>
      </c>
      <c r="BK17" s="257">
        <v>4</v>
      </c>
      <c r="BL17" s="257">
        <v>3</v>
      </c>
      <c r="BM17" s="257">
        <v>2</v>
      </c>
      <c r="BN17" s="257">
        <v>0</v>
      </c>
      <c r="BO17" s="254">
        <v>12</v>
      </c>
      <c r="BP17" s="259">
        <v>12</v>
      </c>
      <c r="BQ17" s="253">
        <v>1</v>
      </c>
      <c r="BR17" s="257">
        <v>0</v>
      </c>
      <c r="BS17" s="254">
        <v>1</v>
      </c>
      <c r="BT17" s="256">
        <v>0</v>
      </c>
      <c r="BU17" s="257">
        <v>1</v>
      </c>
      <c r="BV17" s="257">
        <v>1</v>
      </c>
      <c r="BW17" s="257">
        <v>2</v>
      </c>
      <c r="BX17" s="257">
        <v>0</v>
      </c>
      <c r="BY17" s="257">
        <v>0</v>
      </c>
      <c r="BZ17" s="254">
        <v>4</v>
      </c>
      <c r="CA17" s="259">
        <v>5</v>
      </c>
      <c r="CB17" s="253">
        <v>0</v>
      </c>
      <c r="CC17" s="257">
        <v>0</v>
      </c>
      <c r="CD17" s="254">
        <v>0</v>
      </c>
      <c r="CE17" s="256">
        <v>0</v>
      </c>
      <c r="CF17" s="257">
        <v>1</v>
      </c>
      <c r="CG17" s="257">
        <v>1</v>
      </c>
      <c r="CH17" s="257">
        <v>0</v>
      </c>
      <c r="CI17" s="257">
        <v>3</v>
      </c>
      <c r="CJ17" s="257">
        <v>0</v>
      </c>
      <c r="CK17" s="254">
        <v>5</v>
      </c>
      <c r="CL17" s="259">
        <v>5</v>
      </c>
      <c r="CM17" s="253">
        <v>0</v>
      </c>
      <c r="CN17" s="257">
        <v>0</v>
      </c>
      <c r="CO17" s="254">
        <v>0</v>
      </c>
      <c r="CP17" s="256">
        <v>0</v>
      </c>
      <c r="CQ17" s="257">
        <v>0</v>
      </c>
      <c r="CR17" s="257">
        <v>0</v>
      </c>
      <c r="CS17" s="257">
        <v>0</v>
      </c>
      <c r="CT17" s="257">
        <v>0</v>
      </c>
      <c r="CU17" s="257">
        <v>0</v>
      </c>
      <c r="CV17" s="254">
        <v>0</v>
      </c>
      <c r="CW17" s="259">
        <v>0</v>
      </c>
      <c r="CX17" s="253">
        <v>0</v>
      </c>
      <c r="CY17" s="257">
        <v>0</v>
      </c>
      <c r="CZ17" s="254">
        <v>0</v>
      </c>
      <c r="DA17" s="256">
        <v>0</v>
      </c>
      <c r="DB17" s="257">
        <v>0</v>
      </c>
      <c r="DC17" s="257">
        <v>0</v>
      </c>
      <c r="DD17" s="257">
        <v>0</v>
      </c>
      <c r="DE17" s="257">
        <v>0</v>
      </c>
      <c r="DF17" s="257">
        <v>0</v>
      </c>
      <c r="DG17" s="254">
        <v>0</v>
      </c>
      <c r="DH17" s="259">
        <v>0</v>
      </c>
      <c r="DI17" s="253">
        <v>0</v>
      </c>
      <c r="DJ17" s="257">
        <v>0</v>
      </c>
      <c r="DK17" s="254">
        <v>0</v>
      </c>
      <c r="DL17" s="256">
        <v>0</v>
      </c>
      <c r="DM17" s="257">
        <v>0</v>
      </c>
      <c r="DN17" s="257">
        <v>0</v>
      </c>
      <c r="DO17" s="257">
        <v>0</v>
      </c>
      <c r="DP17" s="257">
        <v>0</v>
      </c>
      <c r="DQ17" s="257">
        <v>0</v>
      </c>
      <c r="DR17" s="254">
        <v>0</v>
      </c>
      <c r="DS17" s="259">
        <v>0</v>
      </c>
      <c r="DT17" s="253">
        <v>3</v>
      </c>
      <c r="DU17" s="257">
        <v>4</v>
      </c>
      <c r="DV17" s="254">
        <v>7</v>
      </c>
      <c r="DW17" s="256">
        <v>0</v>
      </c>
      <c r="DX17" s="257">
        <v>5</v>
      </c>
      <c r="DY17" s="257">
        <v>12</v>
      </c>
      <c r="DZ17" s="257">
        <v>12</v>
      </c>
      <c r="EA17" s="257">
        <v>7</v>
      </c>
      <c r="EB17" s="257">
        <v>3</v>
      </c>
      <c r="EC17" s="254">
        <v>39</v>
      </c>
      <c r="ED17" s="259">
        <v>46</v>
      </c>
      <c r="EE17" s="253">
        <v>2</v>
      </c>
      <c r="EF17" s="257">
        <v>2</v>
      </c>
      <c r="EG17" s="254">
        <v>4</v>
      </c>
      <c r="EH17" s="256">
        <v>0</v>
      </c>
      <c r="EI17" s="257">
        <v>9</v>
      </c>
      <c r="EJ17" s="257">
        <v>1</v>
      </c>
      <c r="EK17" s="257">
        <v>6</v>
      </c>
      <c r="EL17" s="257">
        <v>1</v>
      </c>
      <c r="EM17" s="257">
        <v>1</v>
      </c>
      <c r="EN17" s="254">
        <v>18</v>
      </c>
      <c r="EO17" s="259">
        <v>22</v>
      </c>
      <c r="EP17" s="253">
        <v>4</v>
      </c>
      <c r="EQ17" s="257">
        <v>5</v>
      </c>
      <c r="ER17" s="254">
        <v>9</v>
      </c>
      <c r="ES17" s="256">
        <v>0</v>
      </c>
      <c r="ET17" s="257">
        <v>23</v>
      </c>
      <c r="EU17" s="257">
        <v>19</v>
      </c>
      <c r="EV17" s="257">
        <v>12</v>
      </c>
      <c r="EW17" s="257">
        <v>8</v>
      </c>
      <c r="EX17" s="257">
        <v>2</v>
      </c>
      <c r="EY17" s="254">
        <v>64</v>
      </c>
      <c r="EZ17" s="259">
        <v>73</v>
      </c>
    </row>
    <row r="18" spans="2:156" ht="21" customHeight="1" x14ac:dyDescent="0.2">
      <c r="B18" s="437" t="s">
        <v>16</v>
      </c>
      <c r="C18" s="253">
        <v>0</v>
      </c>
      <c r="D18" s="257">
        <v>0</v>
      </c>
      <c r="E18" s="340">
        <v>0</v>
      </c>
      <c r="F18" s="256">
        <v>0</v>
      </c>
      <c r="G18" s="257">
        <v>13</v>
      </c>
      <c r="H18" s="257">
        <v>10</v>
      </c>
      <c r="I18" s="257">
        <v>5</v>
      </c>
      <c r="J18" s="257">
        <v>4</v>
      </c>
      <c r="K18" s="257">
        <v>2</v>
      </c>
      <c r="L18" s="258">
        <v>34</v>
      </c>
      <c r="M18" s="259">
        <v>34</v>
      </c>
      <c r="N18" s="253">
        <v>0</v>
      </c>
      <c r="O18" s="257">
        <v>0</v>
      </c>
      <c r="P18" s="254">
        <v>0</v>
      </c>
      <c r="Q18" s="256">
        <v>0</v>
      </c>
      <c r="R18" s="257">
        <v>0</v>
      </c>
      <c r="S18" s="257">
        <v>0</v>
      </c>
      <c r="T18" s="257">
        <v>1</v>
      </c>
      <c r="U18" s="257">
        <v>1</v>
      </c>
      <c r="V18" s="257">
        <v>2</v>
      </c>
      <c r="W18" s="254">
        <v>4</v>
      </c>
      <c r="X18" s="259">
        <v>4</v>
      </c>
      <c r="Y18" s="253">
        <v>3</v>
      </c>
      <c r="Z18" s="257">
        <v>4</v>
      </c>
      <c r="AA18" s="254">
        <v>7</v>
      </c>
      <c r="AB18" s="256">
        <v>0</v>
      </c>
      <c r="AC18" s="257">
        <v>13</v>
      </c>
      <c r="AD18" s="257">
        <v>19</v>
      </c>
      <c r="AE18" s="257">
        <v>6</v>
      </c>
      <c r="AF18" s="257">
        <v>8</v>
      </c>
      <c r="AG18" s="257">
        <v>4</v>
      </c>
      <c r="AH18" s="254">
        <v>50</v>
      </c>
      <c r="AI18" s="259">
        <v>57</v>
      </c>
      <c r="AJ18" s="253">
        <v>1</v>
      </c>
      <c r="AK18" s="257">
        <v>0</v>
      </c>
      <c r="AL18" s="254">
        <v>1</v>
      </c>
      <c r="AM18" s="256">
        <v>0</v>
      </c>
      <c r="AN18" s="257">
        <v>1</v>
      </c>
      <c r="AO18" s="257">
        <v>2</v>
      </c>
      <c r="AP18" s="257">
        <v>0</v>
      </c>
      <c r="AQ18" s="257">
        <v>0</v>
      </c>
      <c r="AR18" s="257">
        <v>0</v>
      </c>
      <c r="AS18" s="254">
        <v>3</v>
      </c>
      <c r="AT18" s="259">
        <v>4</v>
      </c>
      <c r="AU18" s="253">
        <v>3</v>
      </c>
      <c r="AV18" s="257">
        <v>3</v>
      </c>
      <c r="AW18" s="254">
        <v>6</v>
      </c>
      <c r="AX18" s="256">
        <v>0</v>
      </c>
      <c r="AY18" s="257">
        <v>13</v>
      </c>
      <c r="AZ18" s="257">
        <v>22</v>
      </c>
      <c r="BA18" s="257">
        <v>12</v>
      </c>
      <c r="BB18" s="257">
        <v>16</v>
      </c>
      <c r="BC18" s="257">
        <v>12</v>
      </c>
      <c r="BD18" s="258">
        <v>75</v>
      </c>
      <c r="BE18" s="259">
        <v>81</v>
      </c>
      <c r="BF18" s="253">
        <v>0</v>
      </c>
      <c r="BG18" s="257">
        <v>0</v>
      </c>
      <c r="BH18" s="254">
        <v>0</v>
      </c>
      <c r="BI18" s="256">
        <v>0</v>
      </c>
      <c r="BJ18" s="257">
        <v>17</v>
      </c>
      <c r="BK18" s="257">
        <v>25</v>
      </c>
      <c r="BL18" s="257">
        <v>9</v>
      </c>
      <c r="BM18" s="257">
        <v>6</v>
      </c>
      <c r="BN18" s="257">
        <v>1</v>
      </c>
      <c r="BO18" s="254">
        <v>58</v>
      </c>
      <c r="BP18" s="259">
        <v>58</v>
      </c>
      <c r="BQ18" s="253">
        <v>1</v>
      </c>
      <c r="BR18" s="257">
        <v>7</v>
      </c>
      <c r="BS18" s="254">
        <v>8</v>
      </c>
      <c r="BT18" s="256">
        <v>0</v>
      </c>
      <c r="BU18" s="257">
        <v>7</v>
      </c>
      <c r="BV18" s="257">
        <v>26</v>
      </c>
      <c r="BW18" s="257">
        <v>7</v>
      </c>
      <c r="BX18" s="257">
        <v>4</v>
      </c>
      <c r="BY18" s="257">
        <v>1</v>
      </c>
      <c r="BZ18" s="254">
        <v>45</v>
      </c>
      <c r="CA18" s="259">
        <v>53</v>
      </c>
      <c r="CB18" s="253">
        <v>0</v>
      </c>
      <c r="CC18" s="257">
        <v>1</v>
      </c>
      <c r="CD18" s="254">
        <v>1</v>
      </c>
      <c r="CE18" s="256">
        <v>0</v>
      </c>
      <c r="CF18" s="257">
        <v>1</v>
      </c>
      <c r="CG18" s="257">
        <v>3</v>
      </c>
      <c r="CH18" s="257">
        <v>2</v>
      </c>
      <c r="CI18" s="257">
        <v>6</v>
      </c>
      <c r="CJ18" s="257">
        <v>1</v>
      </c>
      <c r="CK18" s="254">
        <v>13</v>
      </c>
      <c r="CL18" s="259">
        <v>14</v>
      </c>
      <c r="CM18" s="253">
        <v>0</v>
      </c>
      <c r="CN18" s="257">
        <v>0</v>
      </c>
      <c r="CO18" s="254">
        <v>0</v>
      </c>
      <c r="CP18" s="256">
        <v>0</v>
      </c>
      <c r="CQ18" s="257">
        <v>1</v>
      </c>
      <c r="CR18" s="257">
        <v>0</v>
      </c>
      <c r="CS18" s="257">
        <v>1</v>
      </c>
      <c r="CT18" s="257">
        <v>0</v>
      </c>
      <c r="CU18" s="257">
        <v>0</v>
      </c>
      <c r="CV18" s="254">
        <v>2</v>
      </c>
      <c r="CW18" s="259">
        <v>2</v>
      </c>
      <c r="CX18" s="253">
        <v>0</v>
      </c>
      <c r="CY18" s="257">
        <v>0</v>
      </c>
      <c r="CZ18" s="254">
        <v>0</v>
      </c>
      <c r="DA18" s="256">
        <v>0</v>
      </c>
      <c r="DB18" s="257">
        <v>0</v>
      </c>
      <c r="DC18" s="257">
        <v>0</v>
      </c>
      <c r="DD18" s="257">
        <v>0</v>
      </c>
      <c r="DE18" s="257">
        <v>0</v>
      </c>
      <c r="DF18" s="257">
        <v>0</v>
      </c>
      <c r="DG18" s="254">
        <v>0</v>
      </c>
      <c r="DH18" s="259">
        <v>0</v>
      </c>
      <c r="DI18" s="253">
        <v>0</v>
      </c>
      <c r="DJ18" s="257">
        <v>0</v>
      </c>
      <c r="DK18" s="254">
        <v>0</v>
      </c>
      <c r="DL18" s="256">
        <v>0</v>
      </c>
      <c r="DM18" s="257">
        <v>0</v>
      </c>
      <c r="DN18" s="257">
        <v>0</v>
      </c>
      <c r="DO18" s="257">
        <v>0</v>
      </c>
      <c r="DP18" s="257">
        <v>0</v>
      </c>
      <c r="DQ18" s="257">
        <v>0</v>
      </c>
      <c r="DR18" s="254">
        <v>0</v>
      </c>
      <c r="DS18" s="259">
        <v>0</v>
      </c>
      <c r="DT18" s="253">
        <v>12</v>
      </c>
      <c r="DU18" s="257">
        <v>21</v>
      </c>
      <c r="DV18" s="254">
        <v>33</v>
      </c>
      <c r="DW18" s="256">
        <v>0</v>
      </c>
      <c r="DX18" s="257">
        <v>22</v>
      </c>
      <c r="DY18" s="257">
        <v>49</v>
      </c>
      <c r="DZ18" s="257">
        <v>28</v>
      </c>
      <c r="EA18" s="257">
        <v>18</v>
      </c>
      <c r="EB18" s="257">
        <v>7</v>
      </c>
      <c r="EC18" s="254">
        <v>124</v>
      </c>
      <c r="ED18" s="259">
        <v>157</v>
      </c>
      <c r="EE18" s="253">
        <v>4</v>
      </c>
      <c r="EF18" s="257">
        <v>0</v>
      </c>
      <c r="EG18" s="254">
        <v>4</v>
      </c>
      <c r="EH18" s="256">
        <v>0</v>
      </c>
      <c r="EI18" s="257">
        <v>8</v>
      </c>
      <c r="EJ18" s="257">
        <v>13</v>
      </c>
      <c r="EK18" s="257">
        <v>6</v>
      </c>
      <c r="EL18" s="257">
        <v>9</v>
      </c>
      <c r="EM18" s="257">
        <v>6</v>
      </c>
      <c r="EN18" s="254">
        <v>42</v>
      </c>
      <c r="EO18" s="259">
        <v>46</v>
      </c>
      <c r="EP18" s="253">
        <v>17</v>
      </c>
      <c r="EQ18" s="257">
        <v>27</v>
      </c>
      <c r="ER18" s="254">
        <v>44</v>
      </c>
      <c r="ES18" s="256">
        <v>0</v>
      </c>
      <c r="ET18" s="257">
        <v>48</v>
      </c>
      <c r="EU18" s="257">
        <v>68</v>
      </c>
      <c r="EV18" s="257">
        <v>30</v>
      </c>
      <c r="EW18" s="257">
        <v>17</v>
      </c>
      <c r="EX18" s="257">
        <v>7</v>
      </c>
      <c r="EY18" s="254">
        <v>170</v>
      </c>
      <c r="EZ18" s="259">
        <v>214</v>
      </c>
    </row>
    <row r="19" spans="2:156" ht="21" customHeight="1" x14ac:dyDescent="0.2">
      <c r="B19" s="437" t="s">
        <v>17</v>
      </c>
      <c r="C19" s="253">
        <v>0</v>
      </c>
      <c r="D19" s="257">
        <v>0</v>
      </c>
      <c r="E19" s="340">
        <v>0</v>
      </c>
      <c r="F19" s="256">
        <v>0</v>
      </c>
      <c r="G19" s="257">
        <v>16</v>
      </c>
      <c r="H19" s="257">
        <v>18</v>
      </c>
      <c r="I19" s="257">
        <v>11</v>
      </c>
      <c r="J19" s="257">
        <v>2</v>
      </c>
      <c r="K19" s="257">
        <v>4</v>
      </c>
      <c r="L19" s="258">
        <v>51</v>
      </c>
      <c r="M19" s="259">
        <v>51</v>
      </c>
      <c r="N19" s="253">
        <v>0</v>
      </c>
      <c r="O19" s="257">
        <v>0</v>
      </c>
      <c r="P19" s="254">
        <v>0</v>
      </c>
      <c r="Q19" s="256">
        <v>0</v>
      </c>
      <c r="R19" s="257">
        <v>0</v>
      </c>
      <c r="S19" s="257">
        <v>0</v>
      </c>
      <c r="T19" s="257">
        <v>1</v>
      </c>
      <c r="U19" s="257">
        <v>1</v>
      </c>
      <c r="V19" s="257">
        <v>2</v>
      </c>
      <c r="W19" s="254">
        <v>4</v>
      </c>
      <c r="X19" s="259">
        <v>4</v>
      </c>
      <c r="Y19" s="253">
        <v>0</v>
      </c>
      <c r="Z19" s="257">
        <v>3</v>
      </c>
      <c r="AA19" s="254">
        <v>3</v>
      </c>
      <c r="AB19" s="256">
        <v>0</v>
      </c>
      <c r="AC19" s="257">
        <v>15</v>
      </c>
      <c r="AD19" s="257">
        <v>14</v>
      </c>
      <c r="AE19" s="257">
        <v>17</v>
      </c>
      <c r="AF19" s="257">
        <v>5</v>
      </c>
      <c r="AG19" s="257">
        <v>6</v>
      </c>
      <c r="AH19" s="254">
        <v>57</v>
      </c>
      <c r="AI19" s="259">
        <v>60</v>
      </c>
      <c r="AJ19" s="253">
        <v>0</v>
      </c>
      <c r="AK19" s="257">
        <v>1</v>
      </c>
      <c r="AL19" s="254">
        <v>1</v>
      </c>
      <c r="AM19" s="256">
        <v>0</v>
      </c>
      <c r="AN19" s="257">
        <v>1</v>
      </c>
      <c r="AO19" s="257">
        <v>2</v>
      </c>
      <c r="AP19" s="257">
        <v>2</v>
      </c>
      <c r="AQ19" s="257">
        <v>0</v>
      </c>
      <c r="AR19" s="257">
        <v>0</v>
      </c>
      <c r="AS19" s="254">
        <v>5</v>
      </c>
      <c r="AT19" s="259">
        <v>6</v>
      </c>
      <c r="AU19" s="253">
        <v>8</v>
      </c>
      <c r="AV19" s="257">
        <v>4</v>
      </c>
      <c r="AW19" s="254">
        <v>12</v>
      </c>
      <c r="AX19" s="256">
        <v>0</v>
      </c>
      <c r="AY19" s="257">
        <v>19</v>
      </c>
      <c r="AZ19" s="257">
        <v>23</v>
      </c>
      <c r="BA19" s="257">
        <v>25</v>
      </c>
      <c r="BB19" s="257">
        <v>11</v>
      </c>
      <c r="BC19" s="257">
        <v>11</v>
      </c>
      <c r="BD19" s="258">
        <v>89</v>
      </c>
      <c r="BE19" s="259">
        <v>101</v>
      </c>
      <c r="BF19" s="253">
        <v>0</v>
      </c>
      <c r="BG19" s="257">
        <v>0</v>
      </c>
      <c r="BH19" s="254">
        <v>0</v>
      </c>
      <c r="BI19" s="256">
        <v>0</v>
      </c>
      <c r="BJ19" s="257">
        <v>17</v>
      </c>
      <c r="BK19" s="257">
        <v>30</v>
      </c>
      <c r="BL19" s="257">
        <v>10</v>
      </c>
      <c r="BM19" s="257">
        <v>4</v>
      </c>
      <c r="BN19" s="257">
        <v>3</v>
      </c>
      <c r="BO19" s="254">
        <v>64</v>
      </c>
      <c r="BP19" s="259">
        <v>64</v>
      </c>
      <c r="BQ19" s="253">
        <v>4</v>
      </c>
      <c r="BR19" s="257">
        <v>3</v>
      </c>
      <c r="BS19" s="254">
        <v>7</v>
      </c>
      <c r="BT19" s="256">
        <v>0</v>
      </c>
      <c r="BU19" s="257">
        <v>2</v>
      </c>
      <c r="BV19" s="257">
        <v>13</v>
      </c>
      <c r="BW19" s="257">
        <v>4</v>
      </c>
      <c r="BX19" s="257">
        <v>1</v>
      </c>
      <c r="BY19" s="257">
        <v>1</v>
      </c>
      <c r="BZ19" s="254">
        <v>21</v>
      </c>
      <c r="CA19" s="259">
        <v>28</v>
      </c>
      <c r="CB19" s="253">
        <v>0</v>
      </c>
      <c r="CC19" s="257">
        <v>0</v>
      </c>
      <c r="CD19" s="254">
        <v>0</v>
      </c>
      <c r="CE19" s="256">
        <v>0</v>
      </c>
      <c r="CF19" s="257">
        <v>4</v>
      </c>
      <c r="CG19" s="257">
        <v>9</v>
      </c>
      <c r="CH19" s="257">
        <v>4</v>
      </c>
      <c r="CI19" s="257">
        <v>5</v>
      </c>
      <c r="CJ19" s="257">
        <v>3</v>
      </c>
      <c r="CK19" s="254">
        <v>25</v>
      </c>
      <c r="CL19" s="259">
        <v>25</v>
      </c>
      <c r="CM19" s="253">
        <v>0</v>
      </c>
      <c r="CN19" s="257">
        <v>0</v>
      </c>
      <c r="CO19" s="254">
        <v>0</v>
      </c>
      <c r="CP19" s="256">
        <v>0</v>
      </c>
      <c r="CQ19" s="257">
        <v>0</v>
      </c>
      <c r="CR19" s="257">
        <v>0</v>
      </c>
      <c r="CS19" s="257">
        <v>2</v>
      </c>
      <c r="CT19" s="257">
        <v>0</v>
      </c>
      <c r="CU19" s="257">
        <v>0</v>
      </c>
      <c r="CV19" s="254">
        <v>2</v>
      </c>
      <c r="CW19" s="259">
        <v>2</v>
      </c>
      <c r="CX19" s="253">
        <v>0</v>
      </c>
      <c r="CY19" s="257">
        <v>0</v>
      </c>
      <c r="CZ19" s="254">
        <v>0</v>
      </c>
      <c r="DA19" s="256">
        <v>0</v>
      </c>
      <c r="DB19" s="257">
        <v>0</v>
      </c>
      <c r="DC19" s="257">
        <v>0</v>
      </c>
      <c r="DD19" s="257">
        <v>0</v>
      </c>
      <c r="DE19" s="257">
        <v>0</v>
      </c>
      <c r="DF19" s="257">
        <v>0</v>
      </c>
      <c r="DG19" s="254">
        <v>0</v>
      </c>
      <c r="DH19" s="259">
        <v>0</v>
      </c>
      <c r="DI19" s="253">
        <v>0</v>
      </c>
      <c r="DJ19" s="257">
        <v>0</v>
      </c>
      <c r="DK19" s="254">
        <v>0</v>
      </c>
      <c r="DL19" s="256">
        <v>0</v>
      </c>
      <c r="DM19" s="257">
        <v>0</v>
      </c>
      <c r="DN19" s="257">
        <v>0</v>
      </c>
      <c r="DO19" s="257">
        <v>0</v>
      </c>
      <c r="DP19" s="257">
        <v>0</v>
      </c>
      <c r="DQ19" s="257">
        <v>0</v>
      </c>
      <c r="DR19" s="254">
        <v>0</v>
      </c>
      <c r="DS19" s="259">
        <v>0</v>
      </c>
      <c r="DT19" s="253">
        <v>10</v>
      </c>
      <c r="DU19" s="257">
        <v>28</v>
      </c>
      <c r="DV19" s="254">
        <v>38</v>
      </c>
      <c r="DW19" s="256">
        <v>0</v>
      </c>
      <c r="DX19" s="257">
        <v>21</v>
      </c>
      <c r="DY19" s="257">
        <v>71</v>
      </c>
      <c r="DZ19" s="257">
        <v>30</v>
      </c>
      <c r="EA19" s="257">
        <v>11</v>
      </c>
      <c r="EB19" s="257">
        <v>7</v>
      </c>
      <c r="EC19" s="254">
        <v>140</v>
      </c>
      <c r="ED19" s="259">
        <v>178</v>
      </c>
      <c r="EE19" s="253">
        <v>5</v>
      </c>
      <c r="EF19" s="257">
        <v>2</v>
      </c>
      <c r="EG19" s="254">
        <v>7</v>
      </c>
      <c r="EH19" s="256">
        <v>0</v>
      </c>
      <c r="EI19" s="257">
        <v>7</v>
      </c>
      <c r="EJ19" s="257">
        <v>8</v>
      </c>
      <c r="EK19" s="257">
        <v>8</v>
      </c>
      <c r="EL19" s="257">
        <v>5</v>
      </c>
      <c r="EM19" s="257">
        <v>2</v>
      </c>
      <c r="EN19" s="254">
        <v>30</v>
      </c>
      <c r="EO19" s="259">
        <v>37</v>
      </c>
      <c r="EP19" s="253">
        <v>14</v>
      </c>
      <c r="EQ19" s="257">
        <v>32</v>
      </c>
      <c r="ER19" s="254">
        <v>46</v>
      </c>
      <c r="ES19" s="256">
        <v>0</v>
      </c>
      <c r="ET19" s="257">
        <v>71</v>
      </c>
      <c r="EU19" s="257">
        <v>95</v>
      </c>
      <c r="EV19" s="257">
        <v>36</v>
      </c>
      <c r="EW19" s="257">
        <v>13</v>
      </c>
      <c r="EX19" s="257">
        <v>10</v>
      </c>
      <c r="EY19" s="254">
        <v>225</v>
      </c>
      <c r="EZ19" s="259">
        <v>271</v>
      </c>
    </row>
    <row r="20" spans="2:156" ht="21" customHeight="1" x14ac:dyDescent="0.2">
      <c r="B20" s="437" t="s">
        <v>18</v>
      </c>
      <c r="C20" s="253">
        <v>0</v>
      </c>
      <c r="D20" s="257">
        <v>0</v>
      </c>
      <c r="E20" s="340">
        <v>0</v>
      </c>
      <c r="F20" s="256">
        <v>0</v>
      </c>
      <c r="G20" s="257">
        <v>25</v>
      </c>
      <c r="H20" s="257">
        <v>28</v>
      </c>
      <c r="I20" s="257">
        <v>16</v>
      </c>
      <c r="J20" s="257">
        <v>9</v>
      </c>
      <c r="K20" s="257">
        <v>6</v>
      </c>
      <c r="L20" s="258">
        <v>84</v>
      </c>
      <c r="M20" s="259">
        <v>84</v>
      </c>
      <c r="N20" s="253">
        <v>0</v>
      </c>
      <c r="O20" s="257">
        <v>0</v>
      </c>
      <c r="P20" s="254">
        <v>0</v>
      </c>
      <c r="Q20" s="256">
        <v>0</v>
      </c>
      <c r="R20" s="257">
        <v>1</v>
      </c>
      <c r="S20" s="257">
        <v>0</v>
      </c>
      <c r="T20" s="257">
        <v>0</v>
      </c>
      <c r="U20" s="257">
        <v>0</v>
      </c>
      <c r="V20" s="257">
        <v>6</v>
      </c>
      <c r="W20" s="254">
        <v>7</v>
      </c>
      <c r="X20" s="259">
        <v>7</v>
      </c>
      <c r="Y20" s="253">
        <v>3</v>
      </c>
      <c r="Z20" s="257">
        <v>8</v>
      </c>
      <c r="AA20" s="254">
        <v>11</v>
      </c>
      <c r="AB20" s="256">
        <v>0</v>
      </c>
      <c r="AC20" s="257">
        <v>20</v>
      </c>
      <c r="AD20" s="257">
        <v>18</v>
      </c>
      <c r="AE20" s="257">
        <v>17</v>
      </c>
      <c r="AF20" s="257">
        <v>9</v>
      </c>
      <c r="AG20" s="257">
        <v>5</v>
      </c>
      <c r="AH20" s="254">
        <v>69</v>
      </c>
      <c r="AI20" s="259">
        <v>80</v>
      </c>
      <c r="AJ20" s="253">
        <v>0</v>
      </c>
      <c r="AK20" s="257">
        <v>1</v>
      </c>
      <c r="AL20" s="254">
        <v>1</v>
      </c>
      <c r="AM20" s="256">
        <v>0</v>
      </c>
      <c r="AN20" s="257">
        <v>3</v>
      </c>
      <c r="AO20" s="257">
        <v>2</v>
      </c>
      <c r="AP20" s="257">
        <v>2</v>
      </c>
      <c r="AQ20" s="257">
        <v>3</v>
      </c>
      <c r="AR20" s="257">
        <v>0</v>
      </c>
      <c r="AS20" s="254">
        <v>10</v>
      </c>
      <c r="AT20" s="259">
        <v>11</v>
      </c>
      <c r="AU20" s="253">
        <v>3</v>
      </c>
      <c r="AV20" s="257">
        <v>6</v>
      </c>
      <c r="AW20" s="254">
        <v>9</v>
      </c>
      <c r="AX20" s="256">
        <v>0</v>
      </c>
      <c r="AY20" s="257">
        <v>39</v>
      </c>
      <c r="AZ20" s="257">
        <v>33</v>
      </c>
      <c r="BA20" s="257">
        <v>30</v>
      </c>
      <c r="BB20" s="257">
        <v>25</v>
      </c>
      <c r="BC20" s="257">
        <v>17</v>
      </c>
      <c r="BD20" s="258">
        <v>144</v>
      </c>
      <c r="BE20" s="259">
        <v>153</v>
      </c>
      <c r="BF20" s="253">
        <v>0</v>
      </c>
      <c r="BG20" s="257">
        <v>0</v>
      </c>
      <c r="BH20" s="254">
        <v>0</v>
      </c>
      <c r="BI20" s="256">
        <v>0</v>
      </c>
      <c r="BJ20" s="257">
        <v>52</v>
      </c>
      <c r="BK20" s="257">
        <v>32</v>
      </c>
      <c r="BL20" s="257">
        <v>14</v>
      </c>
      <c r="BM20" s="257">
        <v>6</v>
      </c>
      <c r="BN20" s="257">
        <v>1</v>
      </c>
      <c r="BO20" s="254">
        <v>105</v>
      </c>
      <c r="BP20" s="259">
        <v>105</v>
      </c>
      <c r="BQ20" s="253">
        <v>3</v>
      </c>
      <c r="BR20" s="257">
        <v>8</v>
      </c>
      <c r="BS20" s="254">
        <v>11</v>
      </c>
      <c r="BT20" s="256">
        <v>0</v>
      </c>
      <c r="BU20" s="257">
        <v>14</v>
      </c>
      <c r="BV20" s="257">
        <v>12</v>
      </c>
      <c r="BW20" s="257">
        <v>7</v>
      </c>
      <c r="BX20" s="257">
        <v>2</v>
      </c>
      <c r="BY20" s="257">
        <v>0</v>
      </c>
      <c r="BZ20" s="254">
        <v>35</v>
      </c>
      <c r="CA20" s="259">
        <v>46</v>
      </c>
      <c r="CB20" s="253">
        <v>0</v>
      </c>
      <c r="CC20" s="257">
        <v>1</v>
      </c>
      <c r="CD20" s="254">
        <v>1</v>
      </c>
      <c r="CE20" s="256">
        <v>0</v>
      </c>
      <c r="CF20" s="257">
        <v>3</v>
      </c>
      <c r="CG20" s="257">
        <v>9</v>
      </c>
      <c r="CH20" s="257">
        <v>6</v>
      </c>
      <c r="CI20" s="257">
        <v>6</v>
      </c>
      <c r="CJ20" s="257">
        <v>0</v>
      </c>
      <c r="CK20" s="254">
        <v>24</v>
      </c>
      <c r="CL20" s="259">
        <v>25</v>
      </c>
      <c r="CM20" s="253">
        <v>0</v>
      </c>
      <c r="CN20" s="257">
        <v>0</v>
      </c>
      <c r="CO20" s="254">
        <v>0</v>
      </c>
      <c r="CP20" s="256">
        <v>0</v>
      </c>
      <c r="CQ20" s="257">
        <v>0</v>
      </c>
      <c r="CR20" s="257">
        <v>0</v>
      </c>
      <c r="CS20" s="257">
        <v>0</v>
      </c>
      <c r="CT20" s="257">
        <v>0</v>
      </c>
      <c r="CU20" s="257">
        <v>0</v>
      </c>
      <c r="CV20" s="254">
        <v>0</v>
      </c>
      <c r="CW20" s="259">
        <v>0</v>
      </c>
      <c r="CX20" s="253">
        <v>0</v>
      </c>
      <c r="CY20" s="257">
        <v>0</v>
      </c>
      <c r="CZ20" s="254">
        <v>0</v>
      </c>
      <c r="DA20" s="256">
        <v>0</v>
      </c>
      <c r="DB20" s="257">
        <v>0</v>
      </c>
      <c r="DC20" s="257">
        <v>0</v>
      </c>
      <c r="DD20" s="257">
        <v>0</v>
      </c>
      <c r="DE20" s="257">
        <v>0</v>
      </c>
      <c r="DF20" s="257">
        <v>0</v>
      </c>
      <c r="DG20" s="254">
        <v>0</v>
      </c>
      <c r="DH20" s="259">
        <v>0</v>
      </c>
      <c r="DI20" s="253">
        <v>0</v>
      </c>
      <c r="DJ20" s="257">
        <v>0</v>
      </c>
      <c r="DK20" s="254">
        <v>0</v>
      </c>
      <c r="DL20" s="256">
        <v>0</v>
      </c>
      <c r="DM20" s="257">
        <v>0</v>
      </c>
      <c r="DN20" s="257">
        <v>0</v>
      </c>
      <c r="DO20" s="257">
        <v>0</v>
      </c>
      <c r="DP20" s="257">
        <v>0</v>
      </c>
      <c r="DQ20" s="257">
        <v>0</v>
      </c>
      <c r="DR20" s="254">
        <v>0</v>
      </c>
      <c r="DS20" s="259">
        <v>0</v>
      </c>
      <c r="DT20" s="253">
        <v>9</v>
      </c>
      <c r="DU20" s="257">
        <v>30</v>
      </c>
      <c r="DV20" s="254">
        <v>39</v>
      </c>
      <c r="DW20" s="256">
        <v>0</v>
      </c>
      <c r="DX20" s="257">
        <v>40</v>
      </c>
      <c r="DY20" s="257">
        <v>45</v>
      </c>
      <c r="DZ20" s="257">
        <v>34</v>
      </c>
      <c r="EA20" s="257">
        <v>18</v>
      </c>
      <c r="EB20" s="257">
        <v>10</v>
      </c>
      <c r="EC20" s="254">
        <v>147</v>
      </c>
      <c r="ED20" s="259">
        <v>186</v>
      </c>
      <c r="EE20" s="253">
        <v>3</v>
      </c>
      <c r="EF20" s="257">
        <v>0</v>
      </c>
      <c r="EG20" s="254">
        <v>3</v>
      </c>
      <c r="EH20" s="256">
        <v>0</v>
      </c>
      <c r="EI20" s="257">
        <v>18</v>
      </c>
      <c r="EJ20" s="257">
        <v>13</v>
      </c>
      <c r="EK20" s="257">
        <v>7</v>
      </c>
      <c r="EL20" s="257">
        <v>9</v>
      </c>
      <c r="EM20" s="257">
        <v>5</v>
      </c>
      <c r="EN20" s="254">
        <v>52</v>
      </c>
      <c r="EO20" s="259">
        <v>55</v>
      </c>
      <c r="EP20" s="253">
        <v>16</v>
      </c>
      <c r="EQ20" s="257">
        <v>41</v>
      </c>
      <c r="ER20" s="254">
        <v>57</v>
      </c>
      <c r="ES20" s="256">
        <v>0</v>
      </c>
      <c r="ET20" s="257">
        <v>120</v>
      </c>
      <c r="EU20" s="257">
        <v>77</v>
      </c>
      <c r="EV20" s="257">
        <v>45</v>
      </c>
      <c r="EW20" s="257">
        <v>25</v>
      </c>
      <c r="EX20" s="257">
        <v>13</v>
      </c>
      <c r="EY20" s="254">
        <v>280</v>
      </c>
      <c r="EZ20" s="259">
        <v>337</v>
      </c>
    </row>
    <row r="21" spans="2:156" ht="21" customHeight="1" x14ac:dyDescent="0.2">
      <c r="B21" s="437" t="s">
        <v>19</v>
      </c>
      <c r="C21" s="253">
        <v>0</v>
      </c>
      <c r="D21" s="257">
        <v>0</v>
      </c>
      <c r="E21" s="340">
        <v>0</v>
      </c>
      <c r="F21" s="256">
        <v>0</v>
      </c>
      <c r="G21" s="257">
        <v>14</v>
      </c>
      <c r="H21" s="257">
        <v>6</v>
      </c>
      <c r="I21" s="257">
        <v>6</v>
      </c>
      <c r="J21" s="257">
        <v>3</v>
      </c>
      <c r="K21" s="257">
        <v>4</v>
      </c>
      <c r="L21" s="258">
        <v>33</v>
      </c>
      <c r="M21" s="259">
        <v>33</v>
      </c>
      <c r="N21" s="253">
        <v>0</v>
      </c>
      <c r="O21" s="257">
        <v>0</v>
      </c>
      <c r="P21" s="254">
        <v>0</v>
      </c>
      <c r="Q21" s="256">
        <v>0</v>
      </c>
      <c r="R21" s="257">
        <v>1</v>
      </c>
      <c r="S21" s="257">
        <v>0</v>
      </c>
      <c r="T21" s="257">
        <v>2</v>
      </c>
      <c r="U21" s="257">
        <v>2</v>
      </c>
      <c r="V21" s="257">
        <v>2</v>
      </c>
      <c r="W21" s="254">
        <v>7</v>
      </c>
      <c r="X21" s="259">
        <v>7</v>
      </c>
      <c r="Y21" s="253">
        <v>1</v>
      </c>
      <c r="Z21" s="257">
        <v>2</v>
      </c>
      <c r="AA21" s="254">
        <v>3</v>
      </c>
      <c r="AB21" s="256">
        <v>0</v>
      </c>
      <c r="AC21" s="257">
        <v>17</v>
      </c>
      <c r="AD21" s="257">
        <v>7</v>
      </c>
      <c r="AE21" s="257">
        <v>7</v>
      </c>
      <c r="AF21" s="257">
        <v>4</v>
      </c>
      <c r="AG21" s="257">
        <v>4</v>
      </c>
      <c r="AH21" s="254">
        <v>39</v>
      </c>
      <c r="AI21" s="259">
        <v>42</v>
      </c>
      <c r="AJ21" s="253">
        <v>0</v>
      </c>
      <c r="AK21" s="257">
        <v>0</v>
      </c>
      <c r="AL21" s="254">
        <v>0</v>
      </c>
      <c r="AM21" s="256">
        <v>0</v>
      </c>
      <c r="AN21" s="257">
        <v>1</v>
      </c>
      <c r="AO21" s="257">
        <v>1</v>
      </c>
      <c r="AP21" s="257">
        <v>0</v>
      </c>
      <c r="AQ21" s="257">
        <v>0</v>
      </c>
      <c r="AR21" s="257">
        <v>0</v>
      </c>
      <c r="AS21" s="254">
        <v>2</v>
      </c>
      <c r="AT21" s="259">
        <v>2</v>
      </c>
      <c r="AU21" s="253">
        <v>8</v>
      </c>
      <c r="AV21" s="257">
        <v>2</v>
      </c>
      <c r="AW21" s="254">
        <v>10</v>
      </c>
      <c r="AX21" s="256">
        <v>0</v>
      </c>
      <c r="AY21" s="257">
        <v>23</v>
      </c>
      <c r="AZ21" s="257">
        <v>18</v>
      </c>
      <c r="BA21" s="257">
        <v>14</v>
      </c>
      <c r="BB21" s="257">
        <v>8</v>
      </c>
      <c r="BC21" s="257">
        <v>12</v>
      </c>
      <c r="BD21" s="258">
        <v>75</v>
      </c>
      <c r="BE21" s="259">
        <v>85</v>
      </c>
      <c r="BF21" s="253">
        <v>0</v>
      </c>
      <c r="BG21" s="257">
        <v>0</v>
      </c>
      <c r="BH21" s="254">
        <v>0</v>
      </c>
      <c r="BI21" s="256">
        <v>0</v>
      </c>
      <c r="BJ21" s="257">
        <v>23</v>
      </c>
      <c r="BK21" s="257">
        <v>11</v>
      </c>
      <c r="BL21" s="257">
        <v>8</v>
      </c>
      <c r="BM21" s="257">
        <v>2</v>
      </c>
      <c r="BN21" s="257">
        <v>1</v>
      </c>
      <c r="BO21" s="254">
        <v>45</v>
      </c>
      <c r="BP21" s="259">
        <v>45</v>
      </c>
      <c r="BQ21" s="253">
        <v>2</v>
      </c>
      <c r="BR21" s="257">
        <v>3</v>
      </c>
      <c r="BS21" s="254">
        <v>5</v>
      </c>
      <c r="BT21" s="256">
        <v>0</v>
      </c>
      <c r="BU21" s="257">
        <v>10</v>
      </c>
      <c r="BV21" s="257">
        <v>6</v>
      </c>
      <c r="BW21" s="257">
        <v>3</v>
      </c>
      <c r="BX21" s="257">
        <v>2</v>
      </c>
      <c r="BY21" s="257">
        <v>0</v>
      </c>
      <c r="BZ21" s="254">
        <v>21</v>
      </c>
      <c r="CA21" s="259">
        <v>26</v>
      </c>
      <c r="CB21" s="253">
        <v>0</v>
      </c>
      <c r="CC21" s="257">
        <v>1</v>
      </c>
      <c r="CD21" s="254">
        <v>1</v>
      </c>
      <c r="CE21" s="256">
        <v>0</v>
      </c>
      <c r="CF21" s="257">
        <v>0</v>
      </c>
      <c r="CG21" s="257">
        <v>1</v>
      </c>
      <c r="CH21" s="257">
        <v>3</v>
      </c>
      <c r="CI21" s="257">
        <v>2</v>
      </c>
      <c r="CJ21" s="257">
        <v>1</v>
      </c>
      <c r="CK21" s="254">
        <v>7</v>
      </c>
      <c r="CL21" s="259">
        <v>8</v>
      </c>
      <c r="CM21" s="253">
        <v>0</v>
      </c>
      <c r="CN21" s="257">
        <v>0</v>
      </c>
      <c r="CO21" s="254">
        <v>0</v>
      </c>
      <c r="CP21" s="256">
        <v>0</v>
      </c>
      <c r="CQ21" s="257">
        <v>0</v>
      </c>
      <c r="CR21" s="257">
        <v>1</v>
      </c>
      <c r="CS21" s="257">
        <v>1</v>
      </c>
      <c r="CT21" s="257">
        <v>0</v>
      </c>
      <c r="CU21" s="257">
        <v>0</v>
      </c>
      <c r="CV21" s="254">
        <v>2</v>
      </c>
      <c r="CW21" s="259">
        <v>2</v>
      </c>
      <c r="CX21" s="253">
        <v>0</v>
      </c>
      <c r="CY21" s="257">
        <v>0</v>
      </c>
      <c r="CZ21" s="254">
        <v>0</v>
      </c>
      <c r="DA21" s="256">
        <v>0</v>
      </c>
      <c r="DB21" s="257">
        <v>0</v>
      </c>
      <c r="DC21" s="257">
        <v>0</v>
      </c>
      <c r="DD21" s="257">
        <v>0</v>
      </c>
      <c r="DE21" s="257">
        <v>0</v>
      </c>
      <c r="DF21" s="257">
        <v>0</v>
      </c>
      <c r="DG21" s="254">
        <v>0</v>
      </c>
      <c r="DH21" s="259">
        <v>0</v>
      </c>
      <c r="DI21" s="253">
        <v>0</v>
      </c>
      <c r="DJ21" s="257">
        <v>0</v>
      </c>
      <c r="DK21" s="254">
        <v>0</v>
      </c>
      <c r="DL21" s="256">
        <v>0</v>
      </c>
      <c r="DM21" s="257">
        <v>0</v>
      </c>
      <c r="DN21" s="257">
        <v>0</v>
      </c>
      <c r="DO21" s="257">
        <v>0</v>
      </c>
      <c r="DP21" s="257">
        <v>0</v>
      </c>
      <c r="DQ21" s="257">
        <v>0</v>
      </c>
      <c r="DR21" s="254">
        <v>0</v>
      </c>
      <c r="DS21" s="259">
        <v>0</v>
      </c>
      <c r="DT21" s="253">
        <v>5</v>
      </c>
      <c r="DU21" s="257">
        <v>12</v>
      </c>
      <c r="DV21" s="254">
        <v>17</v>
      </c>
      <c r="DW21" s="256">
        <v>0</v>
      </c>
      <c r="DX21" s="257">
        <v>38</v>
      </c>
      <c r="DY21" s="257">
        <v>24</v>
      </c>
      <c r="DZ21" s="257">
        <v>16</v>
      </c>
      <c r="EA21" s="257">
        <v>9</v>
      </c>
      <c r="EB21" s="257">
        <v>12</v>
      </c>
      <c r="EC21" s="254">
        <v>99</v>
      </c>
      <c r="ED21" s="259">
        <v>116</v>
      </c>
      <c r="EE21" s="253">
        <v>5</v>
      </c>
      <c r="EF21" s="257">
        <v>1</v>
      </c>
      <c r="EG21" s="254">
        <v>6</v>
      </c>
      <c r="EH21" s="256">
        <v>0</v>
      </c>
      <c r="EI21" s="257">
        <v>6</v>
      </c>
      <c r="EJ21" s="257">
        <v>7</v>
      </c>
      <c r="EK21" s="257">
        <v>3</v>
      </c>
      <c r="EL21" s="257">
        <v>3</v>
      </c>
      <c r="EM21" s="257">
        <v>2</v>
      </c>
      <c r="EN21" s="254">
        <v>21</v>
      </c>
      <c r="EO21" s="259">
        <v>27</v>
      </c>
      <c r="EP21" s="253">
        <v>8</v>
      </c>
      <c r="EQ21" s="257">
        <v>17</v>
      </c>
      <c r="ER21" s="254">
        <v>25</v>
      </c>
      <c r="ES21" s="256">
        <v>0</v>
      </c>
      <c r="ET21" s="257">
        <v>58</v>
      </c>
      <c r="EU21" s="257">
        <v>31</v>
      </c>
      <c r="EV21" s="257">
        <v>20</v>
      </c>
      <c r="EW21" s="257">
        <v>9</v>
      </c>
      <c r="EX21" s="257">
        <v>9</v>
      </c>
      <c r="EY21" s="254">
        <v>127</v>
      </c>
      <c r="EZ21" s="259">
        <v>152</v>
      </c>
    </row>
    <row r="22" spans="2:156" ht="21" customHeight="1" x14ac:dyDescent="0.2">
      <c r="B22" s="437" t="s">
        <v>20</v>
      </c>
      <c r="C22" s="253">
        <v>0</v>
      </c>
      <c r="D22" s="257">
        <v>0</v>
      </c>
      <c r="E22" s="340">
        <v>0</v>
      </c>
      <c r="F22" s="256">
        <v>0</v>
      </c>
      <c r="G22" s="257">
        <v>26</v>
      </c>
      <c r="H22" s="257">
        <v>19</v>
      </c>
      <c r="I22" s="257">
        <v>7</v>
      </c>
      <c r="J22" s="257">
        <v>5</v>
      </c>
      <c r="K22" s="257">
        <v>8</v>
      </c>
      <c r="L22" s="258">
        <v>65</v>
      </c>
      <c r="M22" s="259">
        <v>65</v>
      </c>
      <c r="N22" s="253">
        <v>0</v>
      </c>
      <c r="O22" s="257">
        <v>0</v>
      </c>
      <c r="P22" s="254">
        <v>0</v>
      </c>
      <c r="Q22" s="256">
        <v>0</v>
      </c>
      <c r="R22" s="257">
        <v>0</v>
      </c>
      <c r="S22" s="257">
        <v>0</v>
      </c>
      <c r="T22" s="257">
        <v>1</v>
      </c>
      <c r="U22" s="257">
        <v>2</v>
      </c>
      <c r="V22" s="257">
        <v>1</v>
      </c>
      <c r="W22" s="254">
        <v>4</v>
      </c>
      <c r="X22" s="259">
        <v>4</v>
      </c>
      <c r="Y22" s="253">
        <v>4</v>
      </c>
      <c r="Z22" s="257">
        <v>2</v>
      </c>
      <c r="AA22" s="254">
        <v>6</v>
      </c>
      <c r="AB22" s="256">
        <v>0</v>
      </c>
      <c r="AC22" s="257">
        <v>23</v>
      </c>
      <c r="AD22" s="257">
        <v>17</v>
      </c>
      <c r="AE22" s="257">
        <v>11</v>
      </c>
      <c r="AF22" s="257">
        <v>10</v>
      </c>
      <c r="AG22" s="257">
        <v>6</v>
      </c>
      <c r="AH22" s="254">
        <v>67</v>
      </c>
      <c r="AI22" s="259">
        <v>73</v>
      </c>
      <c r="AJ22" s="253">
        <v>2</v>
      </c>
      <c r="AK22" s="257">
        <v>3</v>
      </c>
      <c r="AL22" s="254">
        <v>5</v>
      </c>
      <c r="AM22" s="256">
        <v>0</v>
      </c>
      <c r="AN22" s="257">
        <v>4</v>
      </c>
      <c r="AO22" s="257">
        <v>6</v>
      </c>
      <c r="AP22" s="257">
        <v>7</v>
      </c>
      <c r="AQ22" s="257">
        <v>2</v>
      </c>
      <c r="AR22" s="257">
        <v>2</v>
      </c>
      <c r="AS22" s="254">
        <v>21</v>
      </c>
      <c r="AT22" s="259">
        <v>26</v>
      </c>
      <c r="AU22" s="253">
        <v>2</v>
      </c>
      <c r="AV22" s="257">
        <v>4</v>
      </c>
      <c r="AW22" s="254">
        <v>6</v>
      </c>
      <c r="AX22" s="256">
        <v>0</v>
      </c>
      <c r="AY22" s="257">
        <v>23</v>
      </c>
      <c r="AZ22" s="257">
        <v>16</v>
      </c>
      <c r="BA22" s="257">
        <v>23</v>
      </c>
      <c r="BB22" s="257">
        <v>20</v>
      </c>
      <c r="BC22" s="257">
        <v>13</v>
      </c>
      <c r="BD22" s="258">
        <v>95</v>
      </c>
      <c r="BE22" s="259">
        <v>101</v>
      </c>
      <c r="BF22" s="253">
        <v>0</v>
      </c>
      <c r="BG22" s="257">
        <v>0</v>
      </c>
      <c r="BH22" s="254">
        <v>0</v>
      </c>
      <c r="BI22" s="256">
        <v>0</v>
      </c>
      <c r="BJ22" s="257">
        <v>32</v>
      </c>
      <c r="BK22" s="257">
        <v>19</v>
      </c>
      <c r="BL22" s="257">
        <v>11</v>
      </c>
      <c r="BM22" s="257">
        <v>3</v>
      </c>
      <c r="BN22" s="257">
        <v>4</v>
      </c>
      <c r="BO22" s="254">
        <v>69</v>
      </c>
      <c r="BP22" s="259">
        <v>69</v>
      </c>
      <c r="BQ22" s="253">
        <v>3</v>
      </c>
      <c r="BR22" s="257">
        <v>1</v>
      </c>
      <c r="BS22" s="254">
        <v>4</v>
      </c>
      <c r="BT22" s="256">
        <v>0</v>
      </c>
      <c r="BU22" s="257">
        <v>11</v>
      </c>
      <c r="BV22" s="257">
        <v>11</v>
      </c>
      <c r="BW22" s="257">
        <v>5</v>
      </c>
      <c r="BX22" s="257">
        <v>6</v>
      </c>
      <c r="BY22" s="257">
        <v>2</v>
      </c>
      <c r="BZ22" s="254">
        <v>35</v>
      </c>
      <c r="CA22" s="259">
        <v>39</v>
      </c>
      <c r="CB22" s="253">
        <v>0</v>
      </c>
      <c r="CC22" s="257">
        <v>1</v>
      </c>
      <c r="CD22" s="254">
        <v>1</v>
      </c>
      <c r="CE22" s="256">
        <v>0</v>
      </c>
      <c r="CF22" s="257">
        <v>2</v>
      </c>
      <c r="CG22" s="257">
        <v>0</v>
      </c>
      <c r="CH22" s="257">
        <v>5</v>
      </c>
      <c r="CI22" s="257">
        <v>6</v>
      </c>
      <c r="CJ22" s="257">
        <v>2</v>
      </c>
      <c r="CK22" s="254">
        <v>15</v>
      </c>
      <c r="CL22" s="259">
        <v>16</v>
      </c>
      <c r="CM22" s="253">
        <v>0</v>
      </c>
      <c r="CN22" s="257">
        <v>0</v>
      </c>
      <c r="CO22" s="254">
        <v>0</v>
      </c>
      <c r="CP22" s="256">
        <v>0</v>
      </c>
      <c r="CQ22" s="257">
        <v>0</v>
      </c>
      <c r="CR22" s="257">
        <v>0</v>
      </c>
      <c r="CS22" s="257">
        <v>1</v>
      </c>
      <c r="CT22" s="257">
        <v>3</v>
      </c>
      <c r="CU22" s="257">
        <v>0</v>
      </c>
      <c r="CV22" s="254">
        <v>4</v>
      </c>
      <c r="CW22" s="259">
        <v>4</v>
      </c>
      <c r="CX22" s="253">
        <v>0</v>
      </c>
      <c r="CY22" s="257">
        <v>0</v>
      </c>
      <c r="CZ22" s="254">
        <v>0</v>
      </c>
      <c r="DA22" s="256">
        <v>0</v>
      </c>
      <c r="DB22" s="257">
        <v>0</v>
      </c>
      <c r="DC22" s="257">
        <v>0</v>
      </c>
      <c r="DD22" s="257">
        <v>0</v>
      </c>
      <c r="DE22" s="257">
        <v>0</v>
      </c>
      <c r="DF22" s="257">
        <v>0</v>
      </c>
      <c r="DG22" s="254">
        <v>0</v>
      </c>
      <c r="DH22" s="259">
        <v>0</v>
      </c>
      <c r="DI22" s="253">
        <v>0</v>
      </c>
      <c r="DJ22" s="257">
        <v>0</v>
      </c>
      <c r="DK22" s="254">
        <v>0</v>
      </c>
      <c r="DL22" s="256">
        <v>0</v>
      </c>
      <c r="DM22" s="257">
        <v>0</v>
      </c>
      <c r="DN22" s="257">
        <v>0</v>
      </c>
      <c r="DO22" s="257">
        <v>0</v>
      </c>
      <c r="DP22" s="257">
        <v>0</v>
      </c>
      <c r="DQ22" s="257">
        <v>0</v>
      </c>
      <c r="DR22" s="254">
        <v>0</v>
      </c>
      <c r="DS22" s="259">
        <v>0</v>
      </c>
      <c r="DT22" s="253">
        <v>11</v>
      </c>
      <c r="DU22" s="257">
        <v>28</v>
      </c>
      <c r="DV22" s="254">
        <v>39</v>
      </c>
      <c r="DW22" s="256">
        <v>0</v>
      </c>
      <c r="DX22" s="257">
        <v>43</v>
      </c>
      <c r="DY22" s="257">
        <v>34</v>
      </c>
      <c r="DZ22" s="257">
        <v>25</v>
      </c>
      <c r="EA22" s="257">
        <v>17</v>
      </c>
      <c r="EB22" s="257">
        <v>11</v>
      </c>
      <c r="EC22" s="254">
        <v>130</v>
      </c>
      <c r="ED22" s="259">
        <v>169</v>
      </c>
      <c r="EE22" s="253">
        <v>1</v>
      </c>
      <c r="EF22" s="257">
        <v>2</v>
      </c>
      <c r="EG22" s="254">
        <v>3</v>
      </c>
      <c r="EH22" s="256">
        <v>0</v>
      </c>
      <c r="EI22" s="257">
        <v>4</v>
      </c>
      <c r="EJ22" s="257">
        <v>2</v>
      </c>
      <c r="EK22" s="257">
        <v>7</v>
      </c>
      <c r="EL22" s="257">
        <v>6</v>
      </c>
      <c r="EM22" s="257">
        <v>3</v>
      </c>
      <c r="EN22" s="254">
        <v>22</v>
      </c>
      <c r="EO22" s="259">
        <v>25</v>
      </c>
      <c r="EP22" s="253">
        <v>19</v>
      </c>
      <c r="EQ22" s="257">
        <v>31</v>
      </c>
      <c r="ER22" s="254">
        <v>50</v>
      </c>
      <c r="ES22" s="256">
        <v>0</v>
      </c>
      <c r="ET22" s="257">
        <v>84</v>
      </c>
      <c r="EU22" s="257">
        <v>60</v>
      </c>
      <c r="EV22" s="257">
        <v>28</v>
      </c>
      <c r="EW22" s="257">
        <v>19</v>
      </c>
      <c r="EX22" s="257">
        <v>12</v>
      </c>
      <c r="EY22" s="254">
        <v>203</v>
      </c>
      <c r="EZ22" s="259">
        <v>253</v>
      </c>
    </row>
    <row r="23" spans="2:156" ht="21" customHeight="1" x14ac:dyDescent="0.2">
      <c r="B23" s="437" t="s">
        <v>21</v>
      </c>
      <c r="C23" s="253">
        <v>0</v>
      </c>
      <c r="D23" s="257">
        <v>0</v>
      </c>
      <c r="E23" s="340">
        <v>0</v>
      </c>
      <c r="F23" s="256">
        <v>0</v>
      </c>
      <c r="G23" s="257">
        <v>18</v>
      </c>
      <c r="H23" s="257">
        <v>11</v>
      </c>
      <c r="I23" s="257">
        <v>6</v>
      </c>
      <c r="J23" s="257">
        <v>6</v>
      </c>
      <c r="K23" s="257">
        <v>8</v>
      </c>
      <c r="L23" s="258">
        <v>49</v>
      </c>
      <c r="M23" s="259">
        <v>49</v>
      </c>
      <c r="N23" s="253">
        <v>0</v>
      </c>
      <c r="O23" s="257">
        <v>0</v>
      </c>
      <c r="P23" s="254">
        <v>0</v>
      </c>
      <c r="Q23" s="256">
        <v>0</v>
      </c>
      <c r="R23" s="257">
        <v>0</v>
      </c>
      <c r="S23" s="257">
        <v>0</v>
      </c>
      <c r="T23" s="257">
        <v>0</v>
      </c>
      <c r="U23" s="257">
        <v>1</v>
      </c>
      <c r="V23" s="257">
        <v>4</v>
      </c>
      <c r="W23" s="254">
        <v>5</v>
      </c>
      <c r="X23" s="259">
        <v>5</v>
      </c>
      <c r="Y23" s="253">
        <v>4</v>
      </c>
      <c r="Z23" s="257">
        <v>3</v>
      </c>
      <c r="AA23" s="254">
        <v>7</v>
      </c>
      <c r="AB23" s="256">
        <v>0</v>
      </c>
      <c r="AC23" s="257">
        <v>17</v>
      </c>
      <c r="AD23" s="257">
        <v>15</v>
      </c>
      <c r="AE23" s="257">
        <v>7</v>
      </c>
      <c r="AF23" s="257">
        <v>8</v>
      </c>
      <c r="AG23" s="257">
        <v>5</v>
      </c>
      <c r="AH23" s="254">
        <v>52</v>
      </c>
      <c r="AI23" s="259">
        <v>59</v>
      </c>
      <c r="AJ23" s="253">
        <v>1</v>
      </c>
      <c r="AK23" s="257">
        <v>0</v>
      </c>
      <c r="AL23" s="254">
        <v>1</v>
      </c>
      <c r="AM23" s="256">
        <v>0</v>
      </c>
      <c r="AN23" s="257">
        <v>1</v>
      </c>
      <c r="AO23" s="257">
        <v>3</v>
      </c>
      <c r="AP23" s="257">
        <v>0</v>
      </c>
      <c r="AQ23" s="257">
        <v>1</v>
      </c>
      <c r="AR23" s="257">
        <v>2</v>
      </c>
      <c r="AS23" s="254">
        <v>7</v>
      </c>
      <c r="AT23" s="259">
        <v>8</v>
      </c>
      <c r="AU23" s="253">
        <v>3</v>
      </c>
      <c r="AV23" s="257">
        <v>3</v>
      </c>
      <c r="AW23" s="254">
        <v>6</v>
      </c>
      <c r="AX23" s="256">
        <v>0</v>
      </c>
      <c r="AY23" s="257">
        <v>16</v>
      </c>
      <c r="AZ23" s="257">
        <v>17</v>
      </c>
      <c r="BA23" s="257">
        <v>14</v>
      </c>
      <c r="BB23" s="257">
        <v>12</v>
      </c>
      <c r="BC23" s="257">
        <v>14</v>
      </c>
      <c r="BD23" s="258">
        <v>73</v>
      </c>
      <c r="BE23" s="259">
        <v>79</v>
      </c>
      <c r="BF23" s="253">
        <v>0</v>
      </c>
      <c r="BG23" s="257">
        <v>0</v>
      </c>
      <c r="BH23" s="254">
        <v>0</v>
      </c>
      <c r="BI23" s="256">
        <v>0</v>
      </c>
      <c r="BJ23" s="257">
        <v>17</v>
      </c>
      <c r="BK23" s="257">
        <v>18</v>
      </c>
      <c r="BL23" s="257">
        <v>10</v>
      </c>
      <c r="BM23" s="257">
        <v>2</v>
      </c>
      <c r="BN23" s="257">
        <v>1</v>
      </c>
      <c r="BO23" s="254">
        <v>48</v>
      </c>
      <c r="BP23" s="259">
        <v>48</v>
      </c>
      <c r="BQ23" s="253">
        <v>4</v>
      </c>
      <c r="BR23" s="257">
        <v>1</v>
      </c>
      <c r="BS23" s="254">
        <v>5</v>
      </c>
      <c r="BT23" s="256">
        <v>0</v>
      </c>
      <c r="BU23" s="257">
        <v>6</v>
      </c>
      <c r="BV23" s="257">
        <v>10</v>
      </c>
      <c r="BW23" s="257">
        <v>3</v>
      </c>
      <c r="BX23" s="257">
        <v>0</v>
      </c>
      <c r="BY23" s="257">
        <v>1</v>
      </c>
      <c r="BZ23" s="254">
        <v>20</v>
      </c>
      <c r="CA23" s="259">
        <v>25</v>
      </c>
      <c r="CB23" s="253">
        <v>0</v>
      </c>
      <c r="CC23" s="257">
        <v>0</v>
      </c>
      <c r="CD23" s="254">
        <v>0</v>
      </c>
      <c r="CE23" s="256">
        <v>0</v>
      </c>
      <c r="CF23" s="257">
        <v>2</v>
      </c>
      <c r="CG23" s="257">
        <v>3</v>
      </c>
      <c r="CH23" s="257">
        <v>5</v>
      </c>
      <c r="CI23" s="257">
        <v>3</v>
      </c>
      <c r="CJ23" s="257">
        <v>3</v>
      </c>
      <c r="CK23" s="254">
        <v>16</v>
      </c>
      <c r="CL23" s="259">
        <v>16</v>
      </c>
      <c r="CM23" s="253">
        <v>0</v>
      </c>
      <c r="CN23" s="257">
        <v>0</v>
      </c>
      <c r="CO23" s="254">
        <v>0</v>
      </c>
      <c r="CP23" s="256">
        <v>0</v>
      </c>
      <c r="CQ23" s="257">
        <v>0</v>
      </c>
      <c r="CR23" s="257">
        <v>1</v>
      </c>
      <c r="CS23" s="257">
        <v>0</v>
      </c>
      <c r="CT23" s="257">
        <v>0</v>
      </c>
      <c r="CU23" s="257">
        <v>0</v>
      </c>
      <c r="CV23" s="254">
        <v>1</v>
      </c>
      <c r="CW23" s="259">
        <v>1</v>
      </c>
      <c r="CX23" s="253">
        <v>0</v>
      </c>
      <c r="CY23" s="257">
        <v>0</v>
      </c>
      <c r="CZ23" s="254">
        <v>0</v>
      </c>
      <c r="DA23" s="256">
        <v>0</v>
      </c>
      <c r="DB23" s="257">
        <v>0</v>
      </c>
      <c r="DC23" s="257">
        <v>0</v>
      </c>
      <c r="DD23" s="257">
        <v>0</v>
      </c>
      <c r="DE23" s="257">
        <v>0</v>
      </c>
      <c r="DF23" s="257">
        <v>0</v>
      </c>
      <c r="DG23" s="254">
        <v>0</v>
      </c>
      <c r="DH23" s="259">
        <v>0</v>
      </c>
      <c r="DI23" s="253">
        <v>0</v>
      </c>
      <c r="DJ23" s="257">
        <v>0</v>
      </c>
      <c r="DK23" s="254">
        <v>0</v>
      </c>
      <c r="DL23" s="256">
        <v>0</v>
      </c>
      <c r="DM23" s="257">
        <v>0</v>
      </c>
      <c r="DN23" s="257">
        <v>0</v>
      </c>
      <c r="DO23" s="257">
        <v>0</v>
      </c>
      <c r="DP23" s="257">
        <v>0</v>
      </c>
      <c r="DQ23" s="257">
        <v>0</v>
      </c>
      <c r="DR23" s="254">
        <v>0</v>
      </c>
      <c r="DS23" s="259">
        <v>0</v>
      </c>
      <c r="DT23" s="253">
        <v>10</v>
      </c>
      <c r="DU23" s="257">
        <v>18</v>
      </c>
      <c r="DV23" s="254">
        <v>28</v>
      </c>
      <c r="DW23" s="256">
        <v>0</v>
      </c>
      <c r="DX23" s="257">
        <v>21</v>
      </c>
      <c r="DY23" s="257">
        <v>41</v>
      </c>
      <c r="DZ23" s="257">
        <v>19</v>
      </c>
      <c r="EA23" s="257">
        <v>11</v>
      </c>
      <c r="EB23" s="257">
        <v>7</v>
      </c>
      <c r="EC23" s="254">
        <v>99</v>
      </c>
      <c r="ED23" s="259">
        <v>127</v>
      </c>
      <c r="EE23" s="253">
        <v>0</v>
      </c>
      <c r="EF23" s="257">
        <v>2</v>
      </c>
      <c r="EG23" s="254">
        <v>2</v>
      </c>
      <c r="EH23" s="256">
        <v>0</v>
      </c>
      <c r="EI23" s="257">
        <v>4</v>
      </c>
      <c r="EJ23" s="257">
        <v>6</v>
      </c>
      <c r="EK23" s="257">
        <v>3</v>
      </c>
      <c r="EL23" s="257">
        <v>4</v>
      </c>
      <c r="EM23" s="257">
        <v>4</v>
      </c>
      <c r="EN23" s="254">
        <v>21</v>
      </c>
      <c r="EO23" s="259">
        <v>23</v>
      </c>
      <c r="EP23" s="253">
        <v>18</v>
      </c>
      <c r="EQ23" s="257">
        <v>19</v>
      </c>
      <c r="ER23" s="254">
        <v>37</v>
      </c>
      <c r="ES23" s="256">
        <v>0</v>
      </c>
      <c r="ET23" s="257">
        <v>54</v>
      </c>
      <c r="EU23" s="257">
        <v>52</v>
      </c>
      <c r="EV23" s="257">
        <v>24</v>
      </c>
      <c r="EW23" s="257">
        <v>13</v>
      </c>
      <c r="EX23" s="257">
        <v>11</v>
      </c>
      <c r="EY23" s="254">
        <v>154</v>
      </c>
      <c r="EZ23" s="259">
        <v>191</v>
      </c>
    </row>
    <row r="24" spans="2:156" ht="21" customHeight="1" x14ac:dyDescent="0.2">
      <c r="B24" s="437" t="s">
        <v>22</v>
      </c>
      <c r="C24" s="253">
        <v>0</v>
      </c>
      <c r="D24" s="257">
        <v>0</v>
      </c>
      <c r="E24" s="340">
        <v>0</v>
      </c>
      <c r="F24" s="256">
        <v>0</v>
      </c>
      <c r="G24" s="257">
        <v>5</v>
      </c>
      <c r="H24" s="257">
        <v>6</v>
      </c>
      <c r="I24" s="257">
        <v>0</v>
      </c>
      <c r="J24" s="257">
        <v>0</v>
      </c>
      <c r="K24" s="257">
        <v>1</v>
      </c>
      <c r="L24" s="258">
        <v>12</v>
      </c>
      <c r="M24" s="259">
        <v>12</v>
      </c>
      <c r="N24" s="253">
        <v>0</v>
      </c>
      <c r="O24" s="257">
        <v>0</v>
      </c>
      <c r="P24" s="254">
        <v>0</v>
      </c>
      <c r="Q24" s="256">
        <v>0</v>
      </c>
      <c r="R24" s="257">
        <v>1</v>
      </c>
      <c r="S24" s="257">
        <v>0</v>
      </c>
      <c r="T24" s="257">
        <v>0</v>
      </c>
      <c r="U24" s="257">
        <v>0</v>
      </c>
      <c r="V24" s="257">
        <v>0</v>
      </c>
      <c r="W24" s="254">
        <v>1</v>
      </c>
      <c r="X24" s="259">
        <v>1</v>
      </c>
      <c r="Y24" s="253">
        <v>0</v>
      </c>
      <c r="Z24" s="257">
        <v>2</v>
      </c>
      <c r="AA24" s="254">
        <v>2</v>
      </c>
      <c r="AB24" s="256">
        <v>0</v>
      </c>
      <c r="AC24" s="257">
        <v>5</v>
      </c>
      <c r="AD24" s="257">
        <v>6</v>
      </c>
      <c r="AE24" s="257">
        <v>3</v>
      </c>
      <c r="AF24" s="257">
        <v>0</v>
      </c>
      <c r="AG24" s="257">
        <v>2</v>
      </c>
      <c r="AH24" s="254">
        <v>16</v>
      </c>
      <c r="AI24" s="259">
        <v>18</v>
      </c>
      <c r="AJ24" s="253">
        <v>1</v>
      </c>
      <c r="AK24" s="257">
        <v>0</v>
      </c>
      <c r="AL24" s="254">
        <v>1</v>
      </c>
      <c r="AM24" s="256">
        <v>0</v>
      </c>
      <c r="AN24" s="257">
        <v>0</v>
      </c>
      <c r="AO24" s="257">
        <v>1</v>
      </c>
      <c r="AP24" s="257">
        <v>0</v>
      </c>
      <c r="AQ24" s="257">
        <v>0</v>
      </c>
      <c r="AR24" s="257">
        <v>0</v>
      </c>
      <c r="AS24" s="254">
        <v>1</v>
      </c>
      <c r="AT24" s="259">
        <v>2</v>
      </c>
      <c r="AU24" s="253">
        <v>1</v>
      </c>
      <c r="AV24" s="257">
        <v>0</v>
      </c>
      <c r="AW24" s="254">
        <v>1</v>
      </c>
      <c r="AX24" s="256">
        <v>0</v>
      </c>
      <c r="AY24" s="257">
        <v>8</v>
      </c>
      <c r="AZ24" s="257">
        <v>9</v>
      </c>
      <c r="BA24" s="257">
        <v>3</v>
      </c>
      <c r="BB24" s="257">
        <v>3</v>
      </c>
      <c r="BC24" s="257">
        <v>1</v>
      </c>
      <c r="BD24" s="258">
        <v>24</v>
      </c>
      <c r="BE24" s="259">
        <v>25</v>
      </c>
      <c r="BF24" s="253">
        <v>0</v>
      </c>
      <c r="BG24" s="257">
        <v>0</v>
      </c>
      <c r="BH24" s="254">
        <v>0</v>
      </c>
      <c r="BI24" s="256">
        <v>0</v>
      </c>
      <c r="BJ24" s="257">
        <v>14</v>
      </c>
      <c r="BK24" s="257">
        <v>4</v>
      </c>
      <c r="BL24" s="257">
        <v>7</v>
      </c>
      <c r="BM24" s="257">
        <v>1</v>
      </c>
      <c r="BN24" s="257">
        <v>1</v>
      </c>
      <c r="BO24" s="254">
        <v>27</v>
      </c>
      <c r="BP24" s="259">
        <v>27</v>
      </c>
      <c r="BQ24" s="253">
        <v>1</v>
      </c>
      <c r="BR24" s="257">
        <v>0</v>
      </c>
      <c r="BS24" s="254">
        <v>1</v>
      </c>
      <c r="BT24" s="256">
        <v>0</v>
      </c>
      <c r="BU24" s="257">
        <v>4</v>
      </c>
      <c r="BV24" s="257">
        <v>1</v>
      </c>
      <c r="BW24" s="257">
        <v>3</v>
      </c>
      <c r="BX24" s="257">
        <v>1</v>
      </c>
      <c r="BY24" s="257">
        <v>1</v>
      </c>
      <c r="BZ24" s="254">
        <v>10</v>
      </c>
      <c r="CA24" s="259">
        <v>11</v>
      </c>
      <c r="CB24" s="253">
        <v>0</v>
      </c>
      <c r="CC24" s="257">
        <v>0</v>
      </c>
      <c r="CD24" s="254">
        <v>0</v>
      </c>
      <c r="CE24" s="256">
        <v>0</v>
      </c>
      <c r="CF24" s="257">
        <v>1</v>
      </c>
      <c r="CG24" s="257">
        <v>0</v>
      </c>
      <c r="CH24" s="257">
        <v>0</v>
      </c>
      <c r="CI24" s="257">
        <v>1</v>
      </c>
      <c r="CJ24" s="257">
        <v>0</v>
      </c>
      <c r="CK24" s="254">
        <v>2</v>
      </c>
      <c r="CL24" s="259">
        <v>2</v>
      </c>
      <c r="CM24" s="253">
        <v>0</v>
      </c>
      <c r="CN24" s="257">
        <v>0</v>
      </c>
      <c r="CO24" s="254">
        <v>0</v>
      </c>
      <c r="CP24" s="256">
        <v>0</v>
      </c>
      <c r="CQ24" s="257">
        <v>1</v>
      </c>
      <c r="CR24" s="257">
        <v>0</v>
      </c>
      <c r="CS24" s="257">
        <v>0</v>
      </c>
      <c r="CT24" s="257">
        <v>0</v>
      </c>
      <c r="CU24" s="257">
        <v>0</v>
      </c>
      <c r="CV24" s="254">
        <v>1</v>
      </c>
      <c r="CW24" s="259">
        <v>1</v>
      </c>
      <c r="CX24" s="253">
        <v>0</v>
      </c>
      <c r="CY24" s="257">
        <v>0</v>
      </c>
      <c r="CZ24" s="254">
        <v>0</v>
      </c>
      <c r="DA24" s="256">
        <v>0</v>
      </c>
      <c r="DB24" s="257">
        <v>0</v>
      </c>
      <c r="DC24" s="257">
        <v>0</v>
      </c>
      <c r="DD24" s="257">
        <v>0</v>
      </c>
      <c r="DE24" s="257">
        <v>0</v>
      </c>
      <c r="DF24" s="257">
        <v>0</v>
      </c>
      <c r="DG24" s="254">
        <v>0</v>
      </c>
      <c r="DH24" s="259">
        <v>0</v>
      </c>
      <c r="DI24" s="253">
        <v>0</v>
      </c>
      <c r="DJ24" s="257">
        <v>0</v>
      </c>
      <c r="DK24" s="254">
        <v>0</v>
      </c>
      <c r="DL24" s="256">
        <v>0</v>
      </c>
      <c r="DM24" s="257">
        <v>0</v>
      </c>
      <c r="DN24" s="257">
        <v>0</v>
      </c>
      <c r="DO24" s="257">
        <v>0</v>
      </c>
      <c r="DP24" s="257">
        <v>0</v>
      </c>
      <c r="DQ24" s="257">
        <v>0</v>
      </c>
      <c r="DR24" s="254">
        <v>0</v>
      </c>
      <c r="DS24" s="259">
        <v>0</v>
      </c>
      <c r="DT24" s="253">
        <v>1</v>
      </c>
      <c r="DU24" s="257">
        <v>2</v>
      </c>
      <c r="DV24" s="254">
        <v>3</v>
      </c>
      <c r="DW24" s="256">
        <v>0</v>
      </c>
      <c r="DX24" s="257">
        <v>19</v>
      </c>
      <c r="DY24" s="257">
        <v>16</v>
      </c>
      <c r="DZ24" s="257">
        <v>11</v>
      </c>
      <c r="EA24" s="257">
        <v>3</v>
      </c>
      <c r="EB24" s="257">
        <v>3</v>
      </c>
      <c r="EC24" s="254">
        <v>52</v>
      </c>
      <c r="ED24" s="259">
        <v>55</v>
      </c>
      <c r="EE24" s="253">
        <v>0</v>
      </c>
      <c r="EF24" s="257">
        <v>1</v>
      </c>
      <c r="EG24" s="254">
        <v>1</v>
      </c>
      <c r="EH24" s="256">
        <v>0</v>
      </c>
      <c r="EI24" s="257">
        <v>5</v>
      </c>
      <c r="EJ24" s="257">
        <v>4</v>
      </c>
      <c r="EK24" s="257">
        <v>1</v>
      </c>
      <c r="EL24" s="257">
        <v>2</v>
      </c>
      <c r="EM24" s="257">
        <v>1</v>
      </c>
      <c r="EN24" s="254">
        <v>13</v>
      </c>
      <c r="EO24" s="259">
        <v>14</v>
      </c>
      <c r="EP24" s="253">
        <v>3</v>
      </c>
      <c r="EQ24" s="257">
        <v>3</v>
      </c>
      <c r="ER24" s="254">
        <v>6</v>
      </c>
      <c r="ES24" s="256">
        <v>0</v>
      </c>
      <c r="ET24" s="257">
        <v>29</v>
      </c>
      <c r="EU24" s="257">
        <v>20</v>
      </c>
      <c r="EV24" s="257">
        <v>13</v>
      </c>
      <c r="EW24" s="257">
        <v>2</v>
      </c>
      <c r="EX24" s="257">
        <v>3</v>
      </c>
      <c r="EY24" s="254">
        <v>67</v>
      </c>
      <c r="EZ24" s="259">
        <v>73</v>
      </c>
    </row>
    <row r="25" spans="2:156" ht="21" customHeight="1" x14ac:dyDescent="0.2">
      <c r="B25" s="437" t="s">
        <v>23</v>
      </c>
      <c r="C25" s="253">
        <v>0</v>
      </c>
      <c r="D25" s="257">
        <v>0</v>
      </c>
      <c r="E25" s="340">
        <v>0</v>
      </c>
      <c r="F25" s="256">
        <v>0</v>
      </c>
      <c r="G25" s="257">
        <v>5</v>
      </c>
      <c r="H25" s="257">
        <v>9</v>
      </c>
      <c r="I25" s="257">
        <v>3</v>
      </c>
      <c r="J25" s="257">
        <v>3</v>
      </c>
      <c r="K25" s="257">
        <v>1</v>
      </c>
      <c r="L25" s="258">
        <v>21</v>
      </c>
      <c r="M25" s="259">
        <v>21</v>
      </c>
      <c r="N25" s="253">
        <v>0</v>
      </c>
      <c r="O25" s="257">
        <v>0</v>
      </c>
      <c r="P25" s="254">
        <v>0</v>
      </c>
      <c r="Q25" s="256">
        <v>0</v>
      </c>
      <c r="R25" s="257">
        <v>0</v>
      </c>
      <c r="S25" s="257">
        <v>0</v>
      </c>
      <c r="T25" s="257">
        <v>0</v>
      </c>
      <c r="U25" s="257">
        <v>3</v>
      </c>
      <c r="V25" s="257">
        <v>0</v>
      </c>
      <c r="W25" s="254">
        <v>3</v>
      </c>
      <c r="X25" s="259">
        <v>3</v>
      </c>
      <c r="Y25" s="253">
        <v>4</v>
      </c>
      <c r="Z25" s="257">
        <v>4</v>
      </c>
      <c r="AA25" s="254">
        <v>8</v>
      </c>
      <c r="AB25" s="256">
        <v>0</v>
      </c>
      <c r="AC25" s="257">
        <v>3</v>
      </c>
      <c r="AD25" s="257">
        <v>16</v>
      </c>
      <c r="AE25" s="257">
        <v>2</v>
      </c>
      <c r="AF25" s="257">
        <v>5</v>
      </c>
      <c r="AG25" s="257">
        <v>3</v>
      </c>
      <c r="AH25" s="254">
        <v>29</v>
      </c>
      <c r="AI25" s="259">
        <v>37</v>
      </c>
      <c r="AJ25" s="253">
        <v>0</v>
      </c>
      <c r="AK25" s="257">
        <v>1</v>
      </c>
      <c r="AL25" s="254">
        <v>1</v>
      </c>
      <c r="AM25" s="256">
        <v>0</v>
      </c>
      <c r="AN25" s="257">
        <v>0</v>
      </c>
      <c r="AO25" s="257">
        <v>0</v>
      </c>
      <c r="AP25" s="257">
        <v>0</v>
      </c>
      <c r="AQ25" s="257">
        <v>0</v>
      </c>
      <c r="AR25" s="257">
        <v>0</v>
      </c>
      <c r="AS25" s="254">
        <v>0</v>
      </c>
      <c r="AT25" s="259">
        <v>1</v>
      </c>
      <c r="AU25" s="253">
        <v>3</v>
      </c>
      <c r="AV25" s="257">
        <v>0</v>
      </c>
      <c r="AW25" s="254">
        <v>3</v>
      </c>
      <c r="AX25" s="256">
        <v>0</v>
      </c>
      <c r="AY25" s="257">
        <v>11</v>
      </c>
      <c r="AZ25" s="257">
        <v>11</v>
      </c>
      <c r="BA25" s="257">
        <v>7</v>
      </c>
      <c r="BB25" s="257">
        <v>9</v>
      </c>
      <c r="BC25" s="257">
        <v>6</v>
      </c>
      <c r="BD25" s="258">
        <v>44</v>
      </c>
      <c r="BE25" s="259">
        <v>47</v>
      </c>
      <c r="BF25" s="253">
        <v>0</v>
      </c>
      <c r="BG25" s="257">
        <v>0</v>
      </c>
      <c r="BH25" s="254">
        <v>0</v>
      </c>
      <c r="BI25" s="256">
        <v>0</v>
      </c>
      <c r="BJ25" s="257">
        <v>12</v>
      </c>
      <c r="BK25" s="257">
        <v>16</v>
      </c>
      <c r="BL25" s="257">
        <v>3</v>
      </c>
      <c r="BM25" s="257">
        <v>5</v>
      </c>
      <c r="BN25" s="257">
        <v>3</v>
      </c>
      <c r="BO25" s="254">
        <v>39</v>
      </c>
      <c r="BP25" s="259">
        <v>39</v>
      </c>
      <c r="BQ25" s="253">
        <v>0</v>
      </c>
      <c r="BR25" s="257">
        <v>0</v>
      </c>
      <c r="BS25" s="254">
        <v>0</v>
      </c>
      <c r="BT25" s="256">
        <v>0</v>
      </c>
      <c r="BU25" s="257">
        <v>4</v>
      </c>
      <c r="BV25" s="257">
        <v>1</v>
      </c>
      <c r="BW25" s="257">
        <v>0</v>
      </c>
      <c r="BX25" s="257">
        <v>1</v>
      </c>
      <c r="BY25" s="257">
        <v>1</v>
      </c>
      <c r="BZ25" s="254">
        <v>7</v>
      </c>
      <c r="CA25" s="259">
        <v>7</v>
      </c>
      <c r="CB25" s="253">
        <v>0</v>
      </c>
      <c r="CC25" s="257">
        <v>0</v>
      </c>
      <c r="CD25" s="254">
        <v>0</v>
      </c>
      <c r="CE25" s="256">
        <v>0</v>
      </c>
      <c r="CF25" s="257">
        <v>0</v>
      </c>
      <c r="CG25" s="257">
        <v>1</v>
      </c>
      <c r="CH25" s="257">
        <v>2</v>
      </c>
      <c r="CI25" s="257">
        <v>1</v>
      </c>
      <c r="CJ25" s="257">
        <v>2</v>
      </c>
      <c r="CK25" s="254">
        <v>6</v>
      </c>
      <c r="CL25" s="259">
        <v>6</v>
      </c>
      <c r="CM25" s="253">
        <v>0</v>
      </c>
      <c r="CN25" s="257">
        <v>0</v>
      </c>
      <c r="CO25" s="254">
        <v>0</v>
      </c>
      <c r="CP25" s="256">
        <v>0</v>
      </c>
      <c r="CQ25" s="257">
        <v>0</v>
      </c>
      <c r="CR25" s="257">
        <v>0</v>
      </c>
      <c r="CS25" s="257">
        <v>0</v>
      </c>
      <c r="CT25" s="257">
        <v>0</v>
      </c>
      <c r="CU25" s="257">
        <v>0</v>
      </c>
      <c r="CV25" s="254">
        <v>0</v>
      </c>
      <c r="CW25" s="259">
        <v>0</v>
      </c>
      <c r="CX25" s="253">
        <v>0</v>
      </c>
      <c r="CY25" s="257">
        <v>0</v>
      </c>
      <c r="CZ25" s="254">
        <v>0</v>
      </c>
      <c r="DA25" s="256">
        <v>0</v>
      </c>
      <c r="DB25" s="257">
        <v>0</v>
      </c>
      <c r="DC25" s="257">
        <v>0</v>
      </c>
      <c r="DD25" s="257">
        <v>0</v>
      </c>
      <c r="DE25" s="257">
        <v>0</v>
      </c>
      <c r="DF25" s="257">
        <v>0</v>
      </c>
      <c r="DG25" s="254">
        <v>0</v>
      </c>
      <c r="DH25" s="259">
        <v>0</v>
      </c>
      <c r="DI25" s="253">
        <v>0</v>
      </c>
      <c r="DJ25" s="257">
        <v>0</v>
      </c>
      <c r="DK25" s="254">
        <v>0</v>
      </c>
      <c r="DL25" s="256">
        <v>0</v>
      </c>
      <c r="DM25" s="257">
        <v>0</v>
      </c>
      <c r="DN25" s="257">
        <v>0</v>
      </c>
      <c r="DO25" s="257">
        <v>0</v>
      </c>
      <c r="DP25" s="257">
        <v>0</v>
      </c>
      <c r="DQ25" s="257">
        <v>0</v>
      </c>
      <c r="DR25" s="254">
        <v>0</v>
      </c>
      <c r="DS25" s="259">
        <v>0</v>
      </c>
      <c r="DT25" s="253">
        <v>5</v>
      </c>
      <c r="DU25" s="257">
        <v>10</v>
      </c>
      <c r="DV25" s="254">
        <v>15</v>
      </c>
      <c r="DW25" s="256">
        <v>0</v>
      </c>
      <c r="DX25" s="257">
        <v>8</v>
      </c>
      <c r="DY25" s="257">
        <v>23</v>
      </c>
      <c r="DZ25" s="257">
        <v>8</v>
      </c>
      <c r="EA25" s="257">
        <v>8</v>
      </c>
      <c r="EB25" s="257">
        <v>5</v>
      </c>
      <c r="EC25" s="254">
        <v>52</v>
      </c>
      <c r="ED25" s="259">
        <v>67</v>
      </c>
      <c r="EE25" s="253">
        <v>3</v>
      </c>
      <c r="EF25" s="257">
        <v>0</v>
      </c>
      <c r="EG25" s="254">
        <v>3</v>
      </c>
      <c r="EH25" s="256">
        <v>0</v>
      </c>
      <c r="EI25" s="257">
        <v>7</v>
      </c>
      <c r="EJ25" s="257">
        <v>2</v>
      </c>
      <c r="EK25" s="257">
        <v>0</v>
      </c>
      <c r="EL25" s="257">
        <v>4</v>
      </c>
      <c r="EM25" s="257">
        <v>3</v>
      </c>
      <c r="EN25" s="254">
        <v>16</v>
      </c>
      <c r="EO25" s="259">
        <v>19</v>
      </c>
      <c r="EP25" s="253">
        <v>8</v>
      </c>
      <c r="EQ25" s="257">
        <v>13</v>
      </c>
      <c r="ER25" s="254">
        <v>21</v>
      </c>
      <c r="ES25" s="256">
        <v>0</v>
      </c>
      <c r="ET25" s="257">
        <v>25</v>
      </c>
      <c r="EU25" s="257">
        <v>33</v>
      </c>
      <c r="EV25" s="257">
        <v>12</v>
      </c>
      <c r="EW25" s="257">
        <v>8</v>
      </c>
      <c r="EX25" s="257">
        <v>5</v>
      </c>
      <c r="EY25" s="254">
        <v>83</v>
      </c>
      <c r="EZ25" s="259">
        <v>104</v>
      </c>
    </row>
    <row r="26" spans="2:156" ht="21" customHeight="1" x14ac:dyDescent="0.2">
      <c r="B26" s="437" t="s">
        <v>24</v>
      </c>
      <c r="C26" s="253">
        <v>0</v>
      </c>
      <c r="D26" s="257">
        <v>0</v>
      </c>
      <c r="E26" s="340">
        <v>0</v>
      </c>
      <c r="F26" s="256">
        <v>0</v>
      </c>
      <c r="G26" s="257">
        <v>12</v>
      </c>
      <c r="H26" s="257">
        <v>5</v>
      </c>
      <c r="I26" s="257">
        <v>2</v>
      </c>
      <c r="J26" s="257">
        <v>4</v>
      </c>
      <c r="K26" s="257">
        <v>1</v>
      </c>
      <c r="L26" s="258">
        <v>24</v>
      </c>
      <c r="M26" s="259">
        <v>24</v>
      </c>
      <c r="N26" s="253">
        <v>0</v>
      </c>
      <c r="O26" s="257">
        <v>0</v>
      </c>
      <c r="P26" s="254">
        <v>0</v>
      </c>
      <c r="Q26" s="256">
        <v>0</v>
      </c>
      <c r="R26" s="257">
        <v>0</v>
      </c>
      <c r="S26" s="257">
        <v>0</v>
      </c>
      <c r="T26" s="257">
        <v>0</v>
      </c>
      <c r="U26" s="257">
        <v>3</v>
      </c>
      <c r="V26" s="257">
        <v>2</v>
      </c>
      <c r="W26" s="254">
        <v>5</v>
      </c>
      <c r="X26" s="259">
        <v>5</v>
      </c>
      <c r="Y26" s="253">
        <v>1</v>
      </c>
      <c r="Z26" s="257">
        <v>4</v>
      </c>
      <c r="AA26" s="254">
        <v>5</v>
      </c>
      <c r="AB26" s="256">
        <v>0</v>
      </c>
      <c r="AC26" s="257">
        <v>11</v>
      </c>
      <c r="AD26" s="257">
        <v>7</v>
      </c>
      <c r="AE26" s="257">
        <v>4</v>
      </c>
      <c r="AF26" s="257">
        <v>5</v>
      </c>
      <c r="AG26" s="257">
        <v>3</v>
      </c>
      <c r="AH26" s="254">
        <v>30</v>
      </c>
      <c r="AI26" s="259">
        <v>35</v>
      </c>
      <c r="AJ26" s="253">
        <v>0</v>
      </c>
      <c r="AK26" s="257">
        <v>0</v>
      </c>
      <c r="AL26" s="254">
        <v>0</v>
      </c>
      <c r="AM26" s="256">
        <v>0</v>
      </c>
      <c r="AN26" s="257">
        <v>1</v>
      </c>
      <c r="AO26" s="257">
        <v>1</v>
      </c>
      <c r="AP26" s="257">
        <v>1</v>
      </c>
      <c r="AQ26" s="257">
        <v>0</v>
      </c>
      <c r="AR26" s="257">
        <v>0</v>
      </c>
      <c r="AS26" s="254">
        <v>3</v>
      </c>
      <c r="AT26" s="259">
        <v>3</v>
      </c>
      <c r="AU26" s="253">
        <v>3</v>
      </c>
      <c r="AV26" s="257">
        <v>1</v>
      </c>
      <c r="AW26" s="254">
        <v>4</v>
      </c>
      <c r="AX26" s="256">
        <v>0</v>
      </c>
      <c r="AY26" s="257">
        <v>13</v>
      </c>
      <c r="AZ26" s="257">
        <v>8</v>
      </c>
      <c r="BA26" s="257">
        <v>10</v>
      </c>
      <c r="BB26" s="257">
        <v>7</v>
      </c>
      <c r="BC26" s="257">
        <v>8</v>
      </c>
      <c r="BD26" s="258">
        <v>46</v>
      </c>
      <c r="BE26" s="259">
        <v>50</v>
      </c>
      <c r="BF26" s="253">
        <v>0</v>
      </c>
      <c r="BG26" s="257">
        <v>0</v>
      </c>
      <c r="BH26" s="254">
        <v>0</v>
      </c>
      <c r="BI26" s="256">
        <v>0</v>
      </c>
      <c r="BJ26" s="257">
        <v>16</v>
      </c>
      <c r="BK26" s="257">
        <v>10</v>
      </c>
      <c r="BL26" s="257">
        <v>3</v>
      </c>
      <c r="BM26" s="257">
        <v>2</v>
      </c>
      <c r="BN26" s="257">
        <v>1</v>
      </c>
      <c r="BO26" s="254">
        <v>32</v>
      </c>
      <c r="BP26" s="259">
        <v>32</v>
      </c>
      <c r="BQ26" s="253">
        <v>2</v>
      </c>
      <c r="BR26" s="257">
        <v>0</v>
      </c>
      <c r="BS26" s="254">
        <v>2</v>
      </c>
      <c r="BT26" s="256">
        <v>0</v>
      </c>
      <c r="BU26" s="257">
        <v>2</v>
      </c>
      <c r="BV26" s="257">
        <v>6</v>
      </c>
      <c r="BW26" s="257">
        <v>6</v>
      </c>
      <c r="BX26" s="257">
        <v>1</v>
      </c>
      <c r="BY26" s="257">
        <v>0</v>
      </c>
      <c r="BZ26" s="254">
        <v>15</v>
      </c>
      <c r="CA26" s="259">
        <v>17</v>
      </c>
      <c r="CB26" s="253">
        <v>0</v>
      </c>
      <c r="CC26" s="257">
        <v>0</v>
      </c>
      <c r="CD26" s="254">
        <v>0</v>
      </c>
      <c r="CE26" s="256">
        <v>0</v>
      </c>
      <c r="CF26" s="257">
        <v>1</v>
      </c>
      <c r="CG26" s="257">
        <v>3</v>
      </c>
      <c r="CH26" s="257">
        <v>0</v>
      </c>
      <c r="CI26" s="257">
        <v>0</v>
      </c>
      <c r="CJ26" s="257">
        <v>1</v>
      </c>
      <c r="CK26" s="254">
        <v>5</v>
      </c>
      <c r="CL26" s="259">
        <v>5</v>
      </c>
      <c r="CM26" s="253">
        <v>0</v>
      </c>
      <c r="CN26" s="257">
        <v>0</v>
      </c>
      <c r="CO26" s="254">
        <v>0</v>
      </c>
      <c r="CP26" s="256">
        <v>0</v>
      </c>
      <c r="CQ26" s="257">
        <v>1</v>
      </c>
      <c r="CR26" s="257">
        <v>0</v>
      </c>
      <c r="CS26" s="257">
        <v>0</v>
      </c>
      <c r="CT26" s="257">
        <v>0</v>
      </c>
      <c r="CU26" s="257">
        <v>0</v>
      </c>
      <c r="CV26" s="254">
        <v>1</v>
      </c>
      <c r="CW26" s="259">
        <v>1</v>
      </c>
      <c r="CX26" s="253">
        <v>0</v>
      </c>
      <c r="CY26" s="257">
        <v>0</v>
      </c>
      <c r="CZ26" s="254">
        <v>0</v>
      </c>
      <c r="DA26" s="256">
        <v>0</v>
      </c>
      <c r="DB26" s="257">
        <v>0</v>
      </c>
      <c r="DC26" s="257">
        <v>0</v>
      </c>
      <c r="DD26" s="257">
        <v>0</v>
      </c>
      <c r="DE26" s="257">
        <v>0</v>
      </c>
      <c r="DF26" s="257">
        <v>0</v>
      </c>
      <c r="DG26" s="254">
        <v>0</v>
      </c>
      <c r="DH26" s="259">
        <v>0</v>
      </c>
      <c r="DI26" s="253">
        <v>0</v>
      </c>
      <c r="DJ26" s="257">
        <v>0</v>
      </c>
      <c r="DK26" s="254">
        <v>0</v>
      </c>
      <c r="DL26" s="256">
        <v>0</v>
      </c>
      <c r="DM26" s="257">
        <v>0</v>
      </c>
      <c r="DN26" s="257">
        <v>0</v>
      </c>
      <c r="DO26" s="257">
        <v>0</v>
      </c>
      <c r="DP26" s="257">
        <v>0</v>
      </c>
      <c r="DQ26" s="257">
        <v>0</v>
      </c>
      <c r="DR26" s="254">
        <v>0</v>
      </c>
      <c r="DS26" s="259">
        <v>0</v>
      </c>
      <c r="DT26" s="253">
        <v>8</v>
      </c>
      <c r="DU26" s="257">
        <v>1</v>
      </c>
      <c r="DV26" s="254">
        <v>9</v>
      </c>
      <c r="DW26" s="256">
        <v>0</v>
      </c>
      <c r="DX26" s="257">
        <v>13</v>
      </c>
      <c r="DY26" s="257">
        <v>14</v>
      </c>
      <c r="DZ26" s="257">
        <v>6</v>
      </c>
      <c r="EA26" s="257">
        <v>5</v>
      </c>
      <c r="EB26" s="257">
        <v>3</v>
      </c>
      <c r="EC26" s="254">
        <v>41</v>
      </c>
      <c r="ED26" s="259">
        <v>50</v>
      </c>
      <c r="EE26" s="253">
        <v>3</v>
      </c>
      <c r="EF26" s="257">
        <v>0</v>
      </c>
      <c r="EG26" s="254">
        <v>3</v>
      </c>
      <c r="EH26" s="256">
        <v>0</v>
      </c>
      <c r="EI26" s="257">
        <v>5</v>
      </c>
      <c r="EJ26" s="257">
        <v>3</v>
      </c>
      <c r="EK26" s="257">
        <v>3</v>
      </c>
      <c r="EL26" s="257">
        <v>2</v>
      </c>
      <c r="EM26" s="257">
        <v>3</v>
      </c>
      <c r="EN26" s="254">
        <v>16</v>
      </c>
      <c r="EO26" s="259">
        <v>19</v>
      </c>
      <c r="EP26" s="253">
        <v>12</v>
      </c>
      <c r="EQ26" s="257">
        <v>7</v>
      </c>
      <c r="ER26" s="254">
        <v>19</v>
      </c>
      <c r="ES26" s="256">
        <v>0</v>
      </c>
      <c r="ET26" s="257">
        <v>32</v>
      </c>
      <c r="EU26" s="257">
        <v>24</v>
      </c>
      <c r="EV26" s="257">
        <v>13</v>
      </c>
      <c r="EW26" s="257">
        <v>8</v>
      </c>
      <c r="EX26" s="257">
        <v>4</v>
      </c>
      <c r="EY26" s="254">
        <v>81</v>
      </c>
      <c r="EZ26" s="259">
        <v>100</v>
      </c>
    </row>
    <row r="27" spans="2:156" ht="21" customHeight="1" x14ac:dyDescent="0.2">
      <c r="B27" s="437" t="s">
        <v>25</v>
      </c>
      <c r="C27" s="253">
        <v>0</v>
      </c>
      <c r="D27" s="257">
        <v>0</v>
      </c>
      <c r="E27" s="340">
        <v>0</v>
      </c>
      <c r="F27" s="256">
        <v>0</v>
      </c>
      <c r="G27" s="257">
        <v>6</v>
      </c>
      <c r="H27" s="257">
        <v>4</v>
      </c>
      <c r="I27" s="257">
        <v>1</v>
      </c>
      <c r="J27" s="257">
        <v>2</v>
      </c>
      <c r="K27" s="257">
        <v>1</v>
      </c>
      <c r="L27" s="258">
        <v>14</v>
      </c>
      <c r="M27" s="259">
        <v>14</v>
      </c>
      <c r="N27" s="253">
        <v>0</v>
      </c>
      <c r="O27" s="257">
        <v>0</v>
      </c>
      <c r="P27" s="254">
        <v>0</v>
      </c>
      <c r="Q27" s="256">
        <v>0</v>
      </c>
      <c r="R27" s="257">
        <v>0</v>
      </c>
      <c r="S27" s="257">
        <v>0</v>
      </c>
      <c r="T27" s="257">
        <v>1</v>
      </c>
      <c r="U27" s="257">
        <v>2</v>
      </c>
      <c r="V27" s="257">
        <v>0</v>
      </c>
      <c r="W27" s="254">
        <v>3</v>
      </c>
      <c r="X27" s="259">
        <v>3</v>
      </c>
      <c r="Y27" s="253">
        <v>1</v>
      </c>
      <c r="Z27" s="257">
        <v>4</v>
      </c>
      <c r="AA27" s="254">
        <v>5</v>
      </c>
      <c r="AB27" s="256">
        <v>0</v>
      </c>
      <c r="AC27" s="257">
        <v>3</v>
      </c>
      <c r="AD27" s="257">
        <v>4</v>
      </c>
      <c r="AE27" s="257">
        <v>2</v>
      </c>
      <c r="AF27" s="257">
        <v>3</v>
      </c>
      <c r="AG27" s="257">
        <v>2</v>
      </c>
      <c r="AH27" s="254">
        <v>14</v>
      </c>
      <c r="AI27" s="259">
        <v>19</v>
      </c>
      <c r="AJ27" s="253">
        <v>0</v>
      </c>
      <c r="AK27" s="257">
        <v>2</v>
      </c>
      <c r="AL27" s="254">
        <v>2</v>
      </c>
      <c r="AM27" s="256">
        <v>0</v>
      </c>
      <c r="AN27" s="257">
        <v>0</v>
      </c>
      <c r="AO27" s="257">
        <v>0</v>
      </c>
      <c r="AP27" s="257">
        <v>0</v>
      </c>
      <c r="AQ27" s="257">
        <v>0</v>
      </c>
      <c r="AR27" s="257">
        <v>0</v>
      </c>
      <c r="AS27" s="254">
        <v>0</v>
      </c>
      <c r="AT27" s="259">
        <v>2</v>
      </c>
      <c r="AU27" s="253">
        <v>0</v>
      </c>
      <c r="AV27" s="257">
        <v>1</v>
      </c>
      <c r="AW27" s="254">
        <v>1</v>
      </c>
      <c r="AX27" s="256">
        <v>0</v>
      </c>
      <c r="AY27" s="257">
        <v>4</v>
      </c>
      <c r="AZ27" s="257">
        <v>1</v>
      </c>
      <c r="BA27" s="257">
        <v>4</v>
      </c>
      <c r="BB27" s="257">
        <v>4</v>
      </c>
      <c r="BC27" s="257">
        <v>1</v>
      </c>
      <c r="BD27" s="258">
        <v>14</v>
      </c>
      <c r="BE27" s="259">
        <v>15</v>
      </c>
      <c r="BF27" s="253">
        <v>0</v>
      </c>
      <c r="BG27" s="257">
        <v>0</v>
      </c>
      <c r="BH27" s="254">
        <v>0</v>
      </c>
      <c r="BI27" s="256">
        <v>0</v>
      </c>
      <c r="BJ27" s="257">
        <v>7</v>
      </c>
      <c r="BK27" s="257">
        <v>2</v>
      </c>
      <c r="BL27" s="257">
        <v>1</v>
      </c>
      <c r="BM27" s="257">
        <v>1</v>
      </c>
      <c r="BN27" s="257">
        <v>0</v>
      </c>
      <c r="BO27" s="254">
        <v>11</v>
      </c>
      <c r="BP27" s="259">
        <v>11</v>
      </c>
      <c r="BQ27" s="253">
        <v>1</v>
      </c>
      <c r="BR27" s="257">
        <v>2</v>
      </c>
      <c r="BS27" s="254">
        <v>3</v>
      </c>
      <c r="BT27" s="256">
        <v>0</v>
      </c>
      <c r="BU27" s="257">
        <v>1</v>
      </c>
      <c r="BV27" s="257">
        <v>3</v>
      </c>
      <c r="BW27" s="257">
        <v>3</v>
      </c>
      <c r="BX27" s="257">
        <v>2</v>
      </c>
      <c r="BY27" s="257">
        <v>1</v>
      </c>
      <c r="BZ27" s="254">
        <v>10</v>
      </c>
      <c r="CA27" s="259">
        <v>13</v>
      </c>
      <c r="CB27" s="253">
        <v>0</v>
      </c>
      <c r="CC27" s="257">
        <v>1</v>
      </c>
      <c r="CD27" s="254">
        <v>1</v>
      </c>
      <c r="CE27" s="256">
        <v>0</v>
      </c>
      <c r="CF27" s="257">
        <v>4</v>
      </c>
      <c r="CG27" s="257">
        <v>1</v>
      </c>
      <c r="CH27" s="257">
        <v>0</v>
      </c>
      <c r="CI27" s="257">
        <v>1</v>
      </c>
      <c r="CJ27" s="257">
        <v>0</v>
      </c>
      <c r="CK27" s="254">
        <v>6</v>
      </c>
      <c r="CL27" s="259">
        <v>7</v>
      </c>
      <c r="CM27" s="253">
        <v>0</v>
      </c>
      <c r="CN27" s="257">
        <v>0</v>
      </c>
      <c r="CO27" s="254">
        <v>0</v>
      </c>
      <c r="CP27" s="256">
        <v>0</v>
      </c>
      <c r="CQ27" s="257">
        <v>0</v>
      </c>
      <c r="CR27" s="257">
        <v>0</v>
      </c>
      <c r="CS27" s="257">
        <v>1</v>
      </c>
      <c r="CT27" s="257">
        <v>0</v>
      </c>
      <c r="CU27" s="257">
        <v>0</v>
      </c>
      <c r="CV27" s="254">
        <v>1</v>
      </c>
      <c r="CW27" s="259">
        <v>1</v>
      </c>
      <c r="CX27" s="253">
        <v>0</v>
      </c>
      <c r="CY27" s="257">
        <v>0</v>
      </c>
      <c r="CZ27" s="254">
        <v>0</v>
      </c>
      <c r="DA27" s="256">
        <v>0</v>
      </c>
      <c r="DB27" s="257">
        <v>0</v>
      </c>
      <c r="DC27" s="257">
        <v>0</v>
      </c>
      <c r="DD27" s="257">
        <v>0</v>
      </c>
      <c r="DE27" s="257">
        <v>0</v>
      </c>
      <c r="DF27" s="257">
        <v>0</v>
      </c>
      <c r="DG27" s="254">
        <v>0</v>
      </c>
      <c r="DH27" s="259">
        <v>0</v>
      </c>
      <c r="DI27" s="253">
        <v>0</v>
      </c>
      <c r="DJ27" s="257">
        <v>0</v>
      </c>
      <c r="DK27" s="254">
        <v>0</v>
      </c>
      <c r="DL27" s="256">
        <v>0</v>
      </c>
      <c r="DM27" s="257">
        <v>0</v>
      </c>
      <c r="DN27" s="257">
        <v>0</v>
      </c>
      <c r="DO27" s="257">
        <v>0</v>
      </c>
      <c r="DP27" s="257">
        <v>0</v>
      </c>
      <c r="DQ27" s="257">
        <v>0</v>
      </c>
      <c r="DR27" s="254">
        <v>0</v>
      </c>
      <c r="DS27" s="259">
        <v>0</v>
      </c>
      <c r="DT27" s="253">
        <v>4</v>
      </c>
      <c r="DU27" s="257">
        <v>8</v>
      </c>
      <c r="DV27" s="254">
        <v>12</v>
      </c>
      <c r="DW27" s="256">
        <v>0</v>
      </c>
      <c r="DX27" s="257">
        <v>3</v>
      </c>
      <c r="DY27" s="257">
        <v>7</v>
      </c>
      <c r="DZ27" s="257">
        <v>5</v>
      </c>
      <c r="EA27" s="257">
        <v>6</v>
      </c>
      <c r="EB27" s="257">
        <v>2</v>
      </c>
      <c r="EC27" s="254">
        <v>23</v>
      </c>
      <c r="ED27" s="259">
        <v>35</v>
      </c>
      <c r="EE27" s="253">
        <v>0</v>
      </c>
      <c r="EF27" s="257">
        <v>1</v>
      </c>
      <c r="EG27" s="254">
        <v>1</v>
      </c>
      <c r="EH27" s="256">
        <v>0</v>
      </c>
      <c r="EI27" s="257">
        <v>3</v>
      </c>
      <c r="EJ27" s="257">
        <v>0</v>
      </c>
      <c r="EK27" s="257">
        <v>2</v>
      </c>
      <c r="EL27" s="257">
        <v>2</v>
      </c>
      <c r="EM27" s="257">
        <v>1</v>
      </c>
      <c r="EN27" s="254">
        <v>8</v>
      </c>
      <c r="EO27" s="259">
        <v>9</v>
      </c>
      <c r="EP27" s="253">
        <v>5</v>
      </c>
      <c r="EQ27" s="257">
        <v>11</v>
      </c>
      <c r="ER27" s="254">
        <v>16</v>
      </c>
      <c r="ES27" s="256">
        <v>0</v>
      </c>
      <c r="ET27" s="257">
        <v>20</v>
      </c>
      <c r="EU27" s="257">
        <v>10</v>
      </c>
      <c r="EV27" s="257">
        <v>6</v>
      </c>
      <c r="EW27" s="257">
        <v>5</v>
      </c>
      <c r="EX27" s="257">
        <v>2</v>
      </c>
      <c r="EY27" s="254">
        <v>43</v>
      </c>
      <c r="EZ27" s="259">
        <v>59</v>
      </c>
    </row>
    <row r="28" spans="2:156" ht="21" customHeight="1" x14ac:dyDescent="0.2">
      <c r="B28" s="437" t="s">
        <v>26</v>
      </c>
      <c r="C28" s="253">
        <v>0</v>
      </c>
      <c r="D28" s="257">
        <v>0</v>
      </c>
      <c r="E28" s="340">
        <v>0</v>
      </c>
      <c r="F28" s="256">
        <v>0</v>
      </c>
      <c r="G28" s="257">
        <v>6</v>
      </c>
      <c r="H28" s="257">
        <v>4</v>
      </c>
      <c r="I28" s="257">
        <v>4</v>
      </c>
      <c r="J28" s="257">
        <v>4</v>
      </c>
      <c r="K28" s="257">
        <v>2</v>
      </c>
      <c r="L28" s="258">
        <v>20</v>
      </c>
      <c r="M28" s="259">
        <v>20</v>
      </c>
      <c r="N28" s="253">
        <v>0</v>
      </c>
      <c r="O28" s="257">
        <v>0</v>
      </c>
      <c r="P28" s="254">
        <v>0</v>
      </c>
      <c r="Q28" s="256">
        <v>0</v>
      </c>
      <c r="R28" s="257">
        <v>0</v>
      </c>
      <c r="S28" s="257">
        <v>0</v>
      </c>
      <c r="T28" s="257">
        <v>0</v>
      </c>
      <c r="U28" s="257">
        <v>1</v>
      </c>
      <c r="V28" s="257">
        <v>0</v>
      </c>
      <c r="W28" s="254">
        <v>1</v>
      </c>
      <c r="X28" s="259">
        <v>1</v>
      </c>
      <c r="Y28" s="253">
        <v>1</v>
      </c>
      <c r="Z28" s="257">
        <v>0</v>
      </c>
      <c r="AA28" s="254">
        <v>1</v>
      </c>
      <c r="AB28" s="256">
        <v>0</v>
      </c>
      <c r="AC28" s="257">
        <v>5</v>
      </c>
      <c r="AD28" s="257">
        <v>2</v>
      </c>
      <c r="AE28" s="257">
        <v>1</v>
      </c>
      <c r="AF28" s="257">
        <v>3</v>
      </c>
      <c r="AG28" s="257">
        <v>3</v>
      </c>
      <c r="AH28" s="254">
        <v>14</v>
      </c>
      <c r="AI28" s="259">
        <v>15</v>
      </c>
      <c r="AJ28" s="253">
        <v>0</v>
      </c>
      <c r="AK28" s="257">
        <v>0</v>
      </c>
      <c r="AL28" s="254">
        <v>0</v>
      </c>
      <c r="AM28" s="256">
        <v>0</v>
      </c>
      <c r="AN28" s="257">
        <v>0</v>
      </c>
      <c r="AO28" s="257">
        <v>1</v>
      </c>
      <c r="AP28" s="257">
        <v>0</v>
      </c>
      <c r="AQ28" s="257">
        <v>0</v>
      </c>
      <c r="AR28" s="257">
        <v>0</v>
      </c>
      <c r="AS28" s="254">
        <v>1</v>
      </c>
      <c r="AT28" s="259">
        <v>1</v>
      </c>
      <c r="AU28" s="253">
        <v>2</v>
      </c>
      <c r="AV28" s="257">
        <v>0</v>
      </c>
      <c r="AW28" s="254">
        <v>2</v>
      </c>
      <c r="AX28" s="256">
        <v>0</v>
      </c>
      <c r="AY28" s="257">
        <v>4</v>
      </c>
      <c r="AZ28" s="257">
        <v>2</v>
      </c>
      <c r="BA28" s="257">
        <v>5</v>
      </c>
      <c r="BB28" s="257">
        <v>6</v>
      </c>
      <c r="BC28" s="257">
        <v>2</v>
      </c>
      <c r="BD28" s="258">
        <v>19</v>
      </c>
      <c r="BE28" s="259">
        <v>21</v>
      </c>
      <c r="BF28" s="253">
        <v>0</v>
      </c>
      <c r="BG28" s="257">
        <v>0</v>
      </c>
      <c r="BH28" s="254">
        <v>0</v>
      </c>
      <c r="BI28" s="256">
        <v>0</v>
      </c>
      <c r="BJ28" s="257">
        <v>4</v>
      </c>
      <c r="BK28" s="257">
        <v>7</v>
      </c>
      <c r="BL28" s="257">
        <v>3</v>
      </c>
      <c r="BM28" s="257">
        <v>2</v>
      </c>
      <c r="BN28" s="257">
        <v>0</v>
      </c>
      <c r="BO28" s="254">
        <v>16</v>
      </c>
      <c r="BP28" s="259">
        <v>16</v>
      </c>
      <c r="BQ28" s="253">
        <v>0</v>
      </c>
      <c r="BR28" s="257">
        <v>0</v>
      </c>
      <c r="BS28" s="254">
        <v>0</v>
      </c>
      <c r="BT28" s="256">
        <v>0</v>
      </c>
      <c r="BU28" s="257">
        <v>3</v>
      </c>
      <c r="BV28" s="257">
        <v>1</v>
      </c>
      <c r="BW28" s="257">
        <v>0</v>
      </c>
      <c r="BX28" s="257">
        <v>1</v>
      </c>
      <c r="BY28" s="257">
        <v>0</v>
      </c>
      <c r="BZ28" s="254">
        <v>5</v>
      </c>
      <c r="CA28" s="259">
        <v>5</v>
      </c>
      <c r="CB28" s="253">
        <v>0</v>
      </c>
      <c r="CC28" s="257">
        <v>0</v>
      </c>
      <c r="CD28" s="254">
        <v>0</v>
      </c>
      <c r="CE28" s="256">
        <v>0</v>
      </c>
      <c r="CF28" s="257">
        <v>2</v>
      </c>
      <c r="CG28" s="257">
        <v>2</v>
      </c>
      <c r="CH28" s="257">
        <v>0</v>
      </c>
      <c r="CI28" s="257">
        <v>0</v>
      </c>
      <c r="CJ28" s="257">
        <v>1</v>
      </c>
      <c r="CK28" s="254">
        <v>5</v>
      </c>
      <c r="CL28" s="259">
        <v>5</v>
      </c>
      <c r="CM28" s="253">
        <v>0</v>
      </c>
      <c r="CN28" s="257">
        <v>0</v>
      </c>
      <c r="CO28" s="254">
        <v>0</v>
      </c>
      <c r="CP28" s="256">
        <v>0</v>
      </c>
      <c r="CQ28" s="257">
        <v>0</v>
      </c>
      <c r="CR28" s="257">
        <v>0</v>
      </c>
      <c r="CS28" s="257">
        <v>1</v>
      </c>
      <c r="CT28" s="257">
        <v>1</v>
      </c>
      <c r="CU28" s="257">
        <v>0</v>
      </c>
      <c r="CV28" s="254">
        <v>2</v>
      </c>
      <c r="CW28" s="259">
        <v>2</v>
      </c>
      <c r="CX28" s="253">
        <v>0</v>
      </c>
      <c r="CY28" s="257">
        <v>0</v>
      </c>
      <c r="CZ28" s="254">
        <v>0</v>
      </c>
      <c r="DA28" s="256">
        <v>0</v>
      </c>
      <c r="DB28" s="257">
        <v>0</v>
      </c>
      <c r="DC28" s="257">
        <v>0</v>
      </c>
      <c r="DD28" s="257">
        <v>0</v>
      </c>
      <c r="DE28" s="257">
        <v>0</v>
      </c>
      <c r="DF28" s="257">
        <v>0</v>
      </c>
      <c r="DG28" s="254">
        <v>0</v>
      </c>
      <c r="DH28" s="259">
        <v>0</v>
      </c>
      <c r="DI28" s="253">
        <v>0</v>
      </c>
      <c r="DJ28" s="257">
        <v>0</v>
      </c>
      <c r="DK28" s="254">
        <v>0</v>
      </c>
      <c r="DL28" s="256">
        <v>0</v>
      </c>
      <c r="DM28" s="257">
        <v>0</v>
      </c>
      <c r="DN28" s="257">
        <v>0</v>
      </c>
      <c r="DO28" s="257">
        <v>0</v>
      </c>
      <c r="DP28" s="257">
        <v>0</v>
      </c>
      <c r="DQ28" s="257">
        <v>0</v>
      </c>
      <c r="DR28" s="254">
        <v>0</v>
      </c>
      <c r="DS28" s="259">
        <v>0</v>
      </c>
      <c r="DT28" s="253">
        <v>6</v>
      </c>
      <c r="DU28" s="257">
        <v>8</v>
      </c>
      <c r="DV28" s="254">
        <v>14</v>
      </c>
      <c r="DW28" s="256">
        <v>0</v>
      </c>
      <c r="DX28" s="257">
        <v>15</v>
      </c>
      <c r="DY28" s="257">
        <v>10</v>
      </c>
      <c r="DZ28" s="257">
        <v>5</v>
      </c>
      <c r="EA28" s="257">
        <v>6</v>
      </c>
      <c r="EB28" s="257">
        <v>3</v>
      </c>
      <c r="EC28" s="254">
        <v>39</v>
      </c>
      <c r="ED28" s="259">
        <v>53</v>
      </c>
      <c r="EE28" s="253">
        <v>1</v>
      </c>
      <c r="EF28" s="257">
        <v>0</v>
      </c>
      <c r="EG28" s="254">
        <v>1</v>
      </c>
      <c r="EH28" s="256">
        <v>0</v>
      </c>
      <c r="EI28" s="257">
        <v>1</v>
      </c>
      <c r="EJ28" s="257">
        <v>0</v>
      </c>
      <c r="EK28" s="257">
        <v>2</v>
      </c>
      <c r="EL28" s="257">
        <v>0</v>
      </c>
      <c r="EM28" s="257">
        <v>0</v>
      </c>
      <c r="EN28" s="254">
        <v>3</v>
      </c>
      <c r="EO28" s="259">
        <v>4</v>
      </c>
      <c r="EP28" s="253">
        <v>7</v>
      </c>
      <c r="EQ28" s="257">
        <v>8</v>
      </c>
      <c r="ER28" s="254">
        <v>15</v>
      </c>
      <c r="ES28" s="256">
        <v>0</v>
      </c>
      <c r="ET28" s="257">
        <v>22</v>
      </c>
      <c r="EU28" s="257">
        <v>18</v>
      </c>
      <c r="EV28" s="257">
        <v>10</v>
      </c>
      <c r="EW28" s="257">
        <v>6</v>
      </c>
      <c r="EX28" s="257">
        <v>3</v>
      </c>
      <c r="EY28" s="254">
        <v>59</v>
      </c>
      <c r="EZ28" s="259">
        <v>74</v>
      </c>
    </row>
    <row r="29" spans="2:156" ht="21" customHeight="1" x14ac:dyDescent="0.2">
      <c r="B29" s="437" t="s">
        <v>27</v>
      </c>
      <c r="C29" s="253">
        <v>0</v>
      </c>
      <c r="D29" s="257">
        <v>0</v>
      </c>
      <c r="E29" s="340">
        <v>0</v>
      </c>
      <c r="F29" s="256">
        <v>0</v>
      </c>
      <c r="G29" s="257">
        <v>3</v>
      </c>
      <c r="H29" s="257">
        <v>5</v>
      </c>
      <c r="I29" s="257">
        <v>3</v>
      </c>
      <c r="J29" s="257">
        <v>3</v>
      </c>
      <c r="K29" s="257">
        <v>2</v>
      </c>
      <c r="L29" s="258">
        <v>16</v>
      </c>
      <c r="M29" s="259">
        <v>16</v>
      </c>
      <c r="N29" s="253">
        <v>0</v>
      </c>
      <c r="O29" s="257">
        <v>0</v>
      </c>
      <c r="P29" s="254">
        <v>0</v>
      </c>
      <c r="Q29" s="256">
        <v>0</v>
      </c>
      <c r="R29" s="257">
        <v>0</v>
      </c>
      <c r="S29" s="257">
        <v>0</v>
      </c>
      <c r="T29" s="257">
        <v>0</v>
      </c>
      <c r="U29" s="257">
        <v>0</v>
      </c>
      <c r="V29" s="257">
        <v>0</v>
      </c>
      <c r="W29" s="254">
        <v>0</v>
      </c>
      <c r="X29" s="259">
        <v>0</v>
      </c>
      <c r="Y29" s="253">
        <v>0</v>
      </c>
      <c r="Z29" s="257">
        <v>5</v>
      </c>
      <c r="AA29" s="254">
        <v>5</v>
      </c>
      <c r="AB29" s="256">
        <v>0</v>
      </c>
      <c r="AC29" s="257">
        <v>7</v>
      </c>
      <c r="AD29" s="257">
        <v>4</v>
      </c>
      <c r="AE29" s="257">
        <v>3</v>
      </c>
      <c r="AF29" s="257">
        <v>3</v>
      </c>
      <c r="AG29" s="257">
        <v>3</v>
      </c>
      <c r="AH29" s="254">
        <v>20</v>
      </c>
      <c r="AI29" s="259">
        <v>25</v>
      </c>
      <c r="AJ29" s="253">
        <v>0</v>
      </c>
      <c r="AK29" s="257">
        <v>0</v>
      </c>
      <c r="AL29" s="254">
        <v>0</v>
      </c>
      <c r="AM29" s="256">
        <v>0</v>
      </c>
      <c r="AN29" s="257">
        <v>0</v>
      </c>
      <c r="AO29" s="257">
        <v>1</v>
      </c>
      <c r="AP29" s="257">
        <v>0</v>
      </c>
      <c r="AQ29" s="257">
        <v>0</v>
      </c>
      <c r="AR29" s="257">
        <v>0</v>
      </c>
      <c r="AS29" s="254">
        <v>1</v>
      </c>
      <c r="AT29" s="259">
        <v>1</v>
      </c>
      <c r="AU29" s="253">
        <v>1</v>
      </c>
      <c r="AV29" s="257">
        <v>2</v>
      </c>
      <c r="AW29" s="254">
        <v>3</v>
      </c>
      <c r="AX29" s="256">
        <v>0</v>
      </c>
      <c r="AY29" s="257">
        <v>4</v>
      </c>
      <c r="AZ29" s="257">
        <v>5</v>
      </c>
      <c r="BA29" s="257">
        <v>4</v>
      </c>
      <c r="BB29" s="257">
        <v>7</v>
      </c>
      <c r="BC29" s="257">
        <v>3</v>
      </c>
      <c r="BD29" s="258">
        <v>23</v>
      </c>
      <c r="BE29" s="259">
        <v>26</v>
      </c>
      <c r="BF29" s="253">
        <v>0</v>
      </c>
      <c r="BG29" s="257">
        <v>0</v>
      </c>
      <c r="BH29" s="254">
        <v>0</v>
      </c>
      <c r="BI29" s="256">
        <v>0</v>
      </c>
      <c r="BJ29" s="257">
        <v>5</v>
      </c>
      <c r="BK29" s="257">
        <v>4</v>
      </c>
      <c r="BL29" s="257">
        <v>5</v>
      </c>
      <c r="BM29" s="257">
        <v>5</v>
      </c>
      <c r="BN29" s="257">
        <v>0</v>
      </c>
      <c r="BO29" s="254">
        <v>19</v>
      </c>
      <c r="BP29" s="259">
        <v>19</v>
      </c>
      <c r="BQ29" s="253">
        <v>1</v>
      </c>
      <c r="BR29" s="257">
        <v>1</v>
      </c>
      <c r="BS29" s="254">
        <v>2</v>
      </c>
      <c r="BT29" s="256">
        <v>0</v>
      </c>
      <c r="BU29" s="257">
        <v>3</v>
      </c>
      <c r="BV29" s="257">
        <v>3</v>
      </c>
      <c r="BW29" s="257">
        <v>1</v>
      </c>
      <c r="BX29" s="257">
        <v>0</v>
      </c>
      <c r="BY29" s="257">
        <v>0</v>
      </c>
      <c r="BZ29" s="254">
        <v>7</v>
      </c>
      <c r="CA29" s="259">
        <v>9</v>
      </c>
      <c r="CB29" s="253">
        <v>0</v>
      </c>
      <c r="CC29" s="257">
        <v>0</v>
      </c>
      <c r="CD29" s="254">
        <v>0</v>
      </c>
      <c r="CE29" s="256">
        <v>0</v>
      </c>
      <c r="CF29" s="257">
        <v>1</v>
      </c>
      <c r="CG29" s="257">
        <v>0</v>
      </c>
      <c r="CH29" s="257">
        <v>2</v>
      </c>
      <c r="CI29" s="257">
        <v>1</v>
      </c>
      <c r="CJ29" s="257">
        <v>0</v>
      </c>
      <c r="CK29" s="254">
        <v>4</v>
      </c>
      <c r="CL29" s="259">
        <v>4</v>
      </c>
      <c r="CM29" s="253">
        <v>0</v>
      </c>
      <c r="CN29" s="257">
        <v>0</v>
      </c>
      <c r="CO29" s="254">
        <v>0</v>
      </c>
      <c r="CP29" s="256">
        <v>0</v>
      </c>
      <c r="CQ29" s="257">
        <v>0</v>
      </c>
      <c r="CR29" s="257">
        <v>0</v>
      </c>
      <c r="CS29" s="257">
        <v>0</v>
      </c>
      <c r="CT29" s="257">
        <v>0</v>
      </c>
      <c r="CU29" s="257">
        <v>0</v>
      </c>
      <c r="CV29" s="254">
        <v>0</v>
      </c>
      <c r="CW29" s="259">
        <v>0</v>
      </c>
      <c r="CX29" s="253">
        <v>0</v>
      </c>
      <c r="CY29" s="257">
        <v>0</v>
      </c>
      <c r="CZ29" s="254">
        <v>0</v>
      </c>
      <c r="DA29" s="256">
        <v>0</v>
      </c>
      <c r="DB29" s="257">
        <v>0</v>
      </c>
      <c r="DC29" s="257">
        <v>0</v>
      </c>
      <c r="DD29" s="257">
        <v>0</v>
      </c>
      <c r="DE29" s="257">
        <v>0</v>
      </c>
      <c r="DF29" s="257">
        <v>0</v>
      </c>
      <c r="DG29" s="254">
        <v>0</v>
      </c>
      <c r="DH29" s="259">
        <v>0</v>
      </c>
      <c r="DI29" s="253">
        <v>0</v>
      </c>
      <c r="DJ29" s="257">
        <v>0</v>
      </c>
      <c r="DK29" s="254">
        <v>0</v>
      </c>
      <c r="DL29" s="256">
        <v>0</v>
      </c>
      <c r="DM29" s="257">
        <v>0</v>
      </c>
      <c r="DN29" s="257">
        <v>0</v>
      </c>
      <c r="DO29" s="257">
        <v>0</v>
      </c>
      <c r="DP29" s="257">
        <v>0</v>
      </c>
      <c r="DQ29" s="257">
        <v>0</v>
      </c>
      <c r="DR29" s="254">
        <v>0</v>
      </c>
      <c r="DS29" s="259">
        <v>0</v>
      </c>
      <c r="DT29" s="253">
        <v>7</v>
      </c>
      <c r="DU29" s="257">
        <v>13</v>
      </c>
      <c r="DV29" s="254">
        <v>20</v>
      </c>
      <c r="DW29" s="256">
        <v>0</v>
      </c>
      <c r="DX29" s="257">
        <v>6</v>
      </c>
      <c r="DY29" s="257">
        <v>12</v>
      </c>
      <c r="DZ29" s="257">
        <v>7</v>
      </c>
      <c r="EA29" s="257">
        <v>5</v>
      </c>
      <c r="EB29" s="257">
        <v>3</v>
      </c>
      <c r="EC29" s="254">
        <v>33</v>
      </c>
      <c r="ED29" s="259">
        <v>53</v>
      </c>
      <c r="EE29" s="253">
        <v>1</v>
      </c>
      <c r="EF29" s="257">
        <v>0</v>
      </c>
      <c r="EG29" s="254">
        <v>1</v>
      </c>
      <c r="EH29" s="256">
        <v>0</v>
      </c>
      <c r="EI29" s="257">
        <v>2</v>
      </c>
      <c r="EJ29" s="257">
        <v>0</v>
      </c>
      <c r="EK29" s="257">
        <v>0</v>
      </c>
      <c r="EL29" s="257">
        <v>4</v>
      </c>
      <c r="EM29" s="257">
        <v>0</v>
      </c>
      <c r="EN29" s="254">
        <v>6</v>
      </c>
      <c r="EO29" s="259">
        <v>7</v>
      </c>
      <c r="EP29" s="253">
        <v>8</v>
      </c>
      <c r="EQ29" s="257">
        <v>18</v>
      </c>
      <c r="ER29" s="254">
        <v>26</v>
      </c>
      <c r="ES29" s="256">
        <v>0</v>
      </c>
      <c r="ET29" s="257">
        <v>13</v>
      </c>
      <c r="EU29" s="257">
        <v>12</v>
      </c>
      <c r="EV29" s="257">
        <v>7</v>
      </c>
      <c r="EW29" s="257">
        <v>6</v>
      </c>
      <c r="EX29" s="257">
        <v>3</v>
      </c>
      <c r="EY29" s="254">
        <v>41</v>
      </c>
      <c r="EZ29" s="259">
        <v>67</v>
      </c>
    </row>
    <row r="30" spans="2:156" ht="21" customHeight="1" x14ac:dyDescent="0.2">
      <c r="B30" s="437" t="s">
        <v>28</v>
      </c>
      <c r="C30" s="253">
        <v>0</v>
      </c>
      <c r="D30" s="257">
        <v>0</v>
      </c>
      <c r="E30" s="340">
        <v>0</v>
      </c>
      <c r="F30" s="256">
        <v>0</v>
      </c>
      <c r="G30" s="257">
        <v>0</v>
      </c>
      <c r="H30" s="257">
        <v>0</v>
      </c>
      <c r="I30" s="257">
        <v>2</v>
      </c>
      <c r="J30" s="257">
        <v>0</v>
      </c>
      <c r="K30" s="257">
        <v>0</v>
      </c>
      <c r="L30" s="258">
        <v>2</v>
      </c>
      <c r="M30" s="259">
        <v>2</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1</v>
      </c>
      <c r="AD30" s="257">
        <v>0</v>
      </c>
      <c r="AE30" s="257">
        <v>1</v>
      </c>
      <c r="AF30" s="257">
        <v>0</v>
      </c>
      <c r="AG30" s="257">
        <v>0</v>
      </c>
      <c r="AH30" s="254">
        <v>2</v>
      </c>
      <c r="AI30" s="259">
        <v>2</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3</v>
      </c>
      <c r="AZ30" s="257">
        <v>1</v>
      </c>
      <c r="BA30" s="257">
        <v>2</v>
      </c>
      <c r="BB30" s="257">
        <v>0</v>
      </c>
      <c r="BC30" s="257">
        <v>1</v>
      </c>
      <c r="BD30" s="258">
        <v>7</v>
      </c>
      <c r="BE30" s="259">
        <v>7</v>
      </c>
      <c r="BF30" s="253">
        <v>0</v>
      </c>
      <c r="BG30" s="257">
        <v>0</v>
      </c>
      <c r="BH30" s="254">
        <v>0</v>
      </c>
      <c r="BI30" s="256">
        <v>0</v>
      </c>
      <c r="BJ30" s="257">
        <v>0</v>
      </c>
      <c r="BK30" s="257">
        <v>4</v>
      </c>
      <c r="BL30" s="257">
        <v>0</v>
      </c>
      <c r="BM30" s="257">
        <v>0</v>
      </c>
      <c r="BN30" s="257">
        <v>0</v>
      </c>
      <c r="BO30" s="254">
        <v>4</v>
      </c>
      <c r="BP30" s="259">
        <v>4</v>
      </c>
      <c r="BQ30" s="253">
        <v>0</v>
      </c>
      <c r="BR30" s="257">
        <v>0</v>
      </c>
      <c r="BS30" s="254">
        <v>0</v>
      </c>
      <c r="BT30" s="256">
        <v>0</v>
      </c>
      <c r="BU30" s="257">
        <v>1</v>
      </c>
      <c r="BV30" s="257">
        <v>0</v>
      </c>
      <c r="BW30" s="257">
        <v>1</v>
      </c>
      <c r="BX30" s="257">
        <v>0</v>
      </c>
      <c r="BY30" s="257">
        <v>0</v>
      </c>
      <c r="BZ30" s="254">
        <v>2</v>
      </c>
      <c r="CA30" s="259">
        <v>2</v>
      </c>
      <c r="CB30" s="253">
        <v>0</v>
      </c>
      <c r="CC30" s="257">
        <v>0</v>
      </c>
      <c r="CD30" s="254">
        <v>0</v>
      </c>
      <c r="CE30" s="256">
        <v>0</v>
      </c>
      <c r="CF30" s="257">
        <v>0</v>
      </c>
      <c r="CG30" s="257">
        <v>0</v>
      </c>
      <c r="CH30" s="257">
        <v>0</v>
      </c>
      <c r="CI30" s="257">
        <v>0</v>
      </c>
      <c r="CJ30" s="257">
        <v>0</v>
      </c>
      <c r="CK30" s="254">
        <v>0</v>
      </c>
      <c r="CL30" s="259">
        <v>0</v>
      </c>
      <c r="CM30" s="253">
        <v>0</v>
      </c>
      <c r="CN30" s="257">
        <v>0</v>
      </c>
      <c r="CO30" s="254">
        <v>0</v>
      </c>
      <c r="CP30" s="256">
        <v>0</v>
      </c>
      <c r="CQ30" s="257">
        <v>0</v>
      </c>
      <c r="CR30" s="257">
        <v>0</v>
      </c>
      <c r="CS30" s="257">
        <v>1</v>
      </c>
      <c r="CT30" s="257">
        <v>0</v>
      </c>
      <c r="CU30" s="257">
        <v>0</v>
      </c>
      <c r="CV30" s="254">
        <v>1</v>
      </c>
      <c r="CW30" s="259">
        <v>1</v>
      </c>
      <c r="CX30" s="253">
        <v>0</v>
      </c>
      <c r="CY30" s="257">
        <v>0</v>
      </c>
      <c r="CZ30" s="254">
        <v>0</v>
      </c>
      <c r="DA30" s="256">
        <v>0</v>
      </c>
      <c r="DB30" s="257">
        <v>0</v>
      </c>
      <c r="DC30" s="257">
        <v>0</v>
      </c>
      <c r="DD30" s="257">
        <v>0</v>
      </c>
      <c r="DE30" s="257">
        <v>0</v>
      </c>
      <c r="DF30" s="257">
        <v>0</v>
      </c>
      <c r="DG30" s="254">
        <v>0</v>
      </c>
      <c r="DH30" s="259">
        <v>0</v>
      </c>
      <c r="DI30" s="253">
        <v>0</v>
      </c>
      <c r="DJ30" s="257">
        <v>0</v>
      </c>
      <c r="DK30" s="254">
        <v>0</v>
      </c>
      <c r="DL30" s="256">
        <v>0</v>
      </c>
      <c r="DM30" s="257">
        <v>0</v>
      </c>
      <c r="DN30" s="257">
        <v>0</v>
      </c>
      <c r="DO30" s="257">
        <v>0</v>
      </c>
      <c r="DP30" s="257">
        <v>0</v>
      </c>
      <c r="DQ30" s="257">
        <v>0</v>
      </c>
      <c r="DR30" s="254">
        <v>0</v>
      </c>
      <c r="DS30" s="259">
        <v>0</v>
      </c>
      <c r="DT30" s="253">
        <v>0</v>
      </c>
      <c r="DU30" s="257">
        <v>0</v>
      </c>
      <c r="DV30" s="254">
        <v>0</v>
      </c>
      <c r="DW30" s="256">
        <v>0</v>
      </c>
      <c r="DX30" s="257">
        <v>3</v>
      </c>
      <c r="DY30" s="257">
        <v>6</v>
      </c>
      <c r="DZ30" s="257">
        <v>2</v>
      </c>
      <c r="EA30" s="257">
        <v>0</v>
      </c>
      <c r="EB30" s="257">
        <v>0</v>
      </c>
      <c r="EC30" s="254">
        <v>11</v>
      </c>
      <c r="ED30" s="259">
        <v>11</v>
      </c>
      <c r="EE30" s="253">
        <v>0</v>
      </c>
      <c r="EF30" s="257">
        <v>0</v>
      </c>
      <c r="EG30" s="254">
        <v>0</v>
      </c>
      <c r="EH30" s="256">
        <v>0</v>
      </c>
      <c r="EI30" s="257">
        <v>3</v>
      </c>
      <c r="EJ30" s="257">
        <v>0</v>
      </c>
      <c r="EK30" s="257">
        <v>0</v>
      </c>
      <c r="EL30" s="257">
        <v>0</v>
      </c>
      <c r="EM30" s="257">
        <v>0</v>
      </c>
      <c r="EN30" s="254">
        <v>3</v>
      </c>
      <c r="EO30" s="259">
        <v>3</v>
      </c>
      <c r="EP30" s="253">
        <v>0</v>
      </c>
      <c r="EQ30" s="257">
        <v>0</v>
      </c>
      <c r="ER30" s="254">
        <v>0</v>
      </c>
      <c r="ES30" s="256">
        <v>0</v>
      </c>
      <c r="ET30" s="257">
        <v>7</v>
      </c>
      <c r="EU30" s="257">
        <v>7</v>
      </c>
      <c r="EV30" s="257">
        <v>3</v>
      </c>
      <c r="EW30" s="257">
        <v>0</v>
      </c>
      <c r="EX30" s="257">
        <v>1</v>
      </c>
      <c r="EY30" s="254">
        <v>18</v>
      </c>
      <c r="EZ30" s="259">
        <v>18</v>
      </c>
    </row>
    <row r="31" spans="2:156" ht="21" customHeight="1" x14ac:dyDescent="0.2">
      <c r="B31" s="437" t="s">
        <v>29</v>
      </c>
      <c r="C31" s="253">
        <v>0</v>
      </c>
      <c r="D31" s="257">
        <v>0</v>
      </c>
      <c r="E31" s="340">
        <v>0</v>
      </c>
      <c r="F31" s="256">
        <v>0</v>
      </c>
      <c r="G31" s="257">
        <v>0</v>
      </c>
      <c r="H31" s="257">
        <v>2</v>
      </c>
      <c r="I31" s="257">
        <v>0</v>
      </c>
      <c r="J31" s="257">
        <v>0</v>
      </c>
      <c r="K31" s="257">
        <v>1</v>
      </c>
      <c r="L31" s="258">
        <v>3</v>
      </c>
      <c r="M31" s="259">
        <v>3</v>
      </c>
      <c r="N31" s="253">
        <v>0</v>
      </c>
      <c r="O31" s="257">
        <v>0</v>
      </c>
      <c r="P31" s="254">
        <v>0</v>
      </c>
      <c r="Q31" s="256">
        <v>0</v>
      </c>
      <c r="R31" s="257">
        <v>0</v>
      </c>
      <c r="S31" s="257">
        <v>0</v>
      </c>
      <c r="T31" s="257">
        <v>0</v>
      </c>
      <c r="U31" s="257">
        <v>0</v>
      </c>
      <c r="V31" s="257">
        <v>1</v>
      </c>
      <c r="W31" s="254">
        <v>1</v>
      </c>
      <c r="X31" s="259">
        <v>1</v>
      </c>
      <c r="Y31" s="253">
        <v>0</v>
      </c>
      <c r="Z31" s="257">
        <v>1</v>
      </c>
      <c r="AA31" s="254">
        <v>1</v>
      </c>
      <c r="AB31" s="256">
        <v>0</v>
      </c>
      <c r="AC31" s="257">
        <v>0</v>
      </c>
      <c r="AD31" s="257">
        <v>1</v>
      </c>
      <c r="AE31" s="257">
        <v>1</v>
      </c>
      <c r="AF31" s="257">
        <v>0</v>
      </c>
      <c r="AG31" s="257">
        <v>0</v>
      </c>
      <c r="AH31" s="254">
        <v>2</v>
      </c>
      <c r="AI31" s="259">
        <v>3</v>
      </c>
      <c r="AJ31" s="253">
        <v>0</v>
      </c>
      <c r="AK31" s="257">
        <v>0</v>
      </c>
      <c r="AL31" s="254">
        <v>0</v>
      </c>
      <c r="AM31" s="256">
        <v>0</v>
      </c>
      <c r="AN31" s="257">
        <v>0</v>
      </c>
      <c r="AO31" s="257">
        <v>1</v>
      </c>
      <c r="AP31" s="257">
        <v>0</v>
      </c>
      <c r="AQ31" s="257">
        <v>0</v>
      </c>
      <c r="AR31" s="257">
        <v>0</v>
      </c>
      <c r="AS31" s="254">
        <v>1</v>
      </c>
      <c r="AT31" s="259">
        <v>1</v>
      </c>
      <c r="AU31" s="253">
        <v>1</v>
      </c>
      <c r="AV31" s="257">
        <v>0</v>
      </c>
      <c r="AW31" s="254">
        <v>1</v>
      </c>
      <c r="AX31" s="256">
        <v>0</v>
      </c>
      <c r="AY31" s="257">
        <v>2</v>
      </c>
      <c r="AZ31" s="257">
        <v>2</v>
      </c>
      <c r="BA31" s="257">
        <v>2</v>
      </c>
      <c r="BB31" s="257">
        <v>0</v>
      </c>
      <c r="BC31" s="257">
        <v>2</v>
      </c>
      <c r="BD31" s="258">
        <v>8</v>
      </c>
      <c r="BE31" s="259">
        <v>9</v>
      </c>
      <c r="BF31" s="253">
        <v>0</v>
      </c>
      <c r="BG31" s="257">
        <v>0</v>
      </c>
      <c r="BH31" s="254">
        <v>0</v>
      </c>
      <c r="BI31" s="256">
        <v>0</v>
      </c>
      <c r="BJ31" s="257">
        <v>1</v>
      </c>
      <c r="BK31" s="257">
        <v>3</v>
      </c>
      <c r="BL31" s="257">
        <v>2</v>
      </c>
      <c r="BM31" s="257">
        <v>0</v>
      </c>
      <c r="BN31" s="257">
        <v>0</v>
      </c>
      <c r="BO31" s="254">
        <v>6</v>
      </c>
      <c r="BP31" s="259">
        <v>6</v>
      </c>
      <c r="BQ31" s="253">
        <v>1</v>
      </c>
      <c r="BR31" s="257">
        <v>0</v>
      </c>
      <c r="BS31" s="254">
        <v>1</v>
      </c>
      <c r="BT31" s="256">
        <v>0</v>
      </c>
      <c r="BU31" s="257">
        <v>0</v>
      </c>
      <c r="BV31" s="257">
        <v>0</v>
      </c>
      <c r="BW31" s="257">
        <v>0</v>
      </c>
      <c r="BX31" s="257">
        <v>0</v>
      </c>
      <c r="BY31" s="257">
        <v>0</v>
      </c>
      <c r="BZ31" s="254">
        <v>0</v>
      </c>
      <c r="CA31" s="259">
        <v>1</v>
      </c>
      <c r="CB31" s="253">
        <v>0</v>
      </c>
      <c r="CC31" s="257">
        <v>0</v>
      </c>
      <c r="CD31" s="254">
        <v>0</v>
      </c>
      <c r="CE31" s="256">
        <v>0</v>
      </c>
      <c r="CF31" s="257">
        <v>0</v>
      </c>
      <c r="CG31" s="257">
        <v>0</v>
      </c>
      <c r="CH31" s="257">
        <v>1</v>
      </c>
      <c r="CI31" s="257">
        <v>0</v>
      </c>
      <c r="CJ31" s="257">
        <v>1</v>
      </c>
      <c r="CK31" s="254">
        <v>2</v>
      </c>
      <c r="CL31" s="259">
        <v>2</v>
      </c>
      <c r="CM31" s="253">
        <v>0</v>
      </c>
      <c r="CN31" s="257">
        <v>0</v>
      </c>
      <c r="CO31" s="254">
        <v>0</v>
      </c>
      <c r="CP31" s="256">
        <v>0</v>
      </c>
      <c r="CQ31" s="257">
        <v>0</v>
      </c>
      <c r="CR31" s="257">
        <v>0</v>
      </c>
      <c r="CS31" s="257">
        <v>0</v>
      </c>
      <c r="CT31" s="257">
        <v>0</v>
      </c>
      <c r="CU31" s="257">
        <v>0</v>
      </c>
      <c r="CV31" s="254">
        <v>0</v>
      </c>
      <c r="CW31" s="259">
        <v>0</v>
      </c>
      <c r="CX31" s="253">
        <v>0</v>
      </c>
      <c r="CY31" s="257">
        <v>0</v>
      </c>
      <c r="CZ31" s="254">
        <v>0</v>
      </c>
      <c r="DA31" s="256">
        <v>0</v>
      </c>
      <c r="DB31" s="257">
        <v>0</v>
      </c>
      <c r="DC31" s="257">
        <v>0</v>
      </c>
      <c r="DD31" s="257">
        <v>0</v>
      </c>
      <c r="DE31" s="257">
        <v>0</v>
      </c>
      <c r="DF31" s="257">
        <v>0</v>
      </c>
      <c r="DG31" s="254">
        <v>0</v>
      </c>
      <c r="DH31" s="259">
        <v>0</v>
      </c>
      <c r="DI31" s="253">
        <v>0</v>
      </c>
      <c r="DJ31" s="257">
        <v>0</v>
      </c>
      <c r="DK31" s="254">
        <v>0</v>
      </c>
      <c r="DL31" s="256">
        <v>0</v>
      </c>
      <c r="DM31" s="257">
        <v>0</v>
      </c>
      <c r="DN31" s="257">
        <v>0</v>
      </c>
      <c r="DO31" s="257">
        <v>0</v>
      </c>
      <c r="DP31" s="257">
        <v>0</v>
      </c>
      <c r="DQ31" s="257">
        <v>0</v>
      </c>
      <c r="DR31" s="254">
        <v>0</v>
      </c>
      <c r="DS31" s="259">
        <v>0</v>
      </c>
      <c r="DT31" s="253">
        <v>4</v>
      </c>
      <c r="DU31" s="257">
        <v>0</v>
      </c>
      <c r="DV31" s="254">
        <v>4</v>
      </c>
      <c r="DW31" s="256">
        <v>0</v>
      </c>
      <c r="DX31" s="257">
        <v>0</v>
      </c>
      <c r="DY31" s="257">
        <v>3</v>
      </c>
      <c r="DZ31" s="257">
        <v>5</v>
      </c>
      <c r="EA31" s="257">
        <v>0</v>
      </c>
      <c r="EB31" s="257">
        <v>2</v>
      </c>
      <c r="EC31" s="254">
        <v>10</v>
      </c>
      <c r="ED31" s="259">
        <v>14</v>
      </c>
      <c r="EE31" s="253">
        <v>1</v>
      </c>
      <c r="EF31" s="257">
        <v>0</v>
      </c>
      <c r="EG31" s="254">
        <v>1</v>
      </c>
      <c r="EH31" s="256">
        <v>0</v>
      </c>
      <c r="EI31" s="257">
        <v>2</v>
      </c>
      <c r="EJ31" s="257">
        <v>1</v>
      </c>
      <c r="EK31" s="257">
        <v>0</v>
      </c>
      <c r="EL31" s="257">
        <v>0</v>
      </c>
      <c r="EM31" s="257">
        <v>0</v>
      </c>
      <c r="EN31" s="254">
        <v>3</v>
      </c>
      <c r="EO31" s="259">
        <v>4</v>
      </c>
      <c r="EP31" s="253">
        <v>5</v>
      </c>
      <c r="EQ31" s="257">
        <v>1</v>
      </c>
      <c r="ER31" s="254">
        <v>6</v>
      </c>
      <c r="ES31" s="256">
        <v>0</v>
      </c>
      <c r="ET31" s="257">
        <v>0</v>
      </c>
      <c r="EU31" s="257">
        <v>4</v>
      </c>
      <c r="EV31" s="257">
        <v>5</v>
      </c>
      <c r="EW31" s="257">
        <v>0</v>
      </c>
      <c r="EX31" s="257">
        <v>2</v>
      </c>
      <c r="EY31" s="254">
        <v>11</v>
      </c>
      <c r="EZ31" s="259">
        <v>17</v>
      </c>
    </row>
    <row r="32" spans="2:156" ht="21" customHeight="1" x14ac:dyDescent="0.2">
      <c r="B32" s="437" t="s">
        <v>30</v>
      </c>
      <c r="C32" s="253">
        <v>0</v>
      </c>
      <c r="D32" s="257">
        <v>0</v>
      </c>
      <c r="E32" s="340">
        <v>0</v>
      </c>
      <c r="F32" s="256">
        <v>0</v>
      </c>
      <c r="G32" s="257">
        <v>1</v>
      </c>
      <c r="H32" s="257">
        <v>0</v>
      </c>
      <c r="I32" s="257">
        <v>0</v>
      </c>
      <c r="J32" s="257">
        <v>1</v>
      </c>
      <c r="K32" s="257">
        <v>0</v>
      </c>
      <c r="L32" s="258">
        <v>2</v>
      </c>
      <c r="M32" s="259">
        <v>2</v>
      </c>
      <c r="N32" s="253">
        <v>0</v>
      </c>
      <c r="O32" s="257">
        <v>0</v>
      </c>
      <c r="P32" s="254">
        <v>0</v>
      </c>
      <c r="Q32" s="256">
        <v>0</v>
      </c>
      <c r="R32" s="257">
        <v>0</v>
      </c>
      <c r="S32" s="257">
        <v>0</v>
      </c>
      <c r="T32" s="257">
        <v>0</v>
      </c>
      <c r="U32" s="257">
        <v>0</v>
      </c>
      <c r="V32" s="257">
        <v>0</v>
      </c>
      <c r="W32" s="254">
        <v>0</v>
      </c>
      <c r="X32" s="259">
        <v>0</v>
      </c>
      <c r="Y32" s="253">
        <v>0</v>
      </c>
      <c r="Z32" s="257">
        <v>0</v>
      </c>
      <c r="AA32" s="254">
        <v>0</v>
      </c>
      <c r="AB32" s="256">
        <v>0</v>
      </c>
      <c r="AC32" s="257">
        <v>2</v>
      </c>
      <c r="AD32" s="257">
        <v>0</v>
      </c>
      <c r="AE32" s="257">
        <v>0</v>
      </c>
      <c r="AF32" s="257">
        <v>1</v>
      </c>
      <c r="AG32" s="257">
        <v>0</v>
      </c>
      <c r="AH32" s="254">
        <v>3</v>
      </c>
      <c r="AI32" s="259">
        <v>3</v>
      </c>
      <c r="AJ32" s="253">
        <v>0</v>
      </c>
      <c r="AK32" s="257">
        <v>0</v>
      </c>
      <c r="AL32" s="254">
        <v>0</v>
      </c>
      <c r="AM32" s="256">
        <v>0</v>
      </c>
      <c r="AN32" s="257">
        <v>0</v>
      </c>
      <c r="AO32" s="257">
        <v>0</v>
      </c>
      <c r="AP32" s="257">
        <v>0</v>
      </c>
      <c r="AQ32" s="257">
        <v>0</v>
      </c>
      <c r="AR32" s="257">
        <v>0</v>
      </c>
      <c r="AS32" s="254">
        <v>0</v>
      </c>
      <c r="AT32" s="259">
        <v>0</v>
      </c>
      <c r="AU32" s="253">
        <v>0</v>
      </c>
      <c r="AV32" s="257">
        <v>0</v>
      </c>
      <c r="AW32" s="254">
        <v>0</v>
      </c>
      <c r="AX32" s="256">
        <v>0</v>
      </c>
      <c r="AY32" s="257">
        <v>2</v>
      </c>
      <c r="AZ32" s="257">
        <v>1</v>
      </c>
      <c r="BA32" s="257">
        <v>0</v>
      </c>
      <c r="BB32" s="257">
        <v>2</v>
      </c>
      <c r="BC32" s="257">
        <v>0</v>
      </c>
      <c r="BD32" s="258">
        <v>5</v>
      </c>
      <c r="BE32" s="259">
        <v>5</v>
      </c>
      <c r="BF32" s="253">
        <v>0</v>
      </c>
      <c r="BG32" s="257">
        <v>0</v>
      </c>
      <c r="BH32" s="254">
        <v>0</v>
      </c>
      <c r="BI32" s="256">
        <v>0</v>
      </c>
      <c r="BJ32" s="257">
        <v>0</v>
      </c>
      <c r="BK32" s="257">
        <v>0</v>
      </c>
      <c r="BL32" s="257">
        <v>0</v>
      </c>
      <c r="BM32" s="257">
        <v>1</v>
      </c>
      <c r="BN32" s="257">
        <v>0</v>
      </c>
      <c r="BO32" s="254">
        <v>1</v>
      </c>
      <c r="BP32" s="259">
        <v>1</v>
      </c>
      <c r="BQ32" s="253">
        <v>0</v>
      </c>
      <c r="BR32" s="257">
        <v>0</v>
      </c>
      <c r="BS32" s="254">
        <v>0</v>
      </c>
      <c r="BT32" s="256">
        <v>0</v>
      </c>
      <c r="BU32" s="257">
        <v>0</v>
      </c>
      <c r="BV32" s="257">
        <v>1</v>
      </c>
      <c r="BW32" s="257">
        <v>0</v>
      </c>
      <c r="BX32" s="257">
        <v>0</v>
      </c>
      <c r="BY32" s="257">
        <v>0</v>
      </c>
      <c r="BZ32" s="254">
        <v>1</v>
      </c>
      <c r="CA32" s="259">
        <v>1</v>
      </c>
      <c r="CB32" s="253">
        <v>0</v>
      </c>
      <c r="CC32" s="257">
        <v>0</v>
      </c>
      <c r="CD32" s="254">
        <v>0</v>
      </c>
      <c r="CE32" s="256">
        <v>0</v>
      </c>
      <c r="CF32" s="257">
        <v>1</v>
      </c>
      <c r="CG32" s="257">
        <v>0</v>
      </c>
      <c r="CH32" s="257">
        <v>1</v>
      </c>
      <c r="CI32" s="257">
        <v>1</v>
      </c>
      <c r="CJ32" s="257">
        <v>0</v>
      </c>
      <c r="CK32" s="254">
        <v>3</v>
      </c>
      <c r="CL32" s="259">
        <v>3</v>
      </c>
      <c r="CM32" s="253">
        <v>0</v>
      </c>
      <c r="CN32" s="257">
        <v>0</v>
      </c>
      <c r="CO32" s="254">
        <v>0</v>
      </c>
      <c r="CP32" s="256">
        <v>0</v>
      </c>
      <c r="CQ32" s="257">
        <v>0</v>
      </c>
      <c r="CR32" s="257">
        <v>0</v>
      </c>
      <c r="CS32" s="257">
        <v>0</v>
      </c>
      <c r="CT32" s="257">
        <v>0</v>
      </c>
      <c r="CU32" s="257">
        <v>0</v>
      </c>
      <c r="CV32" s="254">
        <v>0</v>
      </c>
      <c r="CW32" s="259">
        <v>0</v>
      </c>
      <c r="CX32" s="253">
        <v>0</v>
      </c>
      <c r="CY32" s="257">
        <v>0</v>
      </c>
      <c r="CZ32" s="254">
        <v>0</v>
      </c>
      <c r="DA32" s="256">
        <v>0</v>
      </c>
      <c r="DB32" s="257">
        <v>0</v>
      </c>
      <c r="DC32" s="257">
        <v>0</v>
      </c>
      <c r="DD32" s="257">
        <v>0</v>
      </c>
      <c r="DE32" s="257">
        <v>0</v>
      </c>
      <c r="DF32" s="257">
        <v>0</v>
      </c>
      <c r="DG32" s="254">
        <v>0</v>
      </c>
      <c r="DH32" s="259">
        <v>0</v>
      </c>
      <c r="DI32" s="253">
        <v>0</v>
      </c>
      <c r="DJ32" s="257">
        <v>0</v>
      </c>
      <c r="DK32" s="254">
        <v>0</v>
      </c>
      <c r="DL32" s="256">
        <v>0</v>
      </c>
      <c r="DM32" s="257">
        <v>0</v>
      </c>
      <c r="DN32" s="257">
        <v>0</v>
      </c>
      <c r="DO32" s="257">
        <v>0</v>
      </c>
      <c r="DP32" s="257">
        <v>0</v>
      </c>
      <c r="DQ32" s="257">
        <v>0</v>
      </c>
      <c r="DR32" s="254">
        <v>0</v>
      </c>
      <c r="DS32" s="259">
        <v>0</v>
      </c>
      <c r="DT32" s="253">
        <v>0</v>
      </c>
      <c r="DU32" s="257">
        <v>0</v>
      </c>
      <c r="DV32" s="254">
        <v>0</v>
      </c>
      <c r="DW32" s="256">
        <v>0</v>
      </c>
      <c r="DX32" s="257">
        <v>2</v>
      </c>
      <c r="DY32" s="257">
        <v>0</v>
      </c>
      <c r="DZ32" s="257">
        <v>2</v>
      </c>
      <c r="EA32" s="257">
        <v>1</v>
      </c>
      <c r="EB32" s="257">
        <v>0</v>
      </c>
      <c r="EC32" s="254">
        <v>5</v>
      </c>
      <c r="ED32" s="259">
        <v>5</v>
      </c>
      <c r="EE32" s="253">
        <v>0</v>
      </c>
      <c r="EF32" s="257">
        <v>0</v>
      </c>
      <c r="EG32" s="254">
        <v>0</v>
      </c>
      <c r="EH32" s="256">
        <v>0</v>
      </c>
      <c r="EI32" s="257">
        <v>1</v>
      </c>
      <c r="EJ32" s="257">
        <v>1</v>
      </c>
      <c r="EK32" s="257">
        <v>0</v>
      </c>
      <c r="EL32" s="257">
        <v>0</v>
      </c>
      <c r="EM32" s="257">
        <v>0</v>
      </c>
      <c r="EN32" s="254">
        <v>2</v>
      </c>
      <c r="EO32" s="259">
        <v>2</v>
      </c>
      <c r="EP32" s="253">
        <v>0</v>
      </c>
      <c r="EQ32" s="257">
        <v>0</v>
      </c>
      <c r="ER32" s="254">
        <v>0</v>
      </c>
      <c r="ES32" s="256">
        <v>0</v>
      </c>
      <c r="ET32" s="257">
        <v>3</v>
      </c>
      <c r="EU32" s="257">
        <v>1</v>
      </c>
      <c r="EV32" s="257">
        <v>2</v>
      </c>
      <c r="EW32" s="257">
        <v>1</v>
      </c>
      <c r="EX32" s="257">
        <v>0</v>
      </c>
      <c r="EY32" s="254">
        <v>7</v>
      </c>
      <c r="EZ32" s="259">
        <v>7</v>
      </c>
    </row>
    <row r="33" spans="2:156" ht="21" customHeight="1" x14ac:dyDescent="0.2">
      <c r="B33" s="437" t="s">
        <v>31</v>
      </c>
      <c r="C33" s="253">
        <v>0</v>
      </c>
      <c r="D33" s="257">
        <v>0</v>
      </c>
      <c r="E33" s="340">
        <v>0</v>
      </c>
      <c r="F33" s="256">
        <v>0</v>
      </c>
      <c r="G33" s="257">
        <v>0</v>
      </c>
      <c r="H33" s="257">
        <v>0</v>
      </c>
      <c r="I33" s="257">
        <v>1</v>
      </c>
      <c r="J33" s="257">
        <v>0</v>
      </c>
      <c r="K33" s="257">
        <v>0</v>
      </c>
      <c r="L33" s="258">
        <v>1</v>
      </c>
      <c r="M33" s="259">
        <v>1</v>
      </c>
      <c r="N33" s="253">
        <v>0</v>
      </c>
      <c r="O33" s="257">
        <v>0</v>
      </c>
      <c r="P33" s="254">
        <v>0</v>
      </c>
      <c r="Q33" s="256">
        <v>0</v>
      </c>
      <c r="R33" s="257">
        <v>0</v>
      </c>
      <c r="S33" s="257">
        <v>1</v>
      </c>
      <c r="T33" s="257">
        <v>1</v>
      </c>
      <c r="U33" s="257">
        <v>0</v>
      </c>
      <c r="V33" s="257">
        <v>0</v>
      </c>
      <c r="W33" s="254">
        <v>2</v>
      </c>
      <c r="X33" s="259">
        <v>2</v>
      </c>
      <c r="Y33" s="253">
        <v>0</v>
      </c>
      <c r="Z33" s="257">
        <v>1</v>
      </c>
      <c r="AA33" s="254">
        <v>1</v>
      </c>
      <c r="AB33" s="256">
        <v>0</v>
      </c>
      <c r="AC33" s="257">
        <v>1</v>
      </c>
      <c r="AD33" s="257">
        <v>0</v>
      </c>
      <c r="AE33" s="257">
        <v>3</v>
      </c>
      <c r="AF33" s="257">
        <v>0</v>
      </c>
      <c r="AG33" s="257">
        <v>0</v>
      </c>
      <c r="AH33" s="254">
        <v>4</v>
      </c>
      <c r="AI33" s="259">
        <v>5</v>
      </c>
      <c r="AJ33" s="253">
        <v>0</v>
      </c>
      <c r="AK33" s="257">
        <v>0</v>
      </c>
      <c r="AL33" s="254">
        <v>0</v>
      </c>
      <c r="AM33" s="256">
        <v>0</v>
      </c>
      <c r="AN33" s="257">
        <v>0</v>
      </c>
      <c r="AO33" s="257">
        <v>0</v>
      </c>
      <c r="AP33" s="257">
        <v>0</v>
      </c>
      <c r="AQ33" s="257">
        <v>0</v>
      </c>
      <c r="AR33" s="257">
        <v>0</v>
      </c>
      <c r="AS33" s="254">
        <v>0</v>
      </c>
      <c r="AT33" s="259">
        <v>0</v>
      </c>
      <c r="AU33" s="253">
        <v>0</v>
      </c>
      <c r="AV33" s="257">
        <v>0</v>
      </c>
      <c r="AW33" s="254">
        <v>0</v>
      </c>
      <c r="AX33" s="256">
        <v>0</v>
      </c>
      <c r="AY33" s="257">
        <v>0</v>
      </c>
      <c r="AZ33" s="257">
        <v>0</v>
      </c>
      <c r="BA33" s="257">
        <v>0</v>
      </c>
      <c r="BB33" s="257">
        <v>2</v>
      </c>
      <c r="BC33" s="257">
        <v>1</v>
      </c>
      <c r="BD33" s="258">
        <v>3</v>
      </c>
      <c r="BE33" s="259">
        <v>3</v>
      </c>
      <c r="BF33" s="253">
        <v>0</v>
      </c>
      <c r="BG33" s="257">
        <v>0</v>
      </c>
      <c r="BH33" s="254">
        <v>0</v>
      </c>
      <c r="BI33" s="256">
        <v>0</v>
      </c>
      <c r="BJ33" s="257">
        <v>3</v>
      </c>
      <c r="BK33" s="257">
        <v>0</v>
      </c>
      <c r="BL33" s="257">
        <v>0</v>
      </c>
      <c r="BM33" s="257">
        <v>0</v>
      </c>
      <c r="BN33" s="257">
        <v>0</v>
      </c>
      <c r="BO33" s="254">
        <v>3</v>
      </c>
      <c r="BP33" s="259">
        <v>3</v>
      </c>
      <c r="BQ33" s="253">
        <v>0</v>
      </c>
      <c r="BR33" s="257">
        <v>0</v>
      </c>
      <c r="BS33" s="254">
        <v>0</v>
      </c>
      <c r="BT33" s="256">
        <v>0</v>
      </c>
      <c r="BU33" s="257">
        <v>1</v>
      </c>
      <c r="BV33" s="257">
        <v>1</v>
      </c>
      <c r="BW33" s="257">
        <v>2</v>
      </c>
      <c r="BX33" s="257">
        <v>0</v>
      </c>
      <c r="BY33" s="257">
        <v>0</v>
      </c>
      <c r="BZ33" s="254">
        <v>4</v>
      </c>
      <c r="CA33" s="259">
        <v>4</v>
      </c>
      <c r="CB33" s="253">
        <v>0</v>
      </c>
      <c r="CC33" s="257">
        <v>0</v>
      </c>
      <c r="CD33" s="254">
        <v>0</v>
      </c>
      <c r="CE33" s="256">
        <v>0</v>
      </c>
      <c r="CF33" s="257">
        <v>1</v>
      </c>
      <c r="CG33" s="257">
        <v>0</v>
      </c>
      <c r="CH33" s="257">
        <v>1</v>
      </c>
      <c r="CI33" s="257">
        <v>1</v>
      </c>
      <c r="CJ33" s="257">
        <v>0</v>
      </c>
      <c r="CK33" s="254">
        <v>3</v>
      </c>
      <c r="CL33" s="259">
        <v>3</v>
      </c>
      <c r="CM33" s="253">
        <v>0</v>
      </c>
      <c r="CN33" s="257">
        <v>0</v>
      </c>
      <c r="CO33" s="254">
        <v>0</v>
      </c>
      <c r="CP33" s="256">
        <v>0</v>
      </c>
      <c r="CQ33" s="257">
        <v>0</v>
      </c>
      <c r="CR33" s="257">
        <v>0</v>
      </c>
      <c r="CS33" s="257">
        <v>0</v>
      </c>
      <c r="CT33" s="257">
        <v>0</v>
      </c>
      <c r="CU33" s="257">
        <v>0</v>
      </c>
      <c r="CV33" s="254">
        <v>0</v>
      </c>
      <c r="CW33" s="259">
        <v>0</v>
      </c>
      <c r="CX33" s="253">
        <v>0</v>
      </c>
      <c r="CY33" s="257">
        <v>0</v>
      </c>
      <c r="CZ33" s="254">
        <v>0</v>
      </c>
      <c r="DA33" s="256">
        <v>0</v>
      </c>
      <c r="DB33" s="257">
        <v>0</v>
      </c>
      <c r="DC33" s="257">
        <v>0</v>
      </c>
      <c r="DD33" s="257">
        <v>0</v>
      </c>
      <c r="DE33" s="257">
        <v>0</v>
      </c>
      <c r="DF33" s="257">
        <v>0</v>
      </c>
      <c r="DG33" s="254">
        <v>0</v>
      </c>
      <c r="DH33" s="259">
        <v>0</v>
      </c>
      <c r="DI33" s="253">
        <v>0</v>
      </c>
      <c r="DJ33" s="257">
        <v>0</v>
      </c>
      <c r="DK33" s="254">
        <v>0</v>
      </c>
      <c r="DL33" s="256">
        <v>0</v>
      </c>
      <c r="DM33" s="257">
        <v>0</v>
      </c>
      <c r="DN33" s="257">
        <v>0</v>
      </c>
      <c r="DO33" s="257">
        <v>0</v>
      </c>
      <c r="DP33" s="257">
        <v>0</v>
      </c>
      <c r="DQ33" s="257">
        <v>0</v>
      </c>
      <c r="DR33" s="254">
        <v>0</v>
      </c>
      <c r="DS33" s="259">
        <v>0</v>
      </c>
      <c r="DT33" s="253">
        <v>2</v>
      </c>
      <c r="DU33" s="257">
        <v>1</v>
      </c>
      <c r="DV33" s="254">
        <v>3</v>
      </c>
      <c r="DW33" s="256">
        <v>0</v>
      </c>
      <c r="DX33" s="257">
        <v>3</v>
      </c>
      <c r="DY33" s="257">
        <v>2</v>
      </c>
      <c r="DZ33" s="257">
        <v>5</v>
      </c>
      <c r="EA33" s="257">
        <v>1</v>
      </c>
      <c r="EB33" s="257">
        <v>0</v>
      </c>
      <c r="EC33" s="254">
        <v>11</v>
      </c>
      <c r="ED33" s="259">
        <v>14</v>
      </c>
      <c r="EE33" s="253">
        <v>0</v>
      </c>
      <c r="EF33" s="257">
        <v>0</v>
      </c>
      <c r="EG33" s="254">
        <v>0</v>
      </c>
      <c r="EH33" s="256">
        <v>0</v>
      </c>
      <c r="EI33" s="257">
        <v>0</v>
      </c>
      <c r="EJ33" s="257">
        <v>0</v>
      </c>
      <c r="EK33" s="257">
        <v>0</v>
      </c>
      <c r="EL33" s="257">
        <v>0</v>
      </c>
      <c r="EM33" s="257">
        <v>0</v>
      </c>
      <c r="EN33" s="254">
        <v>0</v>
      </c>
      <c r="EO33" s="259">
        <v>0</v>
      </c>
      <c r="EP33" s="253">
        <v>2</v>
      </c>
      <c r="EQ33" s="257">
        <v>1</v>
      </c>
      <c r="ER33" s="254">
        <v>3</v>
      </c>
      <c r="ES33" s="256">
        <v>0</v>
      </c>
      <c r="ET33" s="257">
        <v>5</v>
      </c>
      <c r="EU33" s="257">
        <v>3</v>
      </c>
      <c r="EV33" s="257">
        <v>6</v>
      </c>
      <c r="EW33" s="257">
        <v>1</v>
      </c>
      <c r="EX33" s="257">
        <v>0</v>
      </c>
      <c r="EY33" s="254">
        <v>15</v>
      </c>
      <c r="EZ33" s="259">
        <v>18</v>
      </c>
    </row>
    <row r="34" spans="2:156" ht="21" customHeight="1" x14ac:dyDescent="0.2">
      <c r="B34" s="437" t="s">
        <v>32</v>
      </c>
      <c r="C34" s="253">
        <v>0</v>
      </c>
      <c r="D34" s="257">
        <v>0</v>
      </c>
      <c r="E34" s="340">
        <v>0</v>
      </c>
      <c r="F34" s="256">
        <v>0</v>
      </c>
      <c r="G34" s="257">
        <v>2</v>
      </c>
      <c r="H34" s="257">
        <v>1</v>
      </c>
      <c r="I34" s="257">
        <v>0</v>
      </c>
      <c r="J34" s="257">
        <v>0</v>
      </c>
      <c r="K34" s="257">
        <v>1</v>
      </c>
      <c r="L34" s="258">
        <v>4</v>
      </c>
      <c r="M34" s="259">
        <v>4</v>
      </c>
      <c r="N34" s="253">
        <v>0</v>
      </c>
      <c r="O34" s="257">
        <v>0</v>
      </c>
      <c r="P34" s="254">
        <v>0</v>
      </c>
      <c r="Q34" s="256">
        <v>0</v>
      </c>
      <c r="R34" s="257">
        <v>1</v>
      </c>
      <c r="S34" s="257">
        <v>0</v>
      </c>
      <c r="T34" s="257">
        <v>0</v>
      </c>
      <c r="U34" s="257">
        <v>0</v>
      </c>
      <c r="V34" s="257">
        <v>1</v>
      </c>
      <c r="W34" s="254">
        <v>2</v>
      </c>
      <c r="X34" s="259">
        <v>2</v>
      </c>
      <c r="Y34" s="253">
        <v>0</v>
      </c>
      <c r="Z34" s="257">
        <v>0</v>
      </c>
      <c r="AA34" s="254">
        <v>0</v>
      </c>
      <c r="AB34" s="256">
        <v>0</v>
      </c>
      <c r="AC34" s="257">
        <v>4</v>
      </c>
      <c r="AD34" s="257">
        <v>4</v>
      </c>
      <c r="AE34" s="257">
        <v>0</v>
      </c>
      <c r="AF34" s="257">
        <v>0</v>
      </c>
      <c r="AG34" s="257">
        <v>0</v>
      </c>
      <c r="AH34" s="254">
        <v>8</v>
      </c>
      <c r="AI34" s="259">
        <v>8</v>
      </c>
      <c r="AJ34" s="253">
        <v>0</v>
      </c>
      <c r="AK34" s="257">
        <v>0</v>
      </c>
      <c r="AL34" s="254">
        <v>0</v>
      </c>
      <c r="AM34" s="256">
        <v>0</v>
      </c>
      <c r="AN34" s="257">
        <v>0</v>
      </c>
      <c r="AO34" s="257">
        <v>1</v>
      </c>
      <c r="AP34" s="257">
        <v>0</v>
      </c>
      <c r="AQ34" s="257">
        <v>0</v>
      </c>
      <c r="AR34" s="257">
        <v>0</v>
      </c>
      <c r="AS34" s="254">
        <v>1</v>
      </c>
      <c r="AT34" s="259">
        <v>1</v>
      </c>
      <c r="AU34" s="253">
        <v>0</v>
      </c>
      <c r="AV34" s="257">
        <v>0</v>
      </c>
      <c r="AW34" s="254">
        <v>0</v>
      </c>
      <c r="AX34" s="256">
        <v>0</v>
      </c>
      <c r="AY34" s="257">
        <v>1</v>
      </c>
      <c r="AZ34" s="257">
        <v>3</v>
      </c>
      <c r="BA34" s="257">
        <v>2</v>
      </c>
      <c r="BB34" s="257">
        <v>1</v>
      </c>
      <c r="BC34" s="257">
        <v>1</v>
      </c>
      <c r="BD34" s="258">
        <v>8</v>
      </c>
      <c r="BE34" s="259">
        <v>8</v>
      </c>
      <c r="BF34" s="253">
        <v>0</v>
      </c>
      <c r="BG34" s="257">
        <v>0</v>
      </c>
      <c r="BH34" s="254">
        <v>0</v>
      </c>
      <c r="BI34" s="256">
        <v>0</v>
      </c>
      <c r="BJ34" s="257">
        <v>3</v>
      </c>
      <c r="BK34" s="257">
        <v>6</v>
      </c>
      <c r="BL34" s="257">
        <v>1</v>
      </c>
      <c r="BM34" s="257">
        <v>0</v>
      </c>
      <c r="BN34" s="257">
        <v>0</v>
      </c>
      <c r="BO34" s="254">
        <v>10</v>
      </c>
      <c r="BP34" s="259">
        <v>10</v>
      </c>
      <c r="BQ34" s="253">
        <v>0</v>
      </c>
      <c r="BR34" s="257">
        <v>0</v>
      </c>
      <c r="BS34" s="254">
        <v>0</v>
      </c>
      <c r="BT34" s="256">
        <v>0</v>
      </c>
      <c r="BU34" s="257">
        <v>0</v>
      </c>
      <c r="BV34" s="257">
        <v>1</v>
      </c>
      <c r="BW34" s="257">
        <v>1</v>
      </c>
      <c r="BX34" s="257">
        <v>0</v>
      </c>
      <c r="BY34" s="257">
        <v>0</v>
      </c>
      <c r="BZ34" s="254">
        <v>2</v>
      </c>
      <c r="CA34" s="259">
        <v>2</v>
      </c>
      <c r="CB34" s="253">
        <v>0</v>
      </c>
      <c r="CC34" s="257">
        <v>0</v>
      </c>
      <c r="CD34" s="254">
        <v>0</v>
      </c>
      <c r="CE34" s="256">
        <v>0</v>
      </c>
      <c r="CF34" s="257">
        <v>1</v>
      </c>
      <c r="CG34" s="257">
        <v>0</v>
      </c>
      <c r="CH34" s="257">
        <v>0</v>
      </c>
      <c r="CI34" s="257">
        <v>0</v>
      </c>
      <c r="CJ34" s="257">
        <v>0</v>
      </c>
      <c r="CK34" s="254">
        <v>1</v>
      </c>
      <c r="CL34" s="259">
        <v>1</v>
      </c>
      <c r="CM34" s="253">
        <v>0</v>
      </c>
      <c r="CN34" s="257">
        <v>0</v>
      </c>
      <c r="CO34" s="254">
        <v>0</v>
      </c>
      <c r="CP34" s="256">
        <v>0</v>
      </c>
      <c r="CQ34" s="257">
        <v>0</v>
      </c>
      <c r="CR34" s="257">
        <v>0</v>
      </c>
      <c r="CS34" s="257">
        <v>0</v>
      </c>
      <c r="CT34" s="257">
        <v>0</v>
      </c>
      <c r="CU34" s="257">
        <v>0</v>
      </c>
      <c r="CV34" s="254">
        <v>0</v>
      </c>
      <c r="CW34" s="259">
        <v>0</v>
      </c>
      <c r="CX34" s="253">
        <v>0</v>
      </c>
      <c r="CY34" s="257">
        <v>0</v>
      </c>
      <c r="CZ34" s="254">
        <v>0</v>
      </c>
      <c r="DA34" s="256">
        <v>0</v>
      </c>
      <c r="DB34" s="257">
        <v>0</v>
      </c>
      <c r="DC34" s="257">
        <v>0</v>
      </c>
      <c r="DD34" s="257">
        <v>0</v>
      </c>
      <c r="DE34" s="257">
        <v>0</v>
      </c>
      <c r="DF34" s="257">
        <v>0</v>
      </c>
      <c r="DG34" s="254">
        <v>0</v>
      </c>
      <c r="DH34" s="259">
        <v>0</v>
      </c>
      <c r="DI34" s="253">
        <v>0</v>
      </c>
      <c r="DJ34" s="257">
        <v>0</v>
      </c>
      <c r="DK34" s="254">
        <v>0</v>
      </c>
      <c r="DL34" s="256">
        <v>0</v>
      </c>
      <c r="DM34" s="257">
        <v>0</v>
      </c>
      <c r="DN34" s="257">
        <v>0</v>
      </c>
      <c r="DO34" s="257">
        <v>0</v>
      </c>
      <c r="DP34" s="257">
        <v>0</v>
      </c>
      <c r="DQ34" s="257">
        <v>0</v>
      </c>
      <c r="DR34" s="254">
        <v>0</v>
      </c>
      <c r="DS34" s="259">
        <v>0</v>
      </c>
      <c r="DT34" s="253">
        <v>0</v>
      </c>
      <c r="DU34" s="257">
        <v>4</v>
      </c>
      <c r="DV34" s="254">
        <v>4</v>
      </c>
      <c r="DW34" s="256">
        <v>0</v>
      </c>
      <c r="DX34" s="257">
        <v>5</v>
      </c>
      <c r="DY34" s="257">
        <v>8</v>
      </c>
      <c r="DZ34" s="257">
        <v>2</v>
      </c>
      <c r="EA34" s="257">
        <v>0</v>
      </c>
      <c r="EB34" s="257">
        <v>1</v>
      </c>
      <c r="EC34" s="254">
        <v>16</v>
      </c>
      <c r="ED34" s="259">
        <v>20</v>
      </c>
      <c r="EE34" s="253">
        <v>0</v>
      </c>
      <c r="EF34" s="257">
        <v>0</v>
      </c>
      <c r="EG34" s="254">
        <v>0</v>
      </c>
      <c r="EH34" s="256">
        <v>0</v>
      </c>
      <c r="EI34" s="257">
        <v>1</v>
      </c>
      <c r="EJ34" s="257">
        <v>2</v>
      </c>
      <c r="EK34" s="257">
        <v>1</v>
      </c>
      <c r="EL34" s="257">
        <v>1</v>
      </c>
      <c r="EM34" s="257">
        <v>1</v>
      </c>
      <c r="EN34" s="254">
        <v>6</v>
      </c>
      <c r="EO34" s="259">
        <v>6</v>
      </c>
      <c r="EP34" s="253">
        <v>0</v>
      </c>
      <c r="EQ34" s="257">
        <v>4</v>
      </c>
      <c r="ER34" s="254">
        <v>4</v>
      </c>
      <c r="ES34" s="256">
        <v>0</v>
      </c>
      <c r="ET34" s="257">
        <v>8</v>
      </c>
      <c r="EU34" s="257">
        <v>12</v>
      </c>
      <c r="EV34" s="257">
        <v>2</v>
      </c>
      <c r="EW34" s="257">
        <v>0</v>
      </c>
      <c r="EX34" s="257">
        <v>1</v>
      </c>
      <c r="EY34" s="254">
        <v>23</v>
      </c>
      <c r="EZ34" s="259">
        <v>27</v>
      </c>
    </row>
    <row r="35" spans="2:156" ht="21" customHeight="1" x14ac:dyDescent="0.2">
      <c r="B35" s="437" t="s">
        <v>33</v>
      </c>
      <c r="C35" s="253">
        <v>0</v>
      </c>
      <c r="D35" s="257">
        <v>0</v>
      </c>
      <c r="E35" s="340">
        <v>0</v>
      </c>
      <c r="F35" s="256">
        <v>0</v>
      </c>
      <c r="G35" s="257">
        <v>1</v>
      </c>
      <c r="H35" s="257">
        <v>0</v>
      </c>
      <c r="I35" s="257">
        <v>1</v>
      </c>
      <c r="J35" s="257">
        <v>0</v>
      </c>
      <c r="K35" s="257">
        <v>0</v>
      </c>
      <c r="L35" s="258">
        <v>2</v>
      </c>
      <c r="M35" s="259">
        <v>2</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2</v>
      </c>
      <c r="AD35" s="257">
        <v>0</v>
      </c>
      <c r="AE35" s="257">
        <v>1</v>
      </c>
      <c r="AF35" s="257">
        <v>0</v>
      </c>
      <c r="AG35" s="257">
        <v>0</v>
      </c>
      <c r="AH35" s="254">
        <v>3</v>
      </c>
      <c r="AI35" s="259">
        <v>3</v>
      </c>
      <c r="AJ35" s="253">
        <v>2</v>
      </c>
      <c r="AK35" s="257">
        <v>1</v>
      </c>
      <c r="AL35" s="254">
        <v>3</v>
      </c>
      <c r="AM35" s="256">
        <v>0</v>
      </c>
      <c r="AN35" s="257">
        <v>0</v>
      </c>
      <c r="AO35" s="257">
        <v>0</v>
      </c>
      <c r="AP35" s="257">
        <v>2</v>
      </c>
      <c r="AQ35" s="257">
        <v>0</v>
      </c>
      <c r="AR35" s="257">
        <v>0</v>
      </c>
      <c r="AS35" s="254">
        <v>2</v>
      </c>
      <c r="AT35" s="259">
        <v>5</v>
      </c>
      <c r="AU35" s="253">
        <v>0</v>
      </c>
      <c r="AV35" s="257">
        <v>0</v>
      </c>
      <c r="AW35" s="254">
        <v>0</v>
      </c>
      <c r="AX35" s="256">
        <v>0</v>
      </c>
      <c r="AY35" s="257">
        <v>1</v>
      </c>
      <c r="AZ35" s="257">
        <v>1</v>
      </c>
      <c r="BA35" s="257">
        <v>2</v>
      </c>
      <c r="BB35" s="257">
        <v>0</v>
      </c>
      <c r="BC35" s="257">
        <v>0</v>
      </c>
      <c r="BD35" s="258">
        <v>4</v>
      </c>
      <c r="BE35" s="259">
        <v>4</v>
      </c>
      <c r="BF35" s="253">
        <v>0</v>
      </c>
      <c r="BG35" s="257">
        <v>0</v>
      </c>
      <c r="BH35" s="254">
        <v>0</v>
      </c>
      <c r="BI35" s="256">
        <v>0</v>
      </c>
      <c r="BJ35" s="257">
        <v>1</v>
      </c>
      <c r="BK35" s="257">
        <v>0</v>
      </c>
      <c r="BL35" s="257">
        <v>0</v>
      </c>
      <c r="BM35" s="257">
        <v>0</v>
      </c>
      <c r="BN35" s="257">
        <v>0</v>
      </c>
      <c r="BO35" s="254">
        <v>1</v>
      </c>
      <c r="BP35" s="259">
        <v>1</v>
      </c>
      <c r="BQ35" s="253">
        <v>0</v>
      </c>
      <c r="BR35" s="257">
        <v>1</v>
      </c>
      <c r="BS35" s="254">
        <v>1</v>
      </c>
      <c r="BT35" s="256">
        <v>0</v>
      </c>
      <c r="BU35" s="257">
        <v>0</v>
      </c>
      <c r="BV35" s="257">
        <v>0</v>
      </c>
      <c r="BW35" s="257">
        <v>0</v>
      </c>
      <c r="BX35" s="257">
        <v>0</v>
      </c>
      <c r="BY35" s="257">
        <v>0</v>
      </c>
      <c r="BZ35" s="254">
        <v>0</v>
      </c>
      <c r="CA35" s="259">
        <v>1</v>
      </c>
      <c r="CB35" s="253">
        <v>0</v>
      </c>
      <c r="CC35" s="257">
        <v>0</v>
      </c>
      <c r="CD35" s="254">
        <v>0</v>
      </c>
      <c r="CE35" s="256">
        <v>0</v>
      </c>
      <c r="CF35" s="257">
        <v>1</v>
      </c>
      <c r="CG35" s="257">
        <v>1</v>
      </c>
      <c r="CH35" s="257">
        <v>0</v>
      </c>
      <c r="CI35" s="257">
        <v>0</v>
      </c>
      <c r="CJ35" s="257">
        <v>0</v>
      </c>
      <c r="CK35" s="254">
        <v>2</v>
      </c>
      <c r="CL35" s="259">
        <v>2</v>
      </c>
      <c r="CM35" s="253">
        <v>0</v>
      </c>
      <c r="CN35" s="257">
        <v>0</v>
      </c>
      <c r="CO35" s="254">
        <v>0</v>
      </c>
      <c r="CP35" s="256">
        <v>0</v>
      </c>
      <c r="CQ35" s="257">
        <v>0</v>
      </c>
      <c r="CR35" s="257">
        <v>0</v>
      </c>
      <c r="CS35" s="257">
        <v>0</v>
      </c>
      <c r="CT35" s="257">
        <v>0</v>
      </c>
      <c r="CU35" s="257">
        <v>0</v>
      </c>
      <c r="CV35" s="254">
        <v>0</v>
      </c>
      <c r="CW35" s="259">
        <v>0</v>
      </c>
      <c r="CX35" s="253">
        <v>0</v>
      </c>
      <c r="CY35" s="257">
        <v>0</v>
      </c>
      <c r="CZ35" s="254">
        <v>0</v>
      </c>
      <c r="DA35" s="256">
        <v>0</v>
      </c>
      <c r="DB35" s="257">
        <v>0</v>
      </c>
      <c r="DC35" s="257">
        <v>0</v>
      </c>
      <c r="DD35" s="257">
        <v>0</v>
      </c>
      <c r="DE35" s="257">
        <v>0</v>
      </c>
      <c r="DF35" s="257">
        <v>0</v>
      </c>
      <c r="DG35" s="254">
        <v>0</v>
      </c>
      <c r="DH35" s="259">
        <v>0</v>
      </c>
      <c r="DI35" s="253">
        <v>0</v>
      </c>
      <c r="DJ35" s="257">
        <v>0</v>
      </c>
      <c r="DK35" s="254">
        <v>0</v>
      </c>
      <c r="DL35" s="256">
        <v>0</v>
      </c>
      <c r="DM35" s="257">
        <v>0</v>
      </c>
      <c r="DN35" s="257">
        <v>0</v>
      </c>
      <c r="DO35" s="257">
        <v>0</v>
      </c>
      <c r="DP35" s="257">
        <v>0</v>
      </c>
      <c r="DQ35" s="257">
        <v>0</v>
      </c>
      <c r="DR35" s="254">
        <v>0</v>
      </c>
      <c r="DS35" s="259">
        <v>0</v>
      </c>
      <c r="DT35" s="253">
        <v>2</v>
      </c>
      <c r="DU35" s="257">
        <v>0</v>
      </c>
      <c r="DV35" s="254">
        <v>2</v>
      </c>
      <c r="DW35" s="256">
        <v>0</v>
      </c>
      <c r="DX35" s="257">
        <v>2</v>
      </c>
      <c r="DY35" s="257">
        <v>0</v>
      </c>
      <c r="DZ35" s="257">
        <v>1</v>
      </c>
      <c r="EA35" s="257">
        <v>0</v>
      </c>
      <c r="EB35" s="257">
        <v>0</v>
      </c>
      <c r="EC35" s="254">
        <v>3</v>
      </c>
      <c r="ED35" s="259">
        <v>5</v>
      </c>
      <c r="EE35" s="253">
        <v>0</v>
      </c>
      <c r="EF35" s="257">
        <v>0</v>
      </c>
      <c r="EG35" s="254">
        <v>0</v>
      </c>
      <c r="EH35" s="256">
        <v>0</v>
      </c>
      <c r="EI35" s="257">
        <v>0</v>
      </c>
      <c r="EJ35" s="257">
        <v>1</v>
      </c>
      <c r="EK35" s="257">
        <v>0</v>
      </c>
      <c r="EL35" s="257">
        <v>0</v>
      </c>
      <c r="EM35" s="257">
        <v>0</v>
      </c>
      <c r="EN35" s="254">
        <v>1</v>
      </c>
      <c r="EO35" s="259">
        <v>1</v>
      </c>
      <c r="EP35" s="253">
        <v>2</v>
      </c>
      <c r="EQ35" s="257">
        <v>2</v>
      </c>
      <c r="ER35" s="254">
        <v>4</v>
      </c>
      <c r="ES35" s="256">
        <v>0</v>
      </c>
      <c r="ET35" s="257">
        <v>3</v>
      </c>
      <c r="EU35" s="257">
        <v>1</v>
      </c>
      <c r="EV35" s="257">
        <v>2</v>
      </c>
      <c r="EW35" s="257">
        <v>0</v>
      </c>
      <c r="EX35" s="257">
        <v>0</v>
      </c>
      <c r="EY35" s="254">
        <v>6</v>
      </c>
      <c r="EZ35" s="259">
        <v>10</v>
      </c>
    </row>
    <row r="36" spans="2:156" ht="21" customHeight="1" x14ac:dyDescent="0.2">
      <c r="B36" s="437" t="s">
        <v>34</v>
      </c>
      <c r="C36" s="253">
        <v>0</v>
      </c>
      <c r="D36" s="257">
        <v>0</v>
      </c>
      <c r="E36" s="340">
        <v>0</v>
      </c>
      <c r="F36" s="256">
        <v>0</v>
      </c>
      <c r="G36" s="257">
        <v>0</v>
      </c>
      <c r="H36" s="257">
        <v>0</v>
      </c>
      <c r="I36" s="257">
        <v>0</v>
      </c>
      <c r="J36" s="257">
        <v>0</v>
      </c>
      <c r="K36" s="257">
        <v>0</v>
      </c>
      <c r="L36" s="258">
        <v>0</v>
      </c>
      <c r="M36" s="259">
        <v>0</v>
      </c>
      <c r="N36" s="253">
        <v>0</v>
      </c>
      <c r="O36" s="257">
        <v>0</v>
      </c>
      <c r="P36" s="254">
        <v>0</v>
      </c>
      <c r="Q36" s="256">
        <v>0</v>
      </c>
      <c r="R36" s="257">
        <v>0</v>
      </c>
      <c r="S36" s="257">
        <v>0</v>
      </c>
      <c r="T36" s="257">
        <v>0</v>
      </c>
      <c r="U36" s="257">
        <v>0</v>
      </c>
      <c r="V36" s="257">
        <v>0</v>
      </c>
      <c r="W36" s="254">
        <v>0</v>
      </c>
      <c r="X36" s="259">
        <v>0</v>
      </c>
      <c r="Y36" s="253">
        <v>0</v>
      </c>
      <c r="Z36" s="257">
        <v>0</v>
      </c>
      <c r="AA36" s="254">
        <v>0</v>
      </c>
      <c r="AB36" s="256">
        <v>0</v>
      </c>
      <c r="AC36" s="257">
        <v>1</v>
      </c>
      <c r="AD36" s="257">
        <v>2</v>
      </c>
      <c r="AE36" s="257">
        <v>0</v>
      </c>
      <c r="AF36" s="257">
        <v>1</v>
      </c>
      <c r="AG36" s="257">
        <v>0</v>
      </c>
      <c r="AH36" s="254">
        <v>4</v>
      </c>
      <c r="AI36" s="259">
        <v>4</v>
      </c>
      <c r="AJ36" s="253">
        <v>0</v>
      </c>
      <c r="AK36" s="257">
        <v>0</v>
      </c>
      <c r="AL36" s="254">
        <v>0</v>
      </c>
      <c r="AM36" s="256">
        <v>0</v>
      </c>
      <c r="AN36" s="257">
        <v>0</v>
      </c>
      <c r="AO36" s="257">
        <v>0</v>
      </c>
      <c r="AP36" s="257">
        <v>0</v>
      </c>
      <c r="AQ36" s="257">
        <v>0</v>
      </c>
      <c r="AR36" s="257">
        <v>0</v>
      </c>
      <c r="AS36" s="254">
        <v>0</v>
      </c>
      <c r="AT36" s="259">
        <v>0</v>
      </c>
      <c r="AU36" s="253">
        <v>0</v>
      </c>
      <c r="AV36" s="257">
        <v>0</v>
      </c>
      <c r="AW36" s="254">
        <v>0</v>
      </c>
      <c r="AX36" s="256">
        <v>0</v>
      </c>
      <c r="AY36" s="257">
        <v>0</v>
      </c>
      <c r="AZ36" s="257">
        <v>4</v>
      </c>
      <c r="BA36" s="257">
        <v>0</v>
      </c>
      <c r="BB36" s="257">
        <v>0</v>
      </c>
      <c r="BC36" s="257">
        <v>2</v>
      </c>
      <c r="BD36" s="258">
        <v>6</v>
      </c>
      <c r="BE36" s="259">
        <v>6</v>
      </c>
      <c r="BF36" s="253">
        <v>0</v>
      </c>
      <c r="BG36" s="257">
        <v>0</v>
      </c>
      <c r="BH36" s="254">
        <v>0</v>
      </c>
      <c r="BI36" s="256">
        <v>0</v>
      </c>
      <c r="BJ36" s="257">
        <v>0</v>
      </c>
      <c r="BK36" s="257">
        <v>3</v>
      </c>
      <c r="BL36" s="257">
        <v>0</v>
      </c>
      <c r="BM36" s="257">
        <v>0</v>
      </c>
      <c r="BN36" s="257">
        <v>0</v>
      </c>
      <c r="BO36" s="254">
        <v>3</v>
      </c>
      <c r="BP36" s="259">
        <v>3</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0</v>
      </c>
      <c r="CI36" s="257">
        <v>0</v>
      </c>
      <c r="CJ36" s="257">
        <v>0</v>
      </c>
      <c r="CK36" s="254">
        <v>0</v>
      </c>
      <c r="CL36" s="259">
        <v>0</v>
      </c>
      <c r="CM36" s="253">
        <v>0</v>
      </c>
      <c r="CN36" s="257">
        <v>0</v>
      </c>
      <c r="CO36" s="254">
        <v>0</v>
      </c>
      <c r="CP36" s="256">
        <v>0</v>
      </c>
      <c r="CQ36" s="257">
        <v>0</v>
      </c>
      <c r="CR36" s="257">
        <v>0</v>
      </c>
      <c r="CS36" s="257">
        <v>0</v>
      </c>
      <c r="CT36" s="257">
        <v>0</v>
      </c>
      <c r="CU36" s="257">
        <v>0</v>
      </c>
      <c r="CV36" s="254">
        <v>0</v>
      </c>
      <c r="CW36" s="259">
        <v>0</v>
      </c>
      <c r="CX36" s="253">
        <v>0</v>
      </c>
      <c r="CY36" s="257">
        <v>0</v>
      </c>
      <c r="CZ36" s="254">
        <v>0</v>
      </c>
      <c r="DA36" s="256">
        <v>0</v>
      </c>
      <c r="DB36" s="257">
        <v>0</v>
      </c>
      <c r="DC36" s="257">
        <v>0</v>
      </c>
      <c r="DD36" s="257">
        <v>0</v>
      </c>
      <c r="DE36" s="257">
        <v>0</v>
      </c>
      <c r="DF36" s="257">
        <v>0</v>
      </c>
      <c r="DG36" s="254">
        <v>0</v>
      </c>
      <c r="DH36" s="259">
        <v>0</v>
      </c>
      <c r="DI36" s="253">
        <v>0</v>
      </c>
      <c r="DJ36" s="257">
        <v>0</v>
      </c>
      <c r="DK36" s="254">
        <v>0</v>
      </c>
      <c r="DL36" s="256">
        <v>0</v>
      </c>
      <c r="DM36" s="257">
        <v>0</v>
      </c>
      <c r="DN36" s="257">
        <v>0</v>
      </c>
      <c r="DO36" s="257">
        <v>0</v>
      </c>
      <c r="DP36" s="257">
        <v>0</v>
      </c>
      <c r="DQ36" s="257">
        <v>0</v>
      </c>
      <c r="DR36" s="254">
        <v>0</v>
      </c>
      <c r="DS36" s="259">
        <v>0</v>
      </c>
      <c r="DT36" s="253">
        <v>0</v>
      </c>
      <c r="DU36" s="257">
        <v>1</v>
      </c>
      <c r="DV36" s="254">
        <v>1</v>
      </c>
      <c r="DW36" s="256">
        <v>0</v>
      </c>
      <c r="DX36" s="257">
        <v>2</v>
      </c>
      <c r="DY36" s="257">
        <v>6</v>
      </c>
      <c r="DZ36" s="257">
        <v>1</v>
      </c>
      <c r="EA36" s="257">
        <v>1</v>
      </c>
      <c r="EB36" s="257">
        <v>0</v>
      </c>
      <c r="EC36" s="254">
        <v>10</v>
      </c>
      <c r="ED36" s="259">
        <v>11</v>
      </c>
      <c r="EE36" s="253">
        <v>0</v>
      </c>
      <c r="EF36" s="257">
        <v>0</v>
      </c>
      <c r="EG36" s="254">
        <v>0</v>
      </c>
      <c r="EH36" s="256">
        <v>0</v>
      </c>
      <c r="EI36" s="257">
        <v>0</v>
      </c>
      <c r="EJ36" s="257">
        <v>1</v>
      </c>
      <c r="EK36" s="257">
        <v>0</v>
      </c>
      <c r="EL36" s="257">
        <v>0</v>
      </c>
      <c r="EM36" s="257">
        <v>2</v>
      </c>
      <c r="EN36" s="254">
        <v>3</v>
      </c>
      <c r="EO36" s="259">
        <v>3</v>
      </c>
      <c r="EP36" s="253">
        <v>0</v>
      </c>
      <c r="EQ36" s="257">
        <v>1</v>
      </c>
      <c r="ER36" s="254">
        <v>1</v>
      </c>
      <c r="ES36" s="256">
        <v>0</v>
      </c>
      <c r="ET36" s="257">
        <v>2</v>
      </c>
      <c r="EU36" s="257">
        <v>8</v>
      </c>
      <c r="EV36" s="257">
        <v>0</v>
      </c>
      <c r="EW36" s="257">
        <v>1</v>
      </c>
      <c r="EX36" s="257">
        <v>0</v>
      </c>
      <c r="EY36" s="254">
        <v>11</v>
      </c>
      <c r="EZ36" s="259">
        <v>12</v>
      </c>
    </row>
    <row r="37" spans="2:156" ht="21" customHeight="1" x14ac:dyDescent="0.2">
      <c r="B37" s="437" t="s">
        <v>35</v>
      </c>
      <c r="C37" s="253">
        <v>0</v>
      </c>
      <c r="D37" s="257">
        <v>0</v>
      </c>
      <c r="E37" s="340">
        <v>0</v>
      </c>
      <c r="F37" s="256">
        <v>0</v>
      </c>
      <c r="G37" s="257">
        <v>1</v>
      </c>
      <c r="H37" s="257">
        <v>1</v>
      </c>
      <c r="I37" s="257">
        <v>1</v>
      </c>
      <c r="J37" s="257">
        <v>1</v>
      </c>
      <c r="K37" s="257">
        <v>0</v>
      </c>
      <c r="L37" s="258">
        <v>4</v>
      </c>
      <c r="M37" s="259">
        <v>4</v>
      </c>
      <c r="N37" s="253">
        <v>0</v>
      </c>
      <c r="O37" s="257">
        <v>0</v>
      </c>
      <c r="P37" s="254">
        <v>0</v>
      </c>
      <c r="Q37" s="256">
        <v>0</v>
      </c>
      <c r="R37" s="257">
        <v>0</v>
      </c>
      <c r="S37" s="257">
        <v>0</v>
      </c>
      <c r="T37" s="257">
        <v>0</v>
      </c>
      <c r="U37" s="257">
        <v>1</v>
      </c>
      <c r="V37" s="257">
        <v>0</v>
      </c>
      <c r="W37" s="254">
        <v>1</v>
      </c>
      <c r="X37" s="259">
        <v>1</v>
      </c>
      <c r="Y37" s="253">
        <v>0</v>
      </c>
      <c r="Z37" s="257">
        <v>0</v>
      </c>
      <c r="AA37" s="254">
        <v>0</v>
      </c>
      <c r="AB37" s="256">
        <v>0</v>
      </c>
      <c r="AC37" s="257">
        <v>1</v>
      </c>
      <c r="AD37" s="257">
        <v>1</v>
      </c>
      <c r="AE37" s="257">
        <v>1</v>
      </c>
      <c r="AF37" s="257">
        <v>0</v>
      </c>
      <c r="AG37" s="257">
        <v>0</v>
      </c>
      <c r="AH37" s="254">
        <v>3</v>
      </c>
      <c r="AI37" s="259">
        <v>3</v>
      </c>
      <c r="AJ37" s="253">
        <v>0</v>
      </c>
      <c r="AK37" s="257">
        <v>0</v>
      </c>
      <c r="AL37" s="254">
        <v>0</v>
      </c>
      <c r="AM37" s="256">
        <v>0</v>
      </c>
      <c r="AN37" s="257">
        <v>0</v>
      </c>
      <c r="AO37" s="257">
        <v>0</v>
      </c>
      <c r="AP37" s="257">
        <v>0</v>
      </c>
      <c r="AQ37" s="257">
        <v>0</v>
      </c>
      <c r="AR37" s="257">
        <v>0</v>
      </c>
      <c r="AS37" s="254">
        <v>0</v>
      </c>
      <c r="AT37" s="259">
        <v>0</v>
      </c>
      <c r="AU37" s="253">
        <v>1</v>
      </c>
      <c r="AV37" s="257">
        <v>0</v>
      </c>
      <c r="AW37" s="254">
        <v>1</v>
      </c>
      <c r="AX37" s="256">
        <v>0</v>
      </c>
      <c r="AY37" s="257">
        <v>10</v>
      </c>
      <c r="AZ37" s="257">
        <v>4</v>
      </c>
      <c r="BA37" s="257">
        <v>2</v>
      </c>
      <c r="BB37" s="257">
        <v>5</v>
      </c>
      <c r="BC37" s="257">
        <v>1</v>
      </c>
      <c r="BD37" s="258">
        <v>22</v>
      </c>
      <c r="BE37" s="259">
        <v>23</v>
      </c>
      <c r="BF37" s="253">
        <v>0</v>
      </c>
      <c r="BG37" s="257">
        <v>0</v>
      </c>
      <c r="BH37" s="254">
        <v>0</v>
      </c>
      <c r="BI37" s="256">
        <v>0</v>
      </c>
      <c r="BJ37" s="257">
        <v>1</v>
      </c>
      <c r="BK37" s="257">
        <v>3</v>
      </c>
      <c r="BL37" s="257">
        <v>3</v>
      </c>
      <c r="BM37" s="257">
        <v>0</v>
      </c>
      <c r="BN37" s="257">
        <v>0</v>
      </c>
      <c r="BO37" s="254">
        <v>7</v>
      </c>
      <c r="BP37" s="259">
        <v>7</v>
      </c>
      <c r="BQ37" s="253">
        <v>0</v>
      </c>
      <c r="BR37" s="257">
        <v>0</v>
      </c>
      <c r="BS37" s="254">
        <v>0</v>
      </c>
      <c r="BT37" s="256">
        <v>0</v>
      </c>
      <c r="BU37" s="257">
        <v>2</v>
      </c>
      <c r="BV37" s="257">
        <v>0</v>
      </c>
      <c r="BW37" s="257">
        <v>1</v>
      </c>
      <c r="BX37" s="257">
        <v>1</v>
      </c>
      <c r="BY37" s="257">
        <v>0</v>
      </c>
      <c r="BZ37" s="254">
        <v>4</v>
      </c>
      <c r="CA37" s="259">
        <v>4</v>
      </c>
      <c r="CB37" s="253">
        <v>0</v>
      </c>
      <c r="CC37" s="257">
        <v>0</v>
      </c>
      <c r="CD37" s="254">
        <v>0</v>
      </c>
      <c r="CE37" s="256">
        <v>0</v>
      </c>
      <c r="CF37" s="257">
        <v>2</v>
      </c>
      <c r="CG37" s="257">
        <v>0</v>
      </c>
      <c r="CH37" s="257">
        <v>0</v>
      </c>
      <c r="CI37" s="257">
        <v>0</v>
      </c>
      <c r="CJ37" s="257">
        <v>0</v>
      </c>
      <c r="CK37" s="254">
        <v>2</v>
      </c>
      <c r="CL37" s="259">
        <v>2</v>
      </c>
      <c r="CM37" s="253">
        <v>0</v>
      </c>
      <c r="CN37" s="257">
        <v>0</v>
      </c>
      <c r="CO37" s="254">
        <v>0</v>
      </c>
      <c r="CP37" s="256">
        <v>0</v>
      </c>
      <c r="CQ37" s="257">
        <v>0</v>
      </c>
      <c r="CR37" s="257">
        <v>0</v>
      </c>
      <c r="CS37" s="257">
        <v>0</v>
      </c>
      <c r="CT37" s="257">
        <v>0</v>
      </c>
      <c r="CU37" s="257">
        <v>0</v>
      </c>
      <c r="CV37" s="254">
        <v>0</v>
      </c>
      <c r="CW37" s="259">
        <v>0</v>
      </c>
      <c r="CX37" s="253">
        <v>0</v>
      </c>
      <c r="CY37" s="257">
        <v>0</v>
      </c>
      <c r="CZ37" s="254">
        <v>0</v>
      </c>
      <c r="DA37" s="256">
        <v>0</v>
      </c>
      <c r="DB37" s="257">
        <v>0</v>
      </c>
      <c r="DC37" s="257">
        <v>0</v>
      </c>
      <c r="DD37" s="257">
        <v>0</v>
      </c>
      <c r="DE37" s="257">
        <v>0</v>
      </c>
      <c r="DF37" s="257">
        <v>0</v>
      </c>
      <c r="DG37" s="254">
        <v>0</v>
      </c>
      <c r="DH37" s="259">
        <v>0</v>
      </c>
      <c r="DI37" s="253">
        <v>0</v>
      </c>
      <c r="DJ37" s="257">
        <v>0</v>
      </c>
      <c r="DK37" s="254">
        <v>0</v>
      </c>
      <c r="DL37" s="256">
        <v>0</v>
      </c>
      <c r="DM37" s="257">
        <v>0</v>
      </c>
      <c r="DN37" s="257">
        <v>0</v>
      </c>
      <c r="DO37" s="257">
        <v>0</v>
      </c>
      <c r="DP37" s="257">
        <v>0</v>
      </c>
      <c r="DQ37" s="257">
        <v>0</v>
      </c>
      <c r="DR37" s="254">
        <v>0</v>
      </c>
      <c r="DS37" s="259">
        <v>0</v>
      </c>
      <c r="DT37" s="253">
        <v>0</v>
      </c>
      <c r="DU37" s="257">
        <v>0</v>
      </c>
      <c r="DV37" s="254">
        <v>0</v>
      </c>
      <c r="DW37" s="256">
        <v>0</v>
      </c>
      <c r="DX37" s="257">
        <v>2</v>
      </c>
      <c r="DY37" s="257">
        <v>2</v>
      </c>
      <c r="DZ37" s="257">
        <v>5</v>
      </c>
      <c r="EA37" s="257">
        <v>3</v>
      </c>
      <c r="EB37" s="257">
        <v>0</v>
      </c>
      <c r="EC37" s="254">
        <v>12</v>
      </c>
      <c r="ED37" s="259">
        <v>12</v>
      </c>
      <c r="EE37" s="253">
        <v>1</v>
      </c>
      <c r="EF37" s="257">
        <v>1</v>
      </c>
      <c r="EG37" s="254">
        <v>2</v>
      </c>
      <c r="EH37" s="256">
        <v>0</v>
      </c>
      <c r="EI37" s="257">
        <v>6</v>
      </c>
      <c r="EJ37" s="257">
        <v>1</v>
      </c>
      <c r="EK37" s="257">
        <v>0</v>
      </c>
      <c r="EL37" s="257">
        <v>4</v>
      </c>
      <c r="EM37" s="257">
        <v>1</v>
      </c>
      <c r="EN37" s="254">
        <v>12</v>
      </c>
      <c r="EO37" s="259">
        <v>14</v>
      </c>
      <c r="EP37" s="253">
        <v>0</v>
      </c>
      <c r="EQ37" s="257">
        <v>0</v>
      </c>
      <c r="ER37" s="254">
        <v>0</v>
      </c>
      <c r="ES37" s="256">
        <v>0</v>
      </c>
      <c r="ET37" s="257">
        <v>7</v>
      </c>
      <c r="EU37" s="257">
        <v>4</v>
      </c>
      <c r="EV37" s="257">
        <v>5</v>
      </c>
      <c r="EW37" s="257">
        <v>3</v>
      </c>
      <c r="EX37" s="257">
        <v>0</v>
      </c>
      <c r="EY37" s="254">
        <v>19</v>
      </c>
      <c r="EZ37" s="259">
        <v>19</v>
      </c>
    </row>
    <row r="38" spans="2:156" ht="21" customHeight="1" x14ac:dyDescent="0.2">
      <c r="B38" s="437" t="s">
        <v>36</v>
      </c>
      <c r="C38" s="253">
        <v>0</v>
      </c>
      <c r="D38" s="257">
        <v>0</v>
      </c>
      <c r="E38" s="340">
        <v>0</v>
      </c>
      <c r="F38" s="256">
        <v>0</v>
      </c>
      <c r="G38" s="257">
        <v>1</v>
      </c>
      <c r="H38" s="257">
        <v>0</v>
      </c>
      <c r="I38" s="257">
        <v>1</v>
      </c>
      <c r="J38" s="257">
        <v>0</v>
      </c>
      <c r="K38" s="257">
        <v>1</v>
      </c>
      <c r="L38" s="258">
        <v>3</v>
      </c>
      <c r="M38" s="259">
        <v>3</v>
      </c>
      <c r="N38" s="253">
        <v>0</v>
      </c>
      <c r="O38" s="257">
        <v>0</v>
      </c>
      <c r="P38" s="254">
        <v>0</v>
      </c>
      <c r="Q38" s="256">
        <v>0</v>
      </c>
      <c r="R38" s="257">
        <v>0</v>
      </c>
      <c r="S38" s="257">
        <v>0</v>
      </c>
      <c r="T38" s="257">
        <v>0</v>
      </c>
      <c r="U38" s="257">
        <v>1</v>
      </c>
      <c r="V38" s="257">
        <v>0</v>
      </c>
      <c r="W38" s="254">
        <v>1</v>
      </c>
      <c r="X38" s="259">
        <v>1</v>
      </c>
      <c r="Y38" s="253">
        <v>1</v>
      </c>
      <c r="Z38" s="257">
        <v>0</v>
      </c>
      <c r="AA38" s="254">
        <v>1</v>
      </c>
      <c r="AB38" s="256">
        <v>0</v>
      </c>
      <c r="AC38" s="257">
        <v>1</v>
      </c>
      <c r="AD38" s="257">
        <v>0</v>
      </c>
      <c r="AE38" s="257">
        <v>2</v>
      </c>
      <c r="AF38" s="257">
        <v>3</v>
      </c>
      <c r="AG38" s="257">
        <v>0</v>
      </c>
      <c r="AH38" s="254">
        <v>6</v>
      </c>
      <c r="AI38" s="259">
        <v>7</v>
      </c>
      <c r="AJ38" s="253">
        <v>0</v>
      </c>
      <c r="AK38" s="257">
        <v>1</v>
      </c>
      <c r="AL38" s="254">
        <v>1</v>
      </c>
      <c r="AM38" s="256">
        <v>0</v>
      </c>
      <c r="AN38" s="257">
        <v>0</v>
      </c>
      <c r="AO38" s="257">
        <v>1</v>
      </c>
      <c r="AP38" s="257">
        <v>1</v>
      </c>
      <c r="AQ38" s="257">
        <v>1</v>
      </c>
      <c r="AR38" s="257">
        <v>0</v>
      </c>
      <c r="AS38" s="254">
        <v>3</v>
      </c>
      <c r="AT38" s="259">
        <v>4</v>
      </c>
      <c r="AU38" s="253">
        <v>0</v>
      </c>
      <c r="AV38" s="257">
        <v>0</v>
      </c>
      <c r="AW38" s="254">
        <v>0</v>
      </c>
      <c r="AX38" s="256">
        <v>0</v>
      </c>
      <c r="AY38" s="257">
        <v>2</v>
      </c>
      <c r="AZ38" s="257">
        <v>1</v>
      </c>
      <c r="BA38" s="257">
        <v>1</v>
      </c>
      <c r="BB38" s="257">
        <v>1</v>
      </c>
      <c r="BC38" s="257">
        <v>1</v>
      </c>
      <c r="BD38" s="258">
        <v>6</v>
      </c>
      <c r="BE38" s="259">
        <v>6</v>
      </c>
      <c r="BF38" s="253">
        <v>0</v>
      </c>
      <c r="BG38" s="257">
        <v>0</v>
      </c>
      <c r="BH38" s="254">
        <v>0</v>
      </c>
      <c r="BI38" s="256">
        <v>0</v>
      </c>
      <c r="BJ38" s="257">
        <v>1</v>
      </c>
      <c r="BK38" s="257">
        <v>2</v>
      </c>
      <c r="BL38" s="257">
        <v>0</v>
      </c>
      <c r="BM38" s="257">
        <v>0</v>
      </c>
      <c r="BN38" s="257">
        <v>0</v>
      </c>
      <c r="BO38" s="254">
        <v>3</v>
      </c>
      <c r="BP38" s="259">
        <v>3</v>
      </c>
      <c r="BQ38" s="253">
        <v>1</v>
      </c>
      <c r="BR38" s="257">
        <v>1</v>
      </c>
      <c r="BS38" s="254">
        <v>2</v>
      </c>
      <c r="BT38" s="256">
        <v>0</v>
      </c>
      <c r="BU38" s="257">
        <v>0</v>
      </c>
      <c r="BV38" s="257">
        <v>0</v>
      </c>
      <c r="BW38" s="257">
        <v>0</v>
      </c>
      <c r="BX38" s="257">
        <v>1</v>
      </c>
      <c r="BY38" s="257">
        <v>0</v>
      </c>
      <c r="BZ38" s="254">
        <v>1</v>
      </c>
      <c r="CA38" s="259">
        <v>3</v>
      </c>
      <c r="CB38" s="253">
        <v>0</v>
      </c>
      <c r="CC38" s="257">
        <v>0</v>
      </c>
      <c r="CD38" s="254">
        <v>0</v>
      </c>
      <c r="CE38" s="256">
        <v>0</v>
      </c>
      <c r="CF38" s="257">
        <v>0</v>
      </c>
      <c r="CG38" s="257">
        <v>1</v>
      </c>
      <c r="CH38" s="257">
        <v>0</v>
      </c>
      <c r="CI38" s="257">
        <v>1</v>
      </c>
      <c r="CJ38" s="257">
        <v>0</v>
      </c>
      <c r="CK38" s="254">
        <v>2</v>
      </c>
      <c r="CL38" s="259">
        <v>2</v>
      </c>
      <c r="CM38" s="253">
        <v>0</v>
      </c>
      <c r="CN38" s="257">
        <v>0</v>
      </c>
      <c r="CO38" s="254">
        <v>0</v>
      </c>
      <c r="CP38" s="256">
        <v>0</v>
      </c>
      <c r="CQ38" s="257">
        <v>0</v>
      </c>
      <c r="CR38" s="257">
        <v>0</v>
      </c>
      <c r="CS38" s="257">
        <v>0</v>
      </c>
      <c r="CT38" s="257">
        <v>0</v>
      </c>
      <c r="CU38" s="257">
        <v>0</v>
      </c>
      <c r="CV38" s="254">
        <v>0</v>
      </c>
      <c r="CW38" s="259">
        <v>0</v>
      </c>
      <c r="CX38" s="253">
        <v>0</v>
      </c>
      <c r="CY38" s="257">
        <v>0</v>
      </c>
      <c r="CZ38" s="254">
        <v>0</v>
      </c>
      <c r="DA38" s="256">
        <v>0</v>
      </c>
      <c r="DB38" s="257">
        <v>0</v>
      </c>
      <c r="DC38" s="257">
        <v>0</v>
      </c>
      <c r="DD38" s="257">
        <v>0</v>
      </c>
      <c r="DE38" s="257">
        <v>0</v>
      </c>
      <c r="DF38" s="257">
        <v>0</v>
      </c>
      <c r="DG38" s="254">
        <v>0</v>
      </c>
      <c r="DH38" s="259">
        <v>0</v>
      </c>
      <c r="DI38" s="253">
        <v>0</v>
      </c>
      <c r="DJ38" s="257">
        <v>0</v>
      </c>
      <c r="DK38" s="254">
        <v>0</v>
      </c>
      <c r="DL38" s="256">
        <v>0</v>
      </c>
      <c r="DM38" s="257">
        <v>0</v>
      </c>
      <c r="DN38" s="257">
        <v>0</v>
      </c>
      <c r="DO38" s="257">
        <v>0</v>
      </c>
      <c r="DP38" s="257">
        <v>0</v>
      </c>
      <c r="DQ38" s="257">
        <v>0</v>
      </c>
      <c r="DR38" s="254">
        <v>0</v>
      </c>
      <c r="DS38" s="259">
        <v>0</v>
      </c>
      <c r="DT38" s="253">
        <v>2</v>
      </c>
      <c r="DU38" s="257">
        <v>0</v>
      </c>
      <c r="DV38" s="254">
        <v>2</v>
      </c>
      <c r="DW38" s="256">
        <v>0</v>
      </c>
      <c r="DX38" s="257">
        <v>4</v>
      </c>
      <c r="DY38" s="257">
        <v>5</v>
      </c>
      <c r="DZ38" s="257">
        <v>2</v>
      </c>
      <c r="EA38" s="257">
        <v>4</v>
      </c>
      <c r="EB38" s="257">
        <v>0</v>
      </c>
      <c r="EC38" s="254">
        <v>15</v>
      </c>
      <c r="ED38" s="259">
        <v>17</v>
      </c>
      <c r="EE38" s="253">
        <v>0</v>
      </c>
      <c r="EF38" s="257">
        <v>0</v>
      </c>
      <c r="EG38" s="254">
        <v>0</v>
      </c>
      <c r="EH38" s="256">
        <v>0</v>
      </c>
      <c r="EI38" s="257">
        <v>2</v>
      </c>
      <c r="EJ38" s="257">
        <v>1</v>
      </c>
      <c r="EK38" s="257">
        <v>0</v>
      </c>
      <c r="EL38" s="257">
        <v>0</v>
      </c>
      <c r="EM38" s="257">
        <v>0</v>
      </c>
      <c r="EN38" s="254">
        <v>3</v>
      </c>
      <c r="EO38" s="259">
        <v>3</v>
      </c>
      <c r="EP38" s="253">
        <v>3</v>
      </c>
      <c r="EQ38" s="257">
        <v>2</v>
      </c>
      <c r="ER38" s="254">
        <v>5</v>
      </c>
      <c r="ES38" s="256">
        <v>0</v>
      </c>
      <c r="ET38" s="257">
        <v>6</v>
      </c>
      <c r="EU38" s="257">
        <v>6</v>
      </c>
      <c r="EV38" s="257">
        <v>1</v>
      </c>
      <c r="EW38" s="257">
        <v>5</v>
      </c>
      <c r="EX38" s="257">
        <v>1</v>
      </c>
      <c r="EY38" s="254">
        <v>19</v>
      </c>
      <c r="EZ38" s="259">
        <v>24</v>
      </c>
    </row>
    <row r="39" spans="2:156" ht="21" customHeight="1" thickBot="1" x14ac:dyDescent="0.25">
      <c r="B39" s="438" t="s">
        <v>37</v>
      </c>
      <c r="C39" s="260">
        <v>0</v>
      </c>
      <c r="D39" s="264">
        <v>0</v>
      </c>
      <c r="E39" s="341">
        <v>0</v>
      </c>
      <c r="F39" s="263">
        <v>0</v>
      </c>
      <c r="G39" s="264">
        <v>0</v>
      </c>
      <c r="H39" s="264">
        <v>0</v>
      </c>
      <c r="I39" s="264">
        <v>0</v>
      </c>
      <c r="J39" s="264">
        <v>0</v>
      </c>
      <c r="K39" s="264">
        <v>0</v>
      </c>
      <c r="L39" s="265">
        <v>0</v>
      </c>
      <c r="M39" s="266">
        <v>0</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0</v>
      </c>
      <c r="AG39" s="264">
        <v>0</v>
      </c>
      <c r="AH39" s="261">
        <v>0</v>
      </c>
      <c r="AI39" s="266">
        <v>0</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0</v>
      </c>
      <c r="BA39" s="264">
        <v>0</v>
      </c>
      <c r="BB39" s="264">
        <v>0</v>
      </c>
      <c r="BC39" s="264">
        <v>0</v>
      </c>
      <c r="BD39" s="265">
        <v>0</v>
      </c>
      <c r="BE39" s="266">
        <v>0</v>
      </c>
      <c r="BF39" s="260">
        <v>0</v>
      </c>
      <c r="BG39" s="264">
        <v>0</v>
      </c>
      <c r="BH39" s="261">
        <v>0</v>
      </c>
      <c r="BI39" s="263">
        <v>0</v>
      </c>
      <c r="BJ39" s="264">
        <v>0</v>
      </c>
      <c r="BK39" s="264">
        <v>1</v>
      </c>
      <c r="BL39" s="264">
        <v>0</v>
      </c>
      <c r="BM39" s="264">
        <v>0</v>
      </c>
      <c r="BN39" s="264">
        <v>0</v>
      </c>
      <c r="BO39" s="261">
        <v>1</v>
      </c>
      <c r="BP39" s="266">
        <v>1</v>
      </c>
      <c r="BQ39" s="260">
        <v>0</v>
      </c>
      <c r="BR39" s="264">
        <v>0</v>
      </c>
      <c r="BS39" s="261">
        <v>0</v>
      </c>
      <c r="BT39" s="263">
        <v>0</v>
      </c>
      <c r="BU39" s="264">
        <v>1</v>
      </c>
      <c r="BV39" s="264">
        <v>0</v>
      </c>
      <c r="BW39" s="264">
        <v>1</v>
      </c>
      <c r="BX39" s="264">
        <v>0</v>
      </c>
      <c r="BY39" s="264">
        <v>0</v>
      </c>
      <c r="BZ39" s="261">
        <v>2</v>
      </c>
      <c r="CA39" s="266">
        <v>2</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0</v>
      </c>
      <c r="CV39" s="261">
        <v>0</v>
      </c>
      <c r="CW39" s="266">
        <v>0</v>
      </c>
      <c r="CX39" s="260">
        <v>0</v>
      </c>
      <c r="CY39" s="264">
        <v>0</v>
      </c>
      <c r="CZ39" s="261">
        <v>0</v>
      </c>
      <c r="DA39" s="263">
        <v>0</v>
      </c>
      <c r="DB39" s="264">
        <v>0</v>
      </c>
      <c r="DC39" s="264">
        <v>0</v>
      </c>
      <c r="DD39" s="264">
        <v>0</v>
      </c>
      <c r="DE39" s="264">
        <v>0</v>
      </c>
      <c r="DF39" s="264">
        <v>0</v>
      </c>
      <c r="DG39" s="261">
        <v>0</v>
      </c>
      <c r="DH39" s="266">
        <v>0</v>
      </c>
      <c r="DI39" s="260">
        <v>0</v>
      </c>
      <c r="DJ39" s="264">
        <v>0</v>
      </c>
      <c r="DK39" s="261">
        <v>0</v>
      </c>
      <c r="DL39" s="263">
        <v>0</v>
      </c>
      <c r="DM39" s="264">
        <v>0</v>
      </c>
      <c r="DN39" s="264">
        <v>0</v>
      </c>
      <c r="DO39" s="264">
        <v>0</v>
      </c>
      <c r="DP39" s="264">
        <v>0</v>
      </c>
      <c r="DQ39" s="264">
        <v>0</v>
      </c>
      <c r="DR39" s="261">
        <v>0</v>
      </c>
      <c r="DS39" s="266">
        <v>0</v>
      </c>
      <c r="DT39" s="260">
        <v>0</v>
      </c>
      <c r="DU39" s="264">
        <v>0</v>
      </c>
      <c r="DV39" s="261">
        <v>0</v>
      </c>
      <c r="DW39" s="263">
        <v>0</v>
      </c>
      <c r="DX39" s="264">
        <v>1</v>
      </c>
      <c r="DY39" s="264">
        <v>1</v>
      </c>
      <c r="DZ39" s="264">
        <v>1</v>
      </c>
      <c r="EA39" s="264">
        <v>0</v>
      </c>
      <c r="EB39" s="264">
        <v>0</v>
      </c>
      <c r="EC39" s="261">
        <v>3</v>
      </c>
      <c r="ED39" s="266">
        <v>3</v>
      </c>
      <c r="EE39" s="260">
        <v>0</v>
      </c>
      <c r="EF39" s="264">
        <v>0</v>
      </c>
      <c r="EG39" s="261">
        <v>0</v>
      </c>
      <c r="EH39" s="263">
        <v>0</v>
      </c>
      <c r="EI39" s="264">
        <v>0</v>
      </c>
      <c r="EJ39" s="264">
        <v>0</v>
      </c>
      <c r="EK39" s="264">
        <v>0</v>
      </c>
      <c r="EL39" s="264">
        <v>0</v>
      </c>
      <c r="EM39" s="264">
        <v>0</v>
      </c>
      <c r="EN39" s="261">
        <v>0</v>
      </c>
      <c r="EO39" s="266">
        <v>0</v>
      </c>
      <c r="EP39" s="260">
        <v>0</v>
      </c>
      <c r="EQ39" s="264">
        <v>0</v>
      </c>
      <c r="ER39" s="261">
        <v>0</v>
      </c>
      <c r="ES39" s="263">
        <v>0</v>
      </c>
      <c r="ET39" s="264">
        <v>1</v>
      </c>
      <c r="EU39" s="264">
        <v>1</v>
      </c>
      <c r="EV39" s="264">
        <v>1</v>
      </c>
      <c r="EW39" s="264">
        <v>0</v>
      </c>
      <c r="EX39" s="264">
        <v>0</v>
      </c>
      <c r="EY39" s="261">
        <v>3</v>
      </c>
      <c r="EZ39" s="266">
        <v>3</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4" width="9" style="238"/>
    <col min="5" max="5" width="10.33203125" style="238" customWidth="1"/>
    <col min="6" max="6" width="7.6640625" style="238" customWidth="1"/>
    <col min="7" max="7" width="10.21875" style="238" customWidth="1"/>
    <col min="8" max="8" width="10.44140625" style="238" customWidth="1"/>
    <col min="9" max="16" width="9" style="238"/>
    <col min="17" max="17" width="7.21875" style="238" customWidth="1"/>
    <col min="18" max="27" width="9" style="238"/>
    <col min="28" max="28" width="7.6640625" style="238" customWidth="1"/>
    <col min="29" max="38" width="9" style="238"/>
    <col min="39" max="39" width="7.6640625" style="238" customWidth="1"/>
    <col min="40" max="49" width="9" style="238"/>
    <col min="50" max="50" width="7.21875" style="238" customWidth="1"/>
    <col min="51" max="60" width="9" style="238"/>
    <col min="61" max="61" width="7.21875" style="238" customWidth="1"/>
    <col min="62" max="71" width="9" style="238"/>
    <col min="72" max="72" width="7.33203125" style="238" customWidth="1"/>
    <col min="73" max="82" width="9" style="238"/>
    <col min="83" max="83" width="7.44140625" style="238" customWidth="1"/>
    <col min="84" max="93" width="9" style="238"/>
    <col min="94" max="94" width="7.6640625" style="238" customWidth="1"/>
    <col min="95" max="104" width="9" style="238"/>
    <col min="105" max="105" width="7.44140625" style="238" customWidth="1"/>
    <col min="106" max="115" width="9" style="238"/>
    <col min="116" max="116" width="7.44140625" style="238" customWidth="1"/>
    <col min="117" max="126" width="9" style="238"/>
    <col min="127" max="127" width="7.44140625" style="238" customWidth="1"/>
    <col min="128" max="137" width="9" style="238"/>
    <col min="138" max="138" width="7.33203125" style="238" customWidth="1"/>
    <col min="139" max="148" width="9" style="238"/>
    <col min="149" max="149" width="7.77734375" style="238" customWidth="1"/>
    <col min="150" max="16384" width="9" style="238"/>
  </cols>
  <sheetData>
    <row r="1" spans="2:156" ht="24" customHeight="1" x14ac:dyDescent="0.2">
      <c r="B1" s="267" t="s">
        <v>121</v>
      </c>
      <c r="I1" s="495">
        <f>第１表!F2</f>
        <v>6</v>
      </c>
      <c r="J1" s="495"/>
      <c r="K1" s="231">
        <f>第１表!G2</f>
        <v>3</v>
      </c>
      <c r="L1" s="499">
        <f>IF(K1&lt;3,K1+12-2,K1-2)</f>
        <v>1</v>
      </c>
      <c r="M1" s="499"/>
    </row>
    <row r="2" spans="2:156" ht="24" customHeight="1" thickBot="1" x14ac:dyDescent="0.25">
      <c r="B2" s="267" t="s">
        <v>152</v>
      </c>
      <c r="G2" s="230"/>
      <c r="H2" s="231"/>
      <c r="J2" s="308"/>
      <c r="K2" s="308"/>
    </row>
    <row r="3" spans="2:156" ht="21" customHeight="1" thickBot="1" x14ac:dyDescent="0.25">
      <c r="B3" s="512"/>
      <c r="C3" s="503" t="s">
        <v>70</v>
      </c>
      <c r="D3" s="504"/>
      <c r="E3" s="504"/>
      <c r="F3" s="504"/>
      <c r="G3" s="504"/>
      <c r="H3" s="504"/>
      <c r="I3" s="504"/>
      <c r="J3" s="504"/>
      <c r="K3" s="504"/>
      <c r="L3" s="504"/>
      <c r="M3" s="505"/>
      <c r="N3" s="503" t="s">
        <v>71</v>
      </c>
      <c r="O3" s="504"/>
      <c r="P3" s="504"/>
      <c r="Q3" s="504"/>
      <c r="R3" s="504"/>
      <c r="S3" s="504"/>
      <c r="T3" s="504"/>
      <c r="U3" s="504"/>
      <c r="V3" s="504"/>
      <c r="W3" s="504"/>
      <c r="X3" s="505"/>
      <c r="Y3" s="503" t="s">
        <v>72</v>
      </c>
      <c r="Z3" s="504"/>
      <c r="AA3" s="504"/>
      <c r="AB3" s="504"/>
      <c r="AC3" s="504"/>
      <c r="AD3" s="504"/>
      <c r="AE3" s="504"/>
      <c r="AF3" s="504"/>
      <c r="AG3" s="504"/>
      <c r="AH3" s="504"/>
      <c r="AI3" s="505"/>
      <c r="AJ3" s="503" t="s">
        <v>73</v>
      </c>
      <c r="AK3" s="504"/>
      <c r="AL3" s="504"/>
      <c r="AM3" s="504"/>
      <c r="AN3" s="504"/>
      <c r="AO3" s="504"/>
      <c r="AP3" s="504"/>
      <c r="AQ3" s="504"/>
      <c r="AR3" s="504"/>
      <c r="AS3" s="504"/>
      <c r="AT3" s="505"/>
      <c r="AU3" s="503" t="s">
        <v>74</v>
      </c>
      <c r="AV3" s="504"/>
      <c r="AW3" s="504"/>
      <c r="AX3" s="504"/>
      <c r="AY3" s="504"/>
      <c r="AZ3" s="504"/>
      <c r="BA3" s="504"/>
      <c r="BB3" s="504"/>
      <c r="BC3" s="504"/>
      <c r="BD3" s="504"/>
      <c r="BE3" s="505"/>
      <c r="BF3" s="503" t="s">
        <v>75</v>
      </c>
      <c r="BG3" s="504"/>
      <c r="BH3" s="504"/>
      <c r="BI3" s="504"/>
      <c r="BJ3" s="504"/>
      <c r="BK3" s="504"/>
      <c r="BL3" s="504"/>
      <c r="BM3" s="504"/>
      <c r="BN3" s="504"/>
      <c r="BO3" s="504"/>
      <c r="BP3" s="505"/>
      <c r="BQ3" s="503" t="s">
        <v>76</v>
      </c>
      <c r="BR3" s="504"/>
      <c r="BS3" s="504"/>
      <c r="BT3" s="504"/>
      <c r="BU3" s="504"/>
      <c r="BV3" s="504"/>
      <c r="BW3" s="504"/>
      <c r="BX3" s="504"/>
      <c r="BY3" s="504"/>
      <c r="BZ3" s="504"/>
      <c r="CA3" s="505"/>
      <c r="CB3" s="503" t="s">
        <v>77</v>
      </c>
      <c r="CC3" s="504"/>
      <c r="CD3" s="504"/>
      <c r="CE3" s="504"/>
      <c r="CF3" s="504"/>
      <c r="CG3" s="504"/>
      <c r="CH3" s="504"/>
      <c r="CI3" s="504"/>
      <c r="CJ3" s="504"/>
      <c r="CK3" s="504"/>
      <c r="CL3" s="505"/>
      <c r="CM3" s="503" t="s">
        <v>78</v>
      </c>
      <c r="CN3" s="504"/>
      <c r="CO3" s="504"/>
      <c r="CP3" s="504"/>
      <c r="CQ3" s="504"/>
      <c r="CR3" s="504"/>
      <c r="CS3" s="504"/>
      <c r="CT3" s="504"/>
      <c r="CU3" s="504"/>
      <c r="CV3" s="504"/>
      <c r="CW3" s="505"/>
      <c r="CX3" s="503" t="s">
        <v>79</v>
      </c>
      <c r="CY3" s="504"/>
      <c r="CZ3" s="504"/>
      <c r="DA3" s="504"/>
      <c r="DB3" s="504"/>
      <c r="DC3" s="504"/>
      <c r="DD3" s="504"/>
      <c r="DE3" s="504"/>
      <c r="DF3" s="504"/>
      <c r="DG3" s="504"/>
      <c r="DH3" s="505"/>
      <c r="DI3" s="503" t="s">
        <v>150</v>
      </c>
      <c r="DJ3" s="504"/>
      <c r="DK3" s="504"/>
      <c r="DL3" s="504"/>
      <c r="DM3" s="504"/>
      <c r="DN3" s="504"/>
      <c r="DO3" s="504"/>
      <c r="DP3" s="504"/>
      <c r="DQ3" s="504"/>
      <c r="DR3" s="504"/>
      <c r="DS3" s="505"/>
      <c r="DT3" s="503" t="s">
        <v>80</v>
      </c>
      <c r="DU3" s="504"/>
      <c r="DV3" s="504"/>
      <c r="DW3" s="504"/>
      <c r="DX3" s="504"/>
      <c r="DY3" s="504"/>
      <c r="DZ3" s="504"/>
      <c r="EA3" s="504"/>
      <c r="EB3" s="504"/>
      <c r="EC3" s="504"/>
      <c r="ED3" s="505"/>
      <c r="EE3" s="503" t="s">
        <v>68</v>
      </c>
      <c r="EF3" s="504"/>
      <c r="EG3" s="504"/>
      <c r="EH3" s="504"/>
      <c r="EI3" s="504"/>
      <c r="EJ3" s="504"/>
      <c r="EK3" s="504"/>
      <c r="EL3" s="504"/>
      <c r="EM3" s="504"/>
      <c r="EN3" s="504"/>
      <c r="EO3" s="505"/>
      <c r="EP3" s="500" t="s">
        <v>69</v>
      </c>
      <c r="EQ3" s="501"/>
      <c r="ER3" s="501"/>
      <c r="ES3" s="501"/>
      <c r="ET3" s="501"/>
      <c r="EU3" s="501"/>
      <c r="EV3" s="501"/>
      <c r="EW3" s="501"/>
      <c r="EX3" s="501"/>
      <c r="EY3" s="501"/>
      <c r="EZ3" s="502"/>
    </row>
    <row r="4" spans="2:156" ht="21" customHeight="1" x14ac:dyDescent="0.2">
      <c r="B4" s="513"/>
      <c r="C4" s="511" t="s">
        <v>61</v>
      </c>
      <c r="D4" s="507"/>
      <c r="E4" s="508"/>
      <c r="F4" s="506" t="s">
        <v>62</v>
      </c>
      <c r="G4" s="507"/>
      <c r="H4" s="507"/>
      <c r="I4" s="507"/>
      <c r="J4" s="507"/>
      <c r="K4" s="507"/>
      <c r="L4" s="515"/>
      <c r="M4" s="509" t="s">
        <v>52</v>
      </c>
      <c r="N4" s="511" t="s">
        <v>61</v>
      </c>
      <c r="O4" s="507"/>
      <c r="P4" s="508"/>
      <c r="Q4" s="506" t="s">
        <v>62</v>
      </c>
      <c r="R4" s="507"/>
      <c r="S4" s="507"/>
      <c r="T4" s="507"/>
      <c r="U4" s="507"/>
      <c r="V4" s="507"/>
      <c r="W4" s="508"/>
      <c r="X4" s="509" t="s">
        <v>52</v>
      </c>
      <c r="Y4" s="511" t="s">
        <v>61</v>
      </c>
      <c r="Z4" s="507"/>
      <c r="AA4" s="508"/>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08"/>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c r="DI4" s="511" t="s">
        <v>61</v>
      </c>
      <c r="DJ4" s="507"/>
      <c r="DK4" s="508"/>
      <c r="DL4" s="506" t="s">
        <v>62</v>
      </c>
      <c r="DM4" s="507"/>
      <c r="DN4" s="507"/>
      <c r="DO4" s="507"/>
      <c r="DP4" s="507"/>
      <c r="DQ4" s="507"/>
      <c r="DR4" s="508"/>
      <c r="DS4" s="509" t="s">
        <v>52</v>
      </c>
      <c r="DT4" s="511" t="s">
        <v>61</v>
      </c>
      <c r="DU4" s="507"/>
      <c r="DV4" s="508"/>
      <c r="DW4" s="506" t="s">
        <v>62</v>
      </c>
      <c r="DX4" s="507"/>
      <c r="DY4" s="507"/>
      <c r="DZ4" s="507"/>
      <c r="EA4" s="507"/>
      <c r="EB4" s="507"/>
      <c r="EC4" s="508"/>
      <c r="ED4" s="509" t="s">
        <v>52</v>
      </c>
      <c r="EE4" s="511" t="s">
        <v>61</v>
      </c>
      <c r="EF4" s="507"/>
      <c r="EG4" s="508"/>
      <c r="EH4" s="506" t="s">
        <v>62</v>
      </c>
      <c r="EI4" s="507"/>
      <c r="EJ4" s="507"/>
      <c r="EK4" s="507"/>
      <c r="EL4" s="507"/>
      <c r="EM4" s="507"/>
      <c r="EN4" s="508"/>
      <c r="EO4" s="509" t="s">
        <v>52</v>
      </c>
      <c r="EP4" s="511" t="s">
        <v>61</v>
      </c>
      <c r="EQ4" s="507"/>
      <c r="ER4" s="508"/>
      <c r="ES4" s="506" t="s">
        <v>62</v>
      </c>
      <c r="ET4" s="507"/>
      <c r="EU4" s="507"/>
      <c r="EV4" s="507"/>
      <c r="EW4" s="507"/>
      <c r="EX4" s="507"/>
      <c r="EY4" s="508"/>
      <c r="EZ4" s="509" t="s">
        <v>52</v>
      </c>
    </row>
    <row r="5" spans="2:156" ht="30" customHeight="1" thickBot="1" x14ac:dyDescent="0.25">
      <c r="B5" s="514"/>
      <c r="C5" s="309" t="s">
        <v>43</v>
      </c>
      <c r="D5" s="239" t="s">
        <v>160</v>
      </c>
      <c r="E5" s="338" t="s">
        <v>45</v>
      </c>
      <c r="F5" s="244" t="s">
        <v>83</v>
      </c>
      <c r="G5" s="239" t="s">
        <v>47</v>
      </c>
      <c r="H5" s="239" t="s">
        <v>48</v>
      </c>
      <c r="I5" s="239" t="s">
        <v>49</v>
      </c>
      <c r="J5" s="239" t="s">
        <v>50</v>
      </c>
      <c r="K5" s="239" t="s">
        <v>51</v>
      </c>
      <c r="L5" s="245" t="s">
        <v>45</v>
      </c>
      <c r="M5" s="510"/>
      <c r="N5" s="309" t="s">
        <v>43</v>
      </c>
      <c r="O5" s="239" t="s">
        <v>44</v>
      </c>
      <c r="P5" s="242" t="s">
        <v>45</v>
      </c>
      <c r="Q5" s="244" t="s">
        <v>83</v>
      </c>
      <c r="R5" s="239" t="s">
        <v>47</v>
      </c>
      <c r="S5" s="239" t="s">
        <v>48</v>
      </c>
      <c r="T5" s="239" t="s">
        <v>49</v>
      </c>
      <c r="U5" s="239" t="s">
        <v>50</v>
      </c>
      <c r="V5" s="239" t="s">
        <v>51</v>
      </c>
      <c r="W5" s="242" t="s">
        <v>45</v>
      </c>
      <c r="X5" s="510"/>
      <c r="Y5" s="309" t="s">
        <v>43</v>
      </c>
      <c r="Z5" s="239" t="s">
        <v>44</v>
      </c>
      <c r="AA5" s="242" t="s">
        <v>45</v>
      </c>
      <c r="AB5" s="244" t="s">
        <v>83</v>
      </c>
      <c r="AC5" s="239" t="s">
        <v>47</v>
      </c>
      <c r="AD5" s="239" t="s">
        <v>48</v>
      </c>
      <c r="AE5" s="239" t="s">
        <v>49</v>
      </c>
      <c r="AF5" s="239" t="s">
        <v>50</v>
      </c>
      <c r="AG5" s="239" t="s">
        <v>51</v>
      </c>
      <c r="AH5" s="242" t="s">
        <v>45</v>
      </c>
      <c r="AI5" s="510"/>
      <c r="AJ5" s="309" t="s">
        <v>43</v>
      </c>
      <c r="AK5" s="239" t="s">
        <v>44</v>
      </c>
      <c r="AL5" s="242" t="s">
        <v>45</v>
      </c>
      <c r="AM5" s="244" t="s">
        <v>83</v>
      </c>
      <c r="AN5" s="239" t="s">
        <v>47</v>
      </c>
      <c r="AO5" s="239" t="s">
        <v>48</v>
      </c>
      <c r="AP5" s="239" t="s">
        <v>49</v>
      </c>
      <c r="AQ5" s="239" t="s">
        <v>50</v>
      </c>
      <c r="AR5" s="239" t="s">
        <v>51</v>
      </c>
      <c r="AS5" s="242" t="s">
        <v>45</v>
      </c>
      <c r="AT5" s="510"/>
      <c r="AU5" s="309" t="s">
        <v>43</v>
      </c>
      <c r="AV5" s="239" t="s">
        <v>44</v>
      </c>
      <c r="AW5" s="242" t="s">
        <v>45</v>
      </c>
      <c r="AX5" s="244" t="s">
        <v>83</v>
      </c>
      <c r="AY5" s="239" t="s">
        <v>47</v>
      </c>
      <c r="AZ5" s="239" t="s">
        <v>48</v>
      </c>
      <c r="BA5" s="239" t="s">
        <v>49</v>
      </c>
      <c r="BB5" s="239" t="s">
        <v>50</v>
      </c>
      <c r="BC5" s="239" t="s">
        <v>51</v>
      </c>
      <c r="BD5" s="245" t="s">
        <v>45</v>
      </c>
      <c r="BE5" s="510"/>
      <c r="BF5" s="309" t="s">
        <v>43</v>
      </c>
      <c r="BG5" s="239" t="s">
        <v>44</v>
      </c>
      <c r="BH5" s="242" t="s">
        <v>45</v>
      </c>
      <c r="BI5" s="244" t="s">
        <v>83</v>
      </c>
      <c r="BJ5" s="239" t="s">
        <v>47</v>
      </c>
      <c r="BK5" s="239" t="s">
        <v>48</v>
      </c>
      <c r="BL5" s="239" t="s">
        <v>49</v>
      </c>
      <c r="BM5" s="239" t="s">
        <v>50</v>
      </c>
      <c r="BN5" s="239" t="s">
        <v>51</v>
      </c>
      <c r="BO5" s="242" t="s">
        <v>45</v>
      </c>
      <c r="BP5" s="510"/>
      <c r="BQ5" s="309" t="s">
        <v>43</v>
      </c>
      <c r="BR5" s="239" t="s">
        <v>44</v>
      </c>
      <c r="BS5" s="242" t="s">
        <v>45</v>
      </c>
      <c r="BT5" s="244" t="s">
        <v>83</v>
      </c>
      <c r="BU5" s="239" t="s">
        <v>47</v>
      </c>
      <c r="BV5" s="239" t="s">
        <v>48</v>
      </c>
      <c r="BW5" s="239" t="s">
        <v>49</v>
      </c>
      <c r="BX5" s="239" t="s">
        <v>50</v>
      </c>
      <c r="BY5" s="239" t="s">
        <v>51</v>
      </c>
      <c r="BZ5" s="242" t="s">
        <v>45</v>
      </c>
      <c r="CA5" s="510"/>
      <c r="CB5" s="309" t="s">
        <v>43</v>
      </c>
      <c r="CC5" s="239" t="s">
        <v>44</v>
      </c>
      <c r="CD5" s="242" t="s">
        <v>45</v>
      </c>
      <c r="CE5" s="244" t="s">
        <v>83</v>
      </c>
      <c r="CF5" s="239" t="s">
        <v>47</v>
      </c>
      <c r="CG5" s="239" t="s">
        <v>48</v>
      </c>
      <c r="CH5" s="239" t="s">
        <v>49</v>
      </c>
      <c r="CI5" s="239" t="s">
        <v>50</v>
      </c>
      <c r="CJ5" s="239" t="s">
        <v>51</v>
      </c>
      <c r="CK5" s="242" t="s">
        <v>45</v>
      </c>
      <c r="CL5" s="510"/>
      <c r="CM5" s="309" t="s">
        <v>43</v>
      </c>
      <c r="CN5" s="239" t="s">
        <v>44</v>
      </c>
      <c r="CO5" s="242" t="s">
        <v>45</v>
      </c>
      <c r="CP5" s="244" t="s">
        <v>83</v>
      </c>
      <c r="CQ5" s="239" t="s">
        <v>47</v>
      </c>
      <c r="CR5" s="239" t="s">
        <v>48</v>
      </c>
      <c r="CS5" s="239" t="s">
        <v>49</v>
      </c>
      <c r="CT5" s="239" t="s">
        <v>50</v>
      </c>
      <c r="CU5" s="239" t="s">
        <v>51</v>
      </c>
      <c r="CV5" s="242" t="s">
        <v>45</v>
      </c>
      <c r="CW5" s="510"/>
      <c r="CX5" s="309" t="s">
        <v>43</v>
      </c>
      <c r="CY5" s="239" t="s">
        <v>44</v>
      </c>
      <c r="CZ5" s="242" t="s">
        <v>45</v>
      </c>
      <c r="DA5" s="244" t="s">
        <v>83</v>
      </c>
      <c r="DB5" s="239" t="s">
        <v>47</v>
      </c>
      <c r="DC5" s="239" t="s">
        <v>48</v>
      </c>
      <c r="DD5" s="239" t="s">
        <v>49</v>
      </c>
      <c r="DE5" s="239" t="s">
        <v>50</v>
      </c>
      <c r="DF5" s="239" t="s">
        <v>51</v>
      </c>
      <c r="DG5" s="242" t="s">
        <v>45</v>
      </c>
      <c r="DH5" s="510"/>
      <c r="DI5" s="309" t="s">
        <v>43</v>
      </c>
      <c r="DJ5" s="239" t="s">
        <v>44</v>
      </c>
      <c r="DK5" s="242" t="s">
        <v>45</v>
      </c>
      <c r="DL5" s="244" t="s">
        <v>83</v>
      </c>
      <c r="DM5" s="239" t="s">
        <v>47</v>
      </c>
      <c r="DN5" s="239" t="s">
        <v>48</v>
      </c>
      <c r="DO5" s="239" t="s">
        <v>49</v>
      </c>
      <c r="DP5" s="239" t="s">
        <v>50</v>
      </c>
      <c r="DQ5" s="239" t="s">
        <v>51</v>
      </c>
      <c r="DR5" s="242" t="s">
        <v>45</v>
      </c>
      <c r="DS5" s="510"/>
      <c r="DT5" s="309" t="s">
        <v>43</v>
      </c>
      <c r="DU5" s="239" t="s">
        <v>44</v>
      </c>
      <c r="DV5" s="242" t="s">
        <v>45</v>
      </c>
      <c r="DW5" s="244" t="s">
        <v>83</v>
      </c>
      <c r="DX5" s="239" t="s">
        <v>47</v>
      </c>
      <c r="DY5" s="239" t="s">
        <v>48</v>
      </c>
      <c r="DZ5" s="239" t="s">
        <v>49</v>
      </c>
      <c r="EA5" s="239" t="s">
        <v>50</v>
      </c>
      <c r="EB5" s="239" t="s">
        <v>51</v>
      </c>
      <c r="EC5" s="242" t="s">
        <v>45</v>
      </c>
      <c r="ED5" s="510"/>
      <c r="EE5" s="309" t="s">
        <v>43</v>
      </c>
      <c r="EF5" s="239" t="s">
        <v>44</v>
      </c>
      <c r="EG5" s="242" t="s">
        <v>45</v>
      </c>
      <c r="EH5" s="244" t="s">
        <v>83</v>
      </c>
      <c r="EI5" s="239" t="s">
        <v>47</v>
      </c>
      <c r="EJ5" s="239" t="s">
        <v>48</v>
      </c>
      <c r="EK5" s="239" t="s">
        <v>49</v>
      </c>
      <c r="EL5" s="239" t="s">
        <v>50</v>
      </c>
      <c r="EM5" s="239" t="s">
        <v>51</v>
      </c>
      <c r="EN5" s="242" t="s">
        <v>45</v>
      </c>
      <c r="EO5" s="510"/>
      <c r="EP5" s="309" t="s">
        <v>43</v>
      </c>
      <c r="EQ5" s="239" t="s">
        <v>44</v>
      </c>
      <c r="ER5" s="242" t="s">
        <v>45</v>
      </c>
      <c r="ES5" s="244" t="s">
        <v>83</v>
      </c>
      <c r="ET5" s="239" t="s">
        <v>47</v>
      </c>
      <c r="EU5" s="239" t="s">
        <v>48</v>
      </c>
      <c r="EV5" s="239" t="s">
        <v>49</v>
      </c>
      <c r="EW5" s="239" t="s">
        <v>50</v>
      </c>
      <c r="EX5" s="239" t="s">
        <v>51</v>
      </c>
      <c r="EY5" s="242" t="s">
        <v>45</v>
      </c>
      <c r="EZ5" s="510"/>
    </row>
    <row r="6" spans="2:156" ht="21" customHeight="1" x14ac:dyDescent="0.2">
      <c r="B6" s="435" t="s">
        <v>4</v>
      </c>
      <c r="C6" s="246">
        <v>0</v>
      </c>
      <c r="D6" s="250">
        <v>0</v>
      </c>
      <c r="E6" s="339">
        <v>0</v>
      </c>
      <c r="F6" s="249">
        <v>0</v>
      </c>
      <c r="G6" s="250">
        <v>1153</v>
      </c>
      <c r="H6" s="250">
        <v>1322</v>
      </c>
      <c r="I6" s="250">
        <v>662</v>
      </c>
      <c r="J6" s="250">
        <v>556</v>
      </c>
      <c r="K6" s="250">
        <v>420</v>
      </c>
      <c r="L6" s="251">
        <v>4113</v>
      </c>
      <c r="M6" s="252">
        <v>4113</v>
      </c>
      <c r="N6" s="246">
        <v>0</v>
      </c>
      <c r="O6" s="250">
        <v>3</v>
      </c>
      <c r="P6" s="247">
        <v>3</v>
      </c>
      <c r="Q6" s="249">
        <v>0</v>
      </c>
      <c r="R6" s="250">
        <v>14</v>
      </c>
      <c r="S6" s="250">
        <v>35</v>
      </c>
      <c r="T6" s="250">
        <v>53</v>
      </c>
      <c r="U6" s="250">
        <v>134</v>
      </c>
      <c r="V6" s="250">
        <v>199</v>
      </c>
      <c r="W6" s="247">
        <v>435</v>
      </c>
      <c r="X6" s="252">
        <v>438</v>
      </c>
      <c r="Y6" s="246">
        <v>209</v>
      </c>
      <c r="Z6" s="250">
        <v>493</v>
      </c>
      <c r="AA6" s="247">
        <v>702</v>
      </c>
      <c r="AB6" s="249">
        <v>0</v>
      </c>
      <c r="AC6" s="250">
        <v>952</v>
      </c>
      <c r="AD6" s="250">
        <v>1297</v>
      </c>
      <c r="AE6" s="250">
        <v>732</v>
      </c>
      <c r="AF6" s="250">
        <v>575</v>
      </c>
      <c r="AG6" s="250">
        <v>395</v>
      </c>
      <c r="AH6" s="247">
        <v>3951</v>
      </c>
      <c r="AI6" s="252">
        <v>4653</v>
      </c>
      <c r="AJ6" s="246">
        <v>22</v>
      </c>
      <c r="AK6" s="250">
        <v>59</v>
      </c>
      <c r="AL6" s="247">
        <v>81</v>
      </c>
      <c r="AM6" s="249">
        <v>0</v>
      </c>
      <c r="AN6" s="250">
        <v>87</v>
      </c>
      <c r="AO6" s="250">
        <v>163</v>
      </c>
      <c r="AP6" s="250">
        <v>79</v>
      </c>
      <c r="AQ6" s="250">
        <v>80</v>
      </c>
      <c r="AR6" s="250">
        <v>42</v>
      </c>
      <c r="AS6" s="247">
        <v>451</v>
      </c>
      <c r="AT6" s="252">
        <v>532</v>
      </c>
      <c r="AU6" s="246">
        <v>310</v>
      </c>
      <c r="AV6" s="250">
        <v>346</v>
      </c>
      <c r="AW6" s="247">
        <v>656</v>
      </c>
      <c r="AX6" s="249">
        <v>0</v>
      </c>
      <c r="AY6" s="250">
        <v>1337</v>
      </c>
      <c r="AZ6" s="250">
        <v>1653</v>
      </c>
      <c r="BA6" s="250">
        <v>1382</v>
      </c>
      <c r="BB6" s="250">
        <v>1394</v>
      </c>
      <c r="BC6" s="250">
        <v>1045</v>
      </c>
      <c r="BD6" s="251">
        <v>6811</v>
      </c>
      <c r="BE6" s="252">
        <v>7467</v>
      </c>
      <c r="BF6" s="246">
        <v>0</v>
      </c>
      <c r="BG6" s="250">
        <v>0</v>
      </c>
      <c r="BH6" s="247">
        <v>0</v>
      </c>
      <c r="BI6" s="249">
        <v>0</v>
      </c>
      <c r="BJ6" s="250">
        <v>1388</v>
      </c>
      <c r="BK6" s="250">
        <v>1261</v>
      </c>
      <c r="BL6" s="250">
        <v>583</v>
      </c>
      <c r="BM6" s="250">
        <v>317</v>
      </c>
      <c r="BN6" s="250">
        <v>152</v>
      </c>
      <c r="BO6" s="247">
        <v>3701</v>
      </c>
      <c r="BP6" s="252">
        <v>3701</v>
      </c>
      <c r="BQ6" s="246">
        <v>131</v>
      </c>
      <c r="BR6" s="250">
        <v>178</v>
      </c>
      <c r="BS6" s="247">
        <v>309</v>
      </c>
      <c r="BT6" s="249">
        <v>0</v>
      </c>
      <c r="BU6" s="250">
        <v>360</v>
      </c>
      <c r="BV6" s="250">
        <v>484</v>
      </c>
      <c r="BW6" s="250">
        <v>286</v>
      </c>
      <c r="BX6" s="250">
        <v>155</v>
      </c>
      <c r="BY6" s="250">
        <v>77</v>
      </c>
      <c r="BZ6" s="247">
        <v>1362</v>
      </c>
      <c r="CA6" s="252">
        <v>1671</v>
      </c>
      <c r="CB6" s="246">
        <v>3</v>
      </c>
      <c r="CC6" s="250">
        <v>15</v>
      </c>
      <c r="CD6" s="247">
        <v>18</v>
      </c>
      <c r="CE6" s="249">
        <v>0</v>
      </c>
      <c r="CF6" s="250">
        <v>135</v>
      </c>
      <c r="CG6" s="250">
        <v>229</v>
      </c>
      <c r="CH6" s="250">
        <v>256</v>
      </c>
      <c r="CI6" s="250">
        <v>170</v>
      </c>
      <c r="CJ6" s="250">
        <v>101</v>
      </c>
      <c r="CK6" s="247">
        <v>891</v>
      </c>
      <c r="CL6" s="252">
        <v>909</v>
      </c>
      <c r="CM6" s="246">
        <v>1</v>
      </c>
      <c r="CN6" s="250">
        <v>2</v>
      </c>
      <c r="CO6" s="247">
        <v>3</v>
      </c>
      <c r="CP6" s="249">
        <v>0</v>
      </c>
      <c r="CQ6" s="250">
        <v>31</v>
      </c>
      <c r="CR6" s="250">
        <v>52</v>
      </c>
      <c r="CS6" s="250">
        <v>40</v>
      </c>
      <c r="CT6" s="250">
        <v>34</v>
      </c>
      <c r="CU6" s="250">
        <v>25</v>
      </c>
      <c r="CV6" s="247">
        <v>182</v>
      </c>
      <c r="CW6" s="252">
        <v>185</v>
      </c>
      <c r="CX6" s="246">
        <v>0</v>
      </c>
      <c r="CY6" s="250">
        <v>0</v>
      </c>
      <c r="CZ6" s="247">
        <v>0</v>
      </c>
      <c r="DA6" s="249">
        <v>0</v>
      </c>
      <c r="DB6" s="250">
        <v>0</v>
      </c>
      <c r="DC6" s="250">
        <v>0</v>
      </c>
      <c r="DD6" s="250">
        <v>0</v>
      </c>
      <c r="DE6" s="250">
        <v>0</v>
      </c>
      <c r="DF6" s="250">
        <v>0</v>
      </c>
      <c r="DG6" s="247">
        <v>0</v>
      </c>
      <c r="DH6" s="252">
        <v>0</v>
      </c>
      <c r="DI6" s="246">
        <v>0</v>
      </c>
      <c r="DJ6" s="250">
        <v>0</v>
      </c>
      <c r="DK6" s="247">
        <v>0</v>
      </c>
      <c r="DL6" s="249">
        <v>0</v>
      </c>
      <c r="DM6" s="250">
        <v>0</v>
      </c>
      <c r="DN6" s="250">
        <v>0</v>
      </c>
      <c r="DO6" s="250">
        <v>0</v>
      </c>
      <c r="DP6" s="250">
        <v>0</v>
      </c>
      <c r="DQ6" s="250">
        <v>0</v>
      </c>
      <c r="DR6" s="247">
        <v>0</v>
      </c>
      <c r="DS6" s="252">
        <v>0</v>
      </c>
      <c r="DT6" s="246">
        <v>557</v>
      </c>
      <c r="DU6" s="250">
        <v>1199</v>
      </c>
      <c r="DV6" s="247">
        <v>1756</v>
      </c>
      <c r="DW6" s="249">
        <v>0</v>
      </c>
      <c r="DX6" s="250">
        <v>1568</v>
      </c>
      <c r="DY6" s="250">
        <v>2502</v>
      </c>
      <c r="DZ6" s="250">
        <v>1421</v>
      </c>
      <c r="EA6" s="250">
        <v>1077</v>
      </c>
      <c r="EB6" s="250">
        <v>661</v>
      </c>
      <c r="EC6" s="247">
        <v>7229</v>
      </c>
      <c r="ED6" s="252">
        <v>8985</v>
      </c>
      <c r="EE6" s="246">
        <v>223</v>
      </c>
      <c r="EF6" s="250">
        <v>157</v>
      </c>
      <c r="EG6" s="247">
        <v>380</v>
      </c>
      <c r="EH6" s="249">
        <v>0</v>
      </c>
      <c r="EI6" s="250">
        <v>634</v>
      </c>
      <c r="EJ6" s="250">
        <v>679</v>
      </c>
      <c r="EK6" s="250">
        <v>568</v>
      </c>
      <c r="EL6" s="250">
        <v>622</v>
      </c>
      <c r="EM6" s="250">
        <v>408</v>
      </c>
      <c r="EN6" s="247">
        <v>2911</v>
      </c>
      <c r="EO6" s="252">
        <v>3291</v>
      </c>
      <c r="EP6" s="246">
        <v>913</v>
      </c>
      <c r="EQ6" s="250">
        <v>1725</v>
      </c>
      <c r="ER6" s="247">
        <v>2638</v>
      </c>
      <c r="ES6" s="249">
        <v>0</v>
      </c>
      <c r="ET6" s="250">
        <v>3895</v>
      </c>
      <c r="EU6" s="250">
        <v>3996</v>
      </c>
      <c r="EV6" s="250">
        <v>1923</v>
      </c>
      <c r="EW6" s="250">
        <v>1280</v>
      </c>
      <c r="EX6" s="250">
        <v>771</v>
      </c>
      <c r="EY6" s="247">
        <v>11865</v>
      </c>
      <c r="EZ6" s="252">
        <v>14503</v>
      </c>
    </row>
    <row r="7" spans="2:156" ht="21" customHeight="1" x14ac:dyDescent="0.2">
      <c r="B7" s="436" t="s">
        <v>5</v>
      </c>
      <c r="C7" s="253">
        <v>0</v>
      </c>
      <c r="D7" s="257">
        <v>0</v>
      </c>
      <c r="E7" s="340">
        <v>0</v>
      </c>
      <c r="F7" s="256">
        <v>0</v>
      </c>
      <c r="G7" s="257">
        <v>465</v>
      </c>
      <c r="H7" s="257">
        <v>687</v>
      </c>
      <c r="I7" s="257">
        <v>308</v>
      </c>
      <c r="J7" s="257">
        <v>246</v>
      </c>
      <c r="K7" s="257">
        <v>186</v>
      </c>
      <c r="L7" s="258">
        <v>1892</v>
      </c>
      <c r="M7" s="259">
        <v>1892</v>
      </c>
      <c r="N7" s="253">
        <v>0</v>
      </c>
      <c r="O7" s="257">
        <v>2</v>
      </c>
      <c r="P7" s="254">
        <v>2</v>
      </c>
      <c r="Q7" s="256">
        <v>0</v>
      </c>
      <c r="R7" s="257">
        <v>3</v>
      </c>
      <c r="S7" s="257">
        <v>15</v>
      </c>
      <c r="T7" s="257">
        <v>29</v>
      </c>
      <c r="U7" s="257">
        <v>53</v>
      </c>
      <c r="V7" s="257">
        <v>107</v>
      </c>
      <c r="W7" s="254">
        <v>207</v>
      </c>
      <c r="X7" s="259">
        <v>209</v>
      </c>
      <c r="Y7" s="253">
        <v>93</v>
      </c>
      <c r="Z7" s="257">
        <v>258</v>
      </c>
      <c r="AA7" s="254">
        <v>351</v>
      </c>
      <c r="AB7" s="256">
        <v>0</v>
      </c>
      <c r="AC7" s="257">
        <v>342</v>
      </c>
      <c r="AD7" s="257">
        <v>697</v>
      </c>
      <c r="AE7" s="257">
        <v>354</v>
      </c>
      <c r="AF7" s="257">
        <v>273</v>
      </c>
      <c r="AG7" s="257">
        <v>183</v>
      </c>
      <c r="AH7" s="254">
        <v>1849</v>
      </c>
      <c r="AI7" s="259">
        <v>2200</v>
      </c>
      <c r="AJ7" s="253">
        <v>11</v>
      </c>
      <c r="AK7" s="257">
        <v>33</v>
      </c>
      <c r="AL7" s="254">
        <v>44</v>
      </c>
      <c r="AM7" s="256">
        <v>0</v>
      </c>
      <c r="AN7" s="257">
        <v>29</v>
      </c>
      <c r="AO7" s="257">
        <v>79</v>
      </c>
      <c r="AP7" s="257">
        <v>32</v>
      </c>
      <c r="AQ7" s="257">
        <v>35</v>
      </c>
      <c r="AR7" s="257">
        <v>17</v>
      </c>
      <c r="AS7" s="254">
        <v>192</v>
      </c>
      <c r="AT7" s="259">
        <v>236</v>
      </c>
      <c r="AU7" s="253">
        <v>141</v>
      </c>
      <c r="AV7" s="257">
        <v>184</v>
      </c>
      <c r="AW7" s="254">
        <v>325</v>
      </c>
      <c r="AX7" s="256">
        <v>0</v>
      </c>
      <c r="AY7" s="257">
        <v>533</v>
      </c>
      <c r="AZ7" s="257">
        <v>789</v>
      </c>
      <c r="BA7" s="257">
        <v>610</v>
      </c>
      <c r="BB7" s="257">
        <v>639</v>
      </c>
      <c r="BC7" s="257">
        <v>443</v>
      </c>
      <c r="BD7" s="258">
        <v>3014</v>
      </c>
      <c r="BE7" s="259">
        <v>3339</v>
      </c>
      <c r="BF7" s="253">
        <v>0</v>
      </c>
      <c r="BG7" s="257">
        <v>0</v>
      </c>
      <c r="BH7" s="254">
        <v>0</v>
      </c>
      <c r="BI7" s="256">
        <v>0</v>
      </c>
      <c r="BJ7" s="257">
        <v>470</v>
      </c>
      <c r="BK7" s="257">
        <v>549</v>
      </c>
      <c r="BL7" s="257">
        <v>217</v>
      </c>
      <c r="BM7" s="257">
        <v>126</v>
      </c>
      <c r="BN7" s="257">
        <v>63</v>
      </c>
      <c r="BO7" s="254">
        <v>1425</v>
      </c>
      <c r="BP7" s="259">
        <v>1425</v>
      </c>
      <c r="BQ7" s="253">
        <v>64</v>
      </c>
      <c r="BR7" s="257">
        <v>95</v>
      </c>
      <c r="BS7" s="254">
        <v>159</v>
      </c>
      <c r="BT7" s="256">
        <v>0</v>
      </c>
      <c r="BU7" s="257">
        <v>119</v>
      </c>
      <c r="BV7" s="257">
        <v>242</v>
      </c>
      <c r="BW7" s="257">
        <v>126</v>
      </c>
      <c r="BX7" s="257">
        <v>65</v>
      </c>
      <c r="BY7" s="257">
        <v>36</v>
      </c>
      <c r="BZ7" s="254">
        <v>588</v>
      </c>
      <c r="CA7" s="259">
        <v>747</v>
      </c>
      <c r="CB7" s="253">
        <v>0</v>
      </c>
      <c r="CC7" s="257">
        <v>7</v>
      </c>
      <c r="CD7" s="254">
        <v>7</v>
      </c>
      <c r="CE7" s="256">
        <v>0</v>
      </c>
      <c r="CF7" s="257">
        <v>39</v>
      </c>
      <c r="CG7" s="257">
        <v>93</v>
      </c>
      <c r="CH7" s="257">
        <v>101</v>
      </c>
      <c r="CI7" s="257">
        <v>63</v>
      </c>
      <c r="CJ7" s="257">
        <v>45</v>
      </c>
      <c r="CK7" s="254">
        <v>341</v>
      </c>
      <c r="CL7" s="259">
        <v>348</v>
      </c>
      <c r="CM7" s="253">
        <v>1</v>
      </c>
      <c r="CN7" s="257">
        <v>1</v>
      </c>
      <c r="CO7" s="254">
        <v>2</v>
      </c>
      <c r="CP7" s="256">
        <v>0</v>
      </c>
      <c r="CQ7" s="257">
        <v>11</v>
      </c>
      <c r="CR7" s="257">
        <v>35</v>
      </c>
      <c r="CS7" s="257">
        <v>16</v>
      </c>
      <c r="CT7" s="257">
        <v>21</v>
      </c>
      <c r="CU7" s="257">
        <v>13</v>
      </c>
      <c r="CV7" s="254">
        <v>96</v>
      </c>
      <c r="CW7" s="259">
        <v>98</v>
      </c>
      <c r="CX7" s="253">
        <v>0</v>
      </c>
      <c r="CY7" s="257">
        <v>0</v>
      </c>
      <c r="CZ7" s="254">
        <v>0</v>
      </c>
      <c r="DA7" s="256">
        <v>0</v>
      </c>
      <c r="DB7" s="257">
        <v>0</v>
      </c>
      <c r="DC7" s="257">
        <v>0</v>
      </c>
      <c r="DD7" s="257">
        <v>0</v>
      </c>
      <c r="DE7" s="257">
        <v>0</v>
      </c>
      <c r="DF7" s="257">
        <v>0</v>
      </c>
      <c r="DG7" s="254">
        <v>0</v>
      </c>
      <c r="DH7" s="259">
        <v>0</v>
      </c>
      <c r="DI7" s="253">
        <v>0</v>
      </c>
      <c r="DJ7" s="257">
        <v>0</v>
      </c>
      <c r="DK7" s="254">
        <v>0</v>
      </c>
      <c r="DL7" s="256">
        <v>0</v>
      </c>
      <c r="DM7" s="257">
        <v>0</v>
      </c>
      <c r="DN7" s="257">
        <v>0</v>
      </c>
      <c r="DO7" s="257">
        <v>0</v>
      </c>
      <c r="DP7" s="257">
        <v>0</v>
      </c>
      <c r="DQ7" s="257">
        <v>0</v>
      </c>
      <c r="DR7" s="254">
        <v>0</v>
      </c>
      <c r="DS7" s="259">
        <v>0</v>
      </c>
      <c r="DT7" s="253">
        <v>196</v>
      </c>
      <c r="DU7" s="257">
        <v>510</v>
      </c>
      <c r="DV7" s="254">
        <v>706</v>
      </c>
      <c r="DW7" s="256">
        <v>0</v>
      </c>
      <c r="DX7" s="257">
        <v>443</v>
      </c>
      <c r="DY7" s="257">
        <v>1101</v>
      </c>
      <c r="DZ7" s="257">
        <v>566</v>
      </c>
      <c r="EA7" s="257">
        <v>448</v>
      </c>
      <c r="EB7" s="257">
        <v>279</v>
      </c>
      <c r="EC7" s="254">
        <v>2837</v>
      </c>
      <c r="ED7" s="259">
        <v>3543</v>
      </c>
      <c r="EE7" s="253">
        <v>94</v>
      </c>
      <c r="EF7" s="257">
        <v>82</v>
      </c>
      <c r="EG7" s="254">
        <v>176</v>
      </c>
      <c r="EH7" s="256">
        <v>0</v>
      </c>
      <c r="EI7" s="257">
        <v>261</v>
      </c>
      <c r="EJ7" s="257">
        <v>341</v>
      </c>
      <c r="EK7" s="257">
        <v>265</v>
      </c>
      <c r="EL7" s="257">
        <v>287</v>
      </c>
      <c r="EM7" s="257">
        <v>160</v>
      </c>
      <c r="EN7" s="254">
        <v>1314</v>
      </c>
      <c r="EO7" s="259">
        <v>1490</v>
      </c>
      <c r="EP7" s="253">
        <v>368</v>
      </c>
      <c r="EQ7" s="257">
        <v>829</v>
      </c>
      <c r="ER7" s="254">
        <v>1197</v>
      </c>
      <c r="ES7" s="256">
        <v>0</v>
      </c>
      <c r="ET7" s="257">
        <v>1382</v>
      </c>
      <c r="EU7" s="257">
        <v>1939</v>
      </c>
      <c r="EV7" s="257">
        <v>851</v>
      </c>
      <c r="EW7" s="257">
        <v>564</v>
      </c>
      <c r="EX7" s="257">
        <v>347</v>
      </c>
      <c r="EY7" s="254">
        <v>5083</v>
      </c>
      <c r="EZ7" s="259">
        <v>6280</v>
      </c>
    </row>
    <row r="8" spans="2:156" ht="21" customHeight="1" x14ac:dyDescent="0.2">
      <c r="B8" s="437" t="s">
        <v>6</v>
      </c>
      <c r="C8" s="253">
        <v>0</v>
      </c>
      <c r="D8" s="257">
        <v>0</v>
      </c>
      <c r="E8" s="340">
        <v>0</v>
      </c>
      <c r="F8" s="256">
        <v>0</v>
      </c>
      <c r="G8" s="257">
        <v>214</v>
      </c>
      <c r="H8" s="257">
        <v>183</v>
      </c>
      <c r="I8" s="257">
        <v>97</v>
      </c>
      <c r="J8" s="257">
        <v>98</v>
      </c>
      <c r="K8" s="257">
        <v>72</v>
      </c>
      <c r="L8" s="258">
        <v>664</v>
      </c>
      <c r="M8" s="259">
        <v>664</v>
      </c>
      <c r="N8" s="253">
        <v>0</v>
      </c>
      <c r="O8" s="257">
        <v>1</v>
      </c>
      <c r="P8" s="254">
        <v>1</v>
      </c>
      <c r="Q8" s="256">
        <v>0</v>
      </c>
      <c r="R8" s="257">
        <v>2</v>
      </c>
      <c r="S8" s="257">
        <v>5</v>
      </c>
      <c r="T8" s="257">
        <v>7</v>
      </c>
      <c r="U8" s="257">
        <v>26</v>
      </c>
      <c r="V8" s="257">
        <v>23</v>
      </c>
      <c r="W8" s="254">
        <v>63</v>
      </c>
      <c r="X8" s="259">
        <v>64</v>
      </c>
      <c r="Y8" s="253">
        <v>36</v>
      </c>
      <c r="Z8" s="257">
        <v>82</v>
      </c>
      <c r="AA8" s="254">
        <v>118</v>
      </c>
      <c r="AB8" s="256">
        <v>0</v>
      </c>
      <c r="AC8" s="257">
        <v>223</v>
      </c>
      <c r="AD8" s="257">
        <v>192</v>
      </c>
      <c r="AE8" s="257">
        <v>133</v>
      </c>
      <c r="AF8" s="257">
        <v>93</v>
      </c>
      <c r="AG8" s="257">
        <v>55</v>
      </c>
      <c r="AH8" s="254">
        <v>696</v>
      </c>
      <c r="AI8" s="259">
        <v>814</v>
      </c>
      <c r="AJ8" s="253">
        <v>4</v>
      </c>
      <c r="AK8" s="257">
        <v>4</v>
      </c>
      <c r="AL8" s="254">
        <v>8</v>
      </c>
      <c r="AM8" s="256">
        <v>0</v>
      </c>
      <c r="AN8" s="257">
        <v>18</v>
      </c>
      <c r="AO8" s="257">
        <v>17</v>
      </c>
      <c r="AP8" s="257">
        <v>9</v>
      </c>
      <c r="AQ8" s="257">
        <v>14</v>
      </c>
      <c r="AR8" s="257">
        <v>3</v>
      </c>
      <c r="AS8" s="254">
        <v>61</v>
      </c>
      <c r="AT8" s="259">
        <v>69</v>
      </c>
      <c r="AU8" s="253">
        <v>52</v>
      </c>
      <c r="AV8" s="257">
        <v>59</v>
      </c>
      <c r="AW8" s="254">
        <v>111</v>
      </c>
      <c r="AX8" s="256">
        <v>0</v>
      </c>
      <c r="AY8" s="257">
        <v>277</v>
      </c>
      <c r="AZ8" s="257">
        <v>286</v>
      </c>
      <c r="BA8" s="257">
        <v>243</v>
      </c>
      <c r="BB8" s="257">
        <v>252</v>
      </c>
      <c r="BC8" s="257">
        <v>206</v>
      </c>
      <c r="BD8" s="258">
        <v>1264</v>
      </c>
      <c r="BE8" s="259">
        <v>1375</v>
      </c>
      <c r="BF8" s="253">
        <v>0</v>
      </c>
      <c r="BG8" s="257">
        <v>0</v>
      </c>
      <c r="BH8" s="254">
        <v>0</v>
      </c>
      <c r="BI8" s="256">
        <v>0</v>
      </c>
      <c r="BJ8" s="257">
        <v>273</v>
      </c>
      <c r="BK8" s="257">
        <v>180</v>
      </c>
      <c r="BL8" s="257">
        <v>90</v>
      </c>
      <c r="BM8" s="257">
        <v>46</v>
      </c>
      <c r="BN8" s="257">
        <v>22</v>
      </c>
      <c r="BO8" s="254">
        <v>611</v>
      </c>
      <c r="BP8" s="259">
        <v>611</v>
      </c>
      <c r="BQ8" s="253">
        <v>11</v>
      </c>
      <c r="BR8" s="257">
        <v>18</v>
      </c>
      <c r="BS8" s="254">
        <v>29</v>
      </c>
      <c r="BT8" s="256">
        <v>0</v>
      </c>
      <c r="BU8" s="257">
        <v>62</v>
      </c>
      <c r="BV8" s="257">
        <v>58</v>
      </c>
      <c r="BW8" s="257">
        <v>40</v>
      </c>
      <c r="BX8" s="257">
        <v>26</v>
      </c>
      <c r="BY8" s="257">
        <v>11</v>
      </c>
      <c r="BZ8" s="254">
        <v>197</v>
      </c>
      <c r="CA8" s="259">
        <v>226</v>
      </c>
      <c r="CB8" s="253">
        <v>0</v>
      </c>
      <c r="CC8" s="257">
        <v>1</v>
      </c>
      <c r="CD8" s="254">
        <v>1</v>
      </c>
      <c r="CE8" s="256">
        <v>0</v>
      </c>
      <c r="CF8" s="257">
        <v>14</v>
      </c>
      <c r="CG8" s="257">
        <v>29</v>
      </c>
      <c r="CH8" s="257">
        <v>43</v>
      </c>
      <c r="CI8" s="257">
        <v>24</v>
      </c>
      <c r="CJ8" s="257">
        <v>14</v>
      </c>
      <c r="CK8" s="254">
        <v>124</v>
      </c>
      <c r="CL8" s="259">
        <v>125</v>
      </c>
      <c r="CM8" s="253">
        <v>0</v>
      </c>
      <c r="CN8" s="257">
        <v>1</v>
      </c>
      <c r="CO8" s="254">
        <v>1</v>
      </c>
      <c r="CP8" s="256">
        <v>0</v>
      </c>
      <c r="CQ8" s="257">
        <v>7</v>
      </c>
      <c r="CR8" s="257">
        <v>8</v>
      </c>
      <c r="CS8" s="257">
        <v>8</v>
      </c>
      <c r="CT8" s="257">
        <v>4</v>
      </c>
      <c r="CU8" s="257">
        <v>5</v>
      </c>
      <c r="CV8" s="254">
        <v>32</v>
      </c>
      <c r="CW8" s="259">
        <v>33</v>
      </c>
      <c r="CX8" s="253">
        <v>0</v>
      </c>
      <c r="CY8" s="257">
        <v>0</v>
      </c>
      <c r="CZ8" s="254">
        <v>0</v>
      </c>
      <c r="DA8" s="256">
        <v>0</v>
      </c>
      <c r="DB8" s="257">
        <v>0</v>
      </c>
      <c r="DC8" s="257">
        <v>0</v>
      </c>
      <c r="DD8" s="257">
        <v>0</v>
      </c>
      <c r="DE8" s="257">
        <v>0</v>
      </c>
      <c r="DF8" s="257">
        <v>0</v>
      </c>
      <c r="DG8" s="254">
        <v>0</v>
      </c>
      <c r="DH8" s="259">
        <v>0</v>
      </c>
      <c r="DI8" s="253">
        <v>0</v>
      </c>
      <c r="DJ8" s="257">
        <v>0</v>
      </c>
      <c r="DK8" s="254">
        <v>0</v>
      </c>
      <c r="DL8" s="256">
        <v>0</v>
      </c>
      <c r="DM8" s="257">
        <v>0</v>
      </c>
      <c r="DN8" s="257">
        <v>0</v>
      </c>
      <c r="DO8" s="257">
        <v>0</v>
      </c>
      <c r="DP8" s="257">
        <v>0</v>
      </c>
      <c r="DQ8" s="257">
        <v>0</v>
      </c>
      <c r="DR8" s="254">
        <v>0</v>
      </c>
      <c r="DS8" s="259">
        <v>0</v>
      </c>
      <c r="DT8" s="253">
        <v>96</v>
      </c>
      <c r="DU8" s="257">
        <v>175</v>
      </c>
      <c r="DV8" s="254">
        <v>271</v>
      </c>
      <c r="DW8" s="256">
        <v>0</v>
      </c>
      <c r="DX8" s="257">
        <v>326</v>
      </c>
      <c r="DY8" s="257">
        <v>373</v>
      </c>
      <c r="DZ8" s="257">
        <v>227</v>
      </c>
      <c r="EA8" s="257">
        <v>178</v>
      </c>
      <c r="EB8" s="257">
        <v>111</v>
      </c>
      <c r="EC8" s="254">
        <v>1215</v>
      </c>
      <c r="ED8" s="259">
        <v>1486</v>
      </c>
      <c r="EE8" s="253">
        <v>37</v>
      </c>
      <c r="EF8" s="257">
        <v>20</v>
      </c>
      <c r="EG8" s="254">
        <v>57</v>
      </c>
      <c r="EH8" s="256">
        <v>0</v>
      </c>
      <c r="EI8" s="257">
        <v>130</v>
      </c>
      <c r="EJ8" s="257">
        <v>114</v>
      </c>
      <c r="EK8" s="257">
        <v>90</v>
      </c>
      <c r="EL8" s="257">
        <v>105</v>
      </c>
      <c r="EM8" s="257">
        <v>83</v>
      </c>
      <c r="EN8" s="254">
        <v>522</v>
      </c>
      <c r="EO8" s="259">
        <v>579</v>
      </c>
      <c r="EP8" s="253">
        <v>153</v>
      </c>
      <c r="EQ8" s="257">
        <v>251</v>
      </c>
      <c r="ER8" s="254">
        <v>404</v>
      </c>
      <c r="ES8" s="256">
        <v>0</v>
      </c>
      <c r="ET8" s="257">
        <v>753</v>
      </c>
      <c r="EU8" s="257">
        <v>575</v>
      </c>
      <c r="EV8" s="257">
        <v>302</v>
      </c>
      <c r="EW8" s="257">
        <v>212</v>
      </c>
      <c r="EX8" s="257">
        <v>128</v>
      </c>
      <c r="EY8" s="254">
        <v>1970</v>
      </c>
      <c r="EZ8" s="259">
        <v>2374</v>
      </c>
    </row>
    <row r="9" spans="2:156" ht="21" customHeight="1" x14ac:dyDescent="0.2">
      <c r="B9" s="437" t="s">
        <v>14</v>
      </c>
      <c r="C9" s="253">
        <v>0</v>
      </c>
      <c r="D9" s="257">
        <v>0</v>
      </c>
      <c r="E9" s="340">
        <v>0</v>
      </c>
      <c r="F9" s="256">
        <v>0</v>
      </c>
      <c r="G9" s="257">
        <v>45</v>
      </c>
      <c r="H9" s="257">
        <v>87</v>
      </c>
      <c r="I9" s="257">
        <v>34</v>
      </c>
      <c r="J9" s="257">
        <v>40</v>
      </c>
      <c r="K9" s="257">
        <v>24</v>
      </c>
      <c r="L9" s="258">
        <v>230</v>
      </c>
      <c r="M9" s="259">
        <v>230</v>
      </c>
      <c r="N9" s="253">
        <v>0</v>
      </c>
      <c r="O9" s="257">
        <v>0</v>
      </c>
      <c r="P9" s="254">
        <v>0</v>
      </c>
      <c r="Q9" s="256">
        <v>0</v>
      </c>
      <c r="R9" s="257">
        <v>1</v>
      </c>
      <c r="S9" s="257">
        <v>3</v>
      </c>
      <c r="T9" s="257">
        <v>2</v>
      </c>
      <c r="U9" s="257">
        <v>13</v>
      </c>
      <c r="V9" s="257">
        <v>11</v>
      </c>
      <c r="W9" s="254">
        <v>30</v>
      </c>
      <c r="X9" s="259">
        <v>30</v>
      </c>
      <c r="Y9" s="253">
        <v>4</v>
      </c>
      <c r="Z9" s="257">
        <v>20</v>
      </c>
      <c r="AA9" s="254">
        <v>24</v>
      </c>
      <c r="AB9" s="256">
        <v>0</v>
      </c>
      <c r="AC9" s="257">
        <v>34</v>
      </c>
      <c r="AD9" s="257">
        <v>76</v>
      </c>
      <c r="AE9" s="257">
        <v>32</v>
      </c>
      <c r="AF9" s="257">
        <v>41</v>
      </c>
      <c r="AG9" s="257">
        <v>29</v>
      </c>
      <c r="AH9" s="254">
        <v>212</v>
      </c>
      <c r="AI9" s="259">
        <v>236</v>
      </c>
      <c r="AJ9" s="253">
        <v>0</v>
      </c>
      <c r="AK9" s="257">
        <v>3</v>
      </c>
      <c r="AL9" s="254">
        <v>3</v>
      </c>
      <c r="AM9" s="256">
        <v>0</v>
      </c>
      <c r="AN9" s="257">
        <v>2</v>
      </c>
      <c r="AO9" s="257">
        <v>5</v>
      </c>
      <c r="AP9" s="257">
        <v>4</v>
      </c>
      <c r="AQ9" s="257">
        <v>0</v>
      </c>
      <c r="AR9" s="257">
        <v>1</v>
      </c>
      <c r="AS9" s="254">
        <v>12</v>
      </c>
      <c r="AT9" s="259">
        <v>15</v>
      </c>
      <c r="AU9" s="253">
        <v>8</v>
      </c>
      <c r="AV9" s="257">
        <v>22</v>
      </c>
      <c r="AW9" s="254">
        <v>30</v>
      </c>
      <c r="AX9" s="256">
        <v>0</v>
      </c>
      <c r="AY9" s="257">
        <v>72</v>
      </c>
      <c r="AZ9" s="257">
        <v>99</v>
      </c>
      <c r="BA9" s="257">
        <v>83</v>
      </c>
      <c r="BB9" s="257">
        <v>83</v>
      </c>
      <c r="BC9" s="257">
        <v>61</v>
      </c>
      <c r="BD9" s="258">
        <v>398</v>
      </c>
      <c r="BE9" s="259">
        <v>428</v>
      </c>
      <c r="BF9" s="253">
        <v>0</v>
      </c>
      <c r="BG9" s="257">
        <v>0</v>
      </c>
      <c r="BH9" s="254">
        <v>0</v>
      </c>
      <c r="BI9" s="256">
        <v>0</v>
      </c>
      <c r="BJ9" s="257">
        <v>93</v>
      </c>
      <c r="BK9" s="257">
        <v>100</v>
      </c>
      <c r="BL9" s="257">
        <v>59</v>
      </c>
      <c r="BM9" s="257">
        <v>23</v>
      </c>
      <c r="BN9" s="257">
        <v>10</v>
      </c>
      <c r="BO9" s="254">
        <v>285</v>
      </c>
      <c r="BP9" s="259">
        <v>285</v>
      </c>
      <c r="BQ9" s="253">
        <v>6</v>
      </c>
      <c r="BR9" s="257">
        <v>9</v>
      </c>
      <c r="BS9" s="254">
        <v>15</v>
      </c>
      <c r="BT9" s="256">
        <v>0</v>
      </c>
      <c r="BU9" s="257">
        <v>9</v>
      </c>
      <c r="BV9" s="257">
        <v>20</v>
      </c>
      <c r="BW9" s="257">
        <v>11</v>
      </c>
      <c r="BX9" s="257">
        <v>8</v>
      </c>
      <c r="BY9" s="257">
        <v>4</v>
      </c>
      <c r="BZ9" s="254">
        <v>52</v>
      </c>
      <c r="CA9" s="259">
        <v>67</v>
      </c>
      <c r="CB9" s="253">
        <v>0</v>
      </c>
      <c r="CC9" s="257">
        <v>0</v>
      </c>
      <c r="CD9" s="254">
        <v>0</v>
      </c>
      <c r="CE9" s="256">
        <v>0</v>
      </c>
      <c r="CF9" s="257">
        <v>6</v>
      </c>
      <c r="CG9" s="257">
        <v>21</v>
      </c>
      <c r="CH9" s="257">
        <v>19</v>
      </c>
      <c r="CI9" s="257">
        <v>18</v>
      </c>
      <c r="CJ9" s="257">
        <v>6</v>
      </c>
      <c r="CK9" s="254">
        <v>70</v>
      </c>
      <c r="CL9" s="259">
        <v>70</v>
      </c>
      <c r="CM9" s="253">
        <v>0</v>
      </c>
      <c r="CN9" s="257">
        <v>0</v>
      </c>
      <c r="CO9" s="254">
        <v>0</v>
      </c>
      <c r="CP9" s="256">
        <v>0</v>
      </c>
      <c r="CQ9" s="257">
        <v>0</v>
      </c>
      <c r="CR9" s="257">
        <v>0</v>
      </c>
      <c r="CS9" s="257">
        <v>0</v>
      </c>
      <c r="CT9" s="257">
        <v>1</v>
      </c>
      <c r="CU9" s="257">
        <v>0</v>
      </c>
      <c r="CV9" s="254">
        <v>1</v>
      </c>
      <c r="CW9" s="259">
        <v>1</v>
      </c>
      <c r="CX9" s="253">
        <v>0</v>
      </c>
      <c r="CY9" s="257">
        <v>0</v>
      </c>
      <c r="CZ9" s="254">
        <v>0</v>
      </c>
      <c r="DA9" s="256">
        <v>0</v>
      </c>
      <c r="DB9" s="257">
        <v>0</v>
      </c>
      <c r="DC9" s="257">
        <v>0</v>
      </c>
      <c r="DD9" s="257">
        <v>0</v>
      </c>
      <c r="DE9" s="257">
        <v>0</v>
      </c>
      <c r="DF9" s="257">
        <v>0</v>
      </c>
      <c r="DG9" s="254">
        <v>0</v>
      </c>
      <c r="DH9" s="259">
        <v>0</v>
      </c>
      <c r="DI9" s="253">
        <v>0</v>
      </c>
      <c r="DJ9" s="257">
        <v>0</v>
      </c>
      <c r="DK9" s="254">
        <v>0</v>
      </c>
      <c r="DL9" s="256">
        <v>0</v>
      </c>
      <c r="DM9" s="257">
        <v>0</v>
      </c>
      <c r="DN9" s="257">
        <v>0</v>
      </c>
      <c r="DO9" s="257">
        <v>0</v>
      </c>
      <c r="DP9" s="257">
        <v>0</v>
      </c>
      <c r="DQ9" s="257">
        <v>0</v>
      </c>
      <c r="DR9" s="254">
        <v>0</v>
      </c>
      <c r="DS9" s="259">
        <v>0</v>
      </c>
      <c r="DT9" s="253">
        <v>35</v>
      </c>
      <c r="DU9" s="257">
        <v>88</v>
      </c>
      <c r="DV9" s="254">
        <v>123</v>
      </c>
      <c r="DW9" s="256">
        <v>0</v>
      </c>
      <c r="DX9" s="257">
        <v>82</v>
      </c>
      <c r="DY9" s="257">
        <v>188</v>
      </c>
      <c r="DZ9" s="257">
        <v>115</v>
      </c>
      <c r="EA9" s="257">
        <v>72</v>
      </c>
      <c r="EB9" s="257">
        <v>44</v>
      </c>
      <c r="EC9" s="254">
        <v>501</v>
      </c>
      <c r="ED9" s="259">
        <v>624</v>
      </c>
      <c r="EE9" s="253">
        <v>6</v>
      </c>
      <c r="EF9" s="257">
        <v>8</v>
      </c>
      <c r="EG9" s="254">
        <v>14</v>
      </c>
      <c r="EH9" s="256">
        <v>0</v>
      </c>
      <c r="EI9" s="257">
        <v>39</v>
      </c>
      <c r="EJ9" s="257">
        <v>32</v>
      </c>
      <c r="EK9" s="257">
        <v>29</v>
      </c>
      <c r="EL9" s="257">
        <v>26</v>
      </c>
      <c r="EM9" s="257">
        <v>18</v>
      </c>
      <c r="EN9" s="254">
        <v>144</v>
      </c>
      <c r="EO9" s="259">
        <v>158</v>
      </c>
      <c r="EP9" s="253">
        <v>43</v>
      </c>
      <c r="EQ9" s="257">
        <v>103</v>
      </c>
      <c r="ER9" s="254">
        <v>146</v>
      </c>
      <c r="ES9" s="256">
        <v>0</v>
      </c>
      <c r="ET9" s="257">
        <v>187</v>
      </c>
      <c r="EU9" s="257">
        <v>283</v>
      </c>
      <c r="EV9" s="257">
        <v>128</v>
      </c>
      <c r="EW9" s="257">
        <v>85</v>
      </c>
      <c r="EX9" s="257">
        <v>47</v>
      </c>
      <c r="EY9" s="254">
        <v>730</v>
      </c>
      <c r="EZ9" s="259">
        <v>876</v>
      </c>
    </row>
    <row r="10" spans="2:156" ht="21" customHeight="1" x14ac:dyDescent="0.2">
      <c r="B10" s="437" t="s">
        <v>7</v>
      </c>
      <c r="C10" s="253">
        <v>0</v>
      </c>
      <c r="D10" s="257">
        <v>0</v>
      </c>
      <c r="E10" s="340">
        <v>0</v>
      </c>
      <c r="F10" s="256">
        <v>0</v>
      </c>
      <c r="G10" s="257">
        <v>52</v>
      </c>
      <c r="H10" s="257">
        <v>41</v>
      </c>
      <c r="I10" s="257">
        <v>15</v>
      </c>
      <c r="J10" s="257">
        <v>16</v>
      </c>
      <c r="K10" s="257">
        <v>15</v>
      </c>
      <c r="L10" s="258">
        <v>139</v>
      </c>
      <c r="M10" s="259">
        <v>139</v>
      </c>
      <c r="N10" s="253">
        <v>0</v>
      </c>
      <c r="O10" s="257">
        <v>0</v>
      </c>
      <c r="P10" s="254">
        <v>0</v>
      </c>
      <c r="Q10" s="256">
        <v>0</v>
      </c>
      <c r="R10" s="257">
        <v>1</v>
      </c>
      <c r="S10" s="257">
        <v>1</v>
      </c>
      <c r="T10" s="257">
        <v>1</v>
      </c>
      <c r="U10" s="257">
        <v>6</v>
      </c>
      <c r="V10" s="257">
        <v>8</v>
      </c>
      <c r="W10" s="254">
        <v>17</v>
      </c>
      <c r="X10" s="259">
        <v>17</v>
      </c>
      <c r="Y10" s="253">
        <v>1</v>
      </c>
      <c r="Z10" s="257">
        <v>4</v>
      </c>
      <c r="AA10" s="254">
        <v>5</v>
      </c>
      <c r="AB10" s="256">
        <v>0</v>
      </c>
      <c r="AC10" s="257">
        <v>28</v>
      </c>
      <c r="AD10" s="257">
        <v>25</v>
      </c>
      <c r="AE10" s="257">
        <v>19</v>
      </c>
      <c r="AF10" s="257">
        <v>18</v>
      </c>
      <c r="AG10" s="257">
        <v>12</v>
      </c>
      <c r="AH10" s="254">
        <v>102</v>
      </c>
      <c r="AI10" s="259">
        <v>107</v>
      </c>
      <c r="AJ10" s="253">
        <v>1</v>
      </c>
      <c r="AK10" s="257">
        <v>0</v>
      </c>
      <c r="AL10" s="254">
        <v>1</v>
      </c>
      <c r="AM10" s="256">
        <v>0</v>
      </c>
      <c r="AN10" s="257">
        <v>3</v>
      </c>
      <c r="AO10" s="257">
        <v>7</v>
      </c>
      <c r="AP10" s="257">
        <v>3</v>
      </c>
      <c r="AQ10" s="257">
        <v>4</v>
      </c>
      <c r="AR10" s="257">
        <v>1</v>
      </c>
      <c r="AS10" s="254">
        <v>18</v>
      </c>
      <c r="AT10" s="259">
        <v>19</v>
      </c>
      <c r="AU10" s="253">
        <v>18</v>
      </c>
      <c r="AV10" s="257">
        <v>5</v>
      </c>
      <c r="AW10" s="254">
        <v>23</v>
      </c>
      <c r="AX10" s="256">
        <v>0</v>
      </c>
      <c r="AY10" s="257">
        <v>65</v>
      </c>
      <c r="AZ10" s="257">
        <v>55</v>
      </c>
      <c r="BA10" s="257">
        <v>39</v>
      </c>
      <c r="BB10" s="257">
        <v>43</v>
      </c>
      <c r="BC10" s="257">
        <v>38</v>
      </c>
      <c r="BD10" s="258">
        <v>240</v>
      </c>
      <c r="BE10" s="259">
        <v>263</v>
      </c>
      <c r="BF10" s="253">
        <v>0</v>
      </c>
      <c r="BG10" s="257">
        <v>0</v>
      </c>
      <c r="BH10" s="254">
        <v>0</v>
      </c>
      <c r="BI10" s="256">
        <v>0</v>
      </c>
      <c r="BJ10" s="257">
        <v>81</v>
      </c>
      <c r="BK10" s="257">
        <v>43</v>
      </c>
      <c r="BL10" s="257">
        <v>18</v>
      </c>
      <c r="BM10" s="257">
        <v>9</v>
      </c>
      <c r="BN10" s="257">
        <v>7</v>
      </c>
      <c r="BO10" s="254">
        <v>158</v>
      </c>
      <c r="BP10" s="259">
        <v>158</v>
      </c>
      <c r="BQ10" s="253">
        <v>2</v>
      </c>
      <c r="BR10" s="257">
        <v>4</v>
      </c>
      <c r="BS10" s="254">
        <v>6</v>
      </c>
      <c r="BT10" s="256">
        <v>0</v>
      </c>
      <c r="BU10" s="257">
        <v>17</v>
      </c>
      <c r="BV10" s="257">
        <v>13</v>
      </c>
      <c r="BW10" s="257">
        <v>8</v>
      </c>
      <c r="BX10" s="257">
        <v>6</v>
      </c>
      <c r="BY10" s="257">
        <v>2</v>
      </c>
      <c r="BZ10" s="254">
        <v>46</v>
      </c>
      <c r="CA10" s="259">
        <v>52</v>
      </c>
      <c r="CB10" s="253">
        <v>0</v>
      </c>
      <c r="CC10" s="257">
        <v>0</v>
      </c>
      <c r="CD10" s="254">
        <v>0</v>
      </c>
      <c r="CE10" s="256">
        <v>0</v>
      </c>
      <c r="CF10" s="257">
        <v>10</v>
      </c>
      <c r="CG10" s="257">
        <v>11</v>
      </c>
      <c r="CH10" s="257">
        <v>2</v>
      </c>
      <c r="CI10" s="257">
        <v>8</v>
      </c>
      <c r="CJ10" s="257">
        <v>4</v>
      </c>
      <c r="CK10" s="254">
        <v>35</v>
      </c>
      <c r="CL10" s="259">
        <v>35</v>
      </c>
      <c r="CM10" s="253">
        <v>0</v>
      </c>
      <c r="CN10" s="257">
        <v>0</v>
      </c>
      <c r="CO10" s="254">
        <v>0</v>
      </c>
      <c r="CP10" s="256">
        <v>0</v>
      </c>
      <c r="CQ10" s="257">
        <v>1</v>
      </c>
      <c r="CR10" s="257">
        <v>3</v>
      </c>
      <c r="CS10" s="257">
        <v>0</v>
      </c>
      <c r="CT10" s="257">
        <v>0</v>
      </c>
      <c r="CU10" s="257">
        <v>0</v>
      </c>
      <c r="CV10" s="254">
        <v>4</v>
      </c>
      <c r="CW10" s="259">
        <v>4</v>
      </c>
      <c r="CX10" s="253">
        <v>0</v>
      </c>
      <c r="CY10" s="257">
        <v>0</v>
      </c>
      <c r="CZ10" s="254">
        <v>0</v>
      </c>
      <c r="DA10" s="256">
        <v>0</v>
      </c>
      <c r="DB10" s="257">
        <v>0</v>
      </c>
      <c r="DC10" s="257">
        <v>0</v>
      </c>
      <c r="DD10" s="257">
        <v>0</v>
      </c>
      <c r="DE10" s="257">
        <v>0</v>
      </c>
      <c r="DF10" s="257">
        <v>0</v>
      </c>
      <c r="DG10" s="254">
        <v>0</v>
      </c>
      <c r="DH10" s="259">
        <v>0</v>
      </c>
      <c r="DI10" s="253">
        <v>0</v>
      </c>
      <c r="DJ10" s="257">
        <v>0</v>
      </c>
      <c r="DK10" s="254">
        <v>0</v>
      </c>
      <c r="DL10" s="256">
        <v>0</v>
      </c>
      <c r="DM10" s="257">
        <v>0</v>
      </c>
      <c r="DN10" s="257">
        <v>0</v>
      </c>
      <c r="DO10" s="257">
        <v>0</v>
      </c>
      <c r="DP10" s="257">
        <v>0</v>
      </c>
      <c r="DQ10" s="257">
        <v>0</v>
      </c>
      <c r="DR10" s="254">
        <v>0</v>
      </c>
      <c r="DS10" s="259">
        <v>0</v>
      </c>
      <c r="DT10" s="253">
        <v>10</v>
      </c>
      <c r="DU10" s="257">
        <v>25</v>
      </c>
      <c r="DV10" s="254">
        <v>35</v>
      </c>
      <c r="DW10" s="256">
        <v>0</v>
      </c>
      <c r="DX10" s="257">
        <v>82</v>
      </c>
      <c r="DY10" s="257">
        <v>76</v>
      </c>
      <c r="DZ10" s="257">
        <v>40</v>
      </c>
      <c r="EA10" s="257">
        <v>40</v>
      </c>
      <c r="EB10" s="257">
        <v>19</v>
      </c>
      <c r="EC10" s="254">
        <v>257</v>
      </c>
      <c r="ED10" s="259">
        <v>292</v>
      </c>
      <c r="EE10" s="253">
        <v>14</v>
      </c>
      <c r="EF10" s="257">
        <v>3</v>
      </c>
      <c r="EG10" s="254">
        <v>17</v>
      </c>
      <c r="EH10" s="256">
        <v>0</v>
      </c>
      <c r="EI10" s="257">
        <v>29</v>
      </c>
      <c r="EJ10" s="257">
        <v>19</v>
      </c>
      <c r="EK10" s="257">
        <v>18</v>
      </c>
      <c r="EL10" s="257">
        <v>15</v>
      </c>
      <c r="EM10" s="257">
        <v>18</v>
      </c>
      <c r="EN10" s="254">
        <v>99</v>
      </c>
      <c r="EO10" s="259">
        <v>116</v>
      </c>
      <c r="EP10" s="253">
        <v>13</v>
      </c>
      <c r="EQ10" s="257">
        <v>32</v>
      </c>
      <c r="ER10" s="254">
        <v>45</v>
      </c>
      <c r="ES10" s="256">
        <v>0</v>
      </c>
      <c r="ET10" s="257">
        <v>183</v>
      </c>
      <c r="EU10" s="257">
        <v>124</v>
      </c>
      <c r="EV10" s="257">
        <v>49</v>
      </c>
      <c r="EW10" s="257">
        <v>41</v>
      </c>
      <c r="EX10" s="257">
        <v>27</v>
      </c>
      <c r="EY10" s="254">
        <v>424</v>
      </c>
      <c r="EZ10" s="259">
        <v>469</v>
      </c>
    </row>
    <row r="11" spans="2:156" ht="21" customHeight="1" x14ac:dyDescent="0.2">
      <c r="B11" s="437" t="s">
        <v>8</v>
      </c>
      <c r="C11" s="253">
        <v>0</v>
      </c>
      <c r="D11" s="257">
        <v>0</v>
      </c>
      <c r="E11" s="340">
        <v>0</v>
      </c>
      <c r="F11" s="256">
        <v>0</v>
      </c>
      <c r="G11" s="257">
        <v>21</v>
      </c>
      <c r="H11" s="257">
        <v>25</v>
      </c>
      <c r="I11" s="257">
        <v>14</v>
      </c>
      <c r="J11" s="257">
        <v>10</v>
      </c>
      <c r="K11" s="257">
        <v>6</v>
      </c>
      <c r="L11" s="258">
        <v>76</v>
      </c>
      <c r="M11" s="259">
        <v>76</v>
      </c>
      <c r="N11" s="253">
        <v>0</v>
      </c>
      <c r="O11" s="257">
        <v>0</v>
      </c>
      <c r="P11" s="254">
        <v>0</v>
      </c>
      <c r="Q11" s="256">
        <v>0</v>
      </c>
      <c r="R11" s="257">
        <v>0</v>
      </c>
      <c r="S11" s="257">
        <v>0</v>
      </c>
      <c r="T11" s="257">
        <v>0</v>
      </c>
      <c r="U11" s="257">
        <v>3</v>
      </c>
      <c r="V11" s="257">
        <v>2</v>
      </c>
      <c r="W11" s="254">
        <v>5</v>
      </c>
      <c r="X11" s="259">
        <v>5</v>
      </c>
      <c r="Y11" s="253">
        <v>4</v>
      </c>
      <c r="Z11" s="257">
        <v>6</v>
      </c>
      <c r="AA11" s="254">
        <v>10</v>
      </c>
      <c r="AB11" s="256">
        <v>0</v>
      </c>
      <c r="AC11" s="257">
        <v>17</v>
      </c>
      <c r="AD11" s="257">
        <v>20</v>
      </c>
      <c r="AE11" s="257">
        <v>9</v>
      </c>
      <c r="AF11" s="257">
        <v>14</v>
      </c>
      <c r="AG11" s="257">
        <v>7</v>
      </c>
      <c r="AH11" s="254">
        <v>67</v>
      </c>
      <c r="AI11" s="259">
        <v>77</v>
      </c>
      <c r="AJ11" s="253">
        <v>1</v>
      </c>
      <c r="AK11" s="257">
        <v>2</v>
      </c>
      <c r="AL11" s="254">
        <v>3</v>
      </c>
      <c r="AM11" s="256">
        <v>0</v>
      </c>
      <c r="AN11" s="257">
        <v>3</v>
      </c>
      <c r="AO11" s="257">
        <v>7</v>
      </c>
      <c r="AP11" s="257">
        <v>4</v>
      </c>
      <c r="AQ11" s="257">
        <v>3</v>
      </c>
      <c r="AR11" s="257">
        <v>2</v>
      </c>
      <c r="AS11" s="254">
        <v>19</v>
      </c>
      <c r="AT11" s="259">
        <v>22</v>
      </c>
      <c r="AU11" s="253">
        <v>5</v>
      </c>
      <c r="AV11" s="257">
        <v>2</v>
      </c>
      <c r="AW11" s="254">
        <v>7</v>
      </c>
      <c r="AX11" s="256">
        <v>0</v>
      </c>
      <c r="AY11" s="257">
        <v>26</v>
      </c>
      <c r="AZ11" s="257">
        <v>22</v>
      </c>
      <c r="BA11" s="257">
        <v>21</v>
      </c>
      <c r="BB11" s="257">
        <v>24</v>
      </c>
      <c r="BC11" s="257">
        <v>13</v>
      </c>
      <c r="BD11" s="258">
        <v>106</v>
      </c>
      <c r="BE11" s="259">
        <v>113</v>
      </c>
      <c r="BF11" s="253">
        <v>0</v>
      </c>
      <c r="BG11" s="257">
        <v>0</v>
      </c>
      <c r="BH11" s="254">
        <v>0</v>
      </c>
      <c r="BI11" s="256">
        <v>0</v>
      </c>
      <c r="BJ11" s="257">
        <v>30</v>
      </c>
      <c r="BK11" s="257">
        <v>29</v>
      </c>
      <c r="BL11" s="257">
        <v>13</v>
      </c>
      <c r="BM11" s="257">
        <v>10</v>
      </c>
      <c r="BN11" s="257">
        <v>5</v>
      </c>
      <c r="BO11" s="254">
        <v>87</v>
      </c>
      <c r="BP11" s="259">
        <v>87</v>
      </c>
      <c r="BQ11" s="253">
        <v>3</v>
      </c>
      <c r="BR11" s="257">
        <v>5</v>
      </c>
      <c r="BS11" s="254">
        <v>8</v>
      </c>
      <c r="BT11" s="256">
        <v>0</v>
      </c>
      <c r="BU11" s="257">
        <v>13</v>
      </c>
      <c r="BV11" s="257">
        <v>8</v>
      </c>
      <c r="BW11" s="257">
        <v>12</v>
      </c>
      <c r="BX11" s="257">
        <v>4</v>
      </c>
      <c r="BY11" s="257">
        <v>3</v>
      </c>
      <c r="BZ11" s="254">
        <v>40</v>
      </c>
      <c r="CA11" s="259">
        <v>48</v>
      </c>
      <c r="CB11" s="253">
        <v>0</v>
      </c>
      <c r="CC11" s="257">
        <v>0</v>
      </c>
      <c r="CD11" s="254">
        <v>0</v>
      </c>
      <c r="CE11" s="256">
        <v>0</v>
      </c>
      <c r="CF11" s="257">
        <v>4</v>
      </c>
      <c r="CG11" s="257">
        <v>6</v>
      </c>
      <c r="CH11" s="257">
        <v>8</v>
      </c>
      <c r="CI11" s="257">
        <v>4</v>
      </c>
      <c r="CJ11" s="257">
        <v>4</v>
      </c>
      <c r="CK11" s="254">
        <v>26</v>
      </c>
      <c r="CL11" s="259">
        <v>26</v>
      </c>
      <c r="CM11" s="253">
        <v>0</v>
      </c>
      <c r="CN11" s="257">
        <v>0</v>
      </c>
      <c r="CO11" s="254">
        <v>0</v>
      </c>
      <c r="CP11" s="256">
        <v>0</v>
      </c>
      <c r="CQ11" s="257">
        <v>0</v>
      </c>
      <c r="CR11" s="257">
        <v>1</v>
      </c>
      <c r="CS11" s="257">
        <v>1</v>
      </c>
      <c r="CT11" s="257">
        <v>2</v>
      </c>
      <c r="CU11" s="257">
        <v>0</v>
      </c>
      <c r="CV11" s="254">
        <v>4</v>
      </c>
      <c r="CW11" s="259">
        <v>4</v>
      </c>
      <c r="CX11" s="253">
        <v>0</v>
      </c>
      <c r="CY11" s="257">
        <v>0</v>
      </c>
      <c r="CZ11" s="254">
        <v>0</v>
      </c>
      <c r="DA11" s="256">
        <v>0</v>
      </c>
      <c r="DB11" s="257">
        <v>0</v>
      </c>
      <c r="DC11" s="257">
        <v>0</v>
      </c>
      <c r="DD11" s="257">
        <v>0</v>
      </c>
      <c r="DE11" s="257">
        <v>0</v>
      </c>
      <c r="DF11" s="257">
        <v>0</v>
      </c>
      <c r="DG11" s="254">
        <v>0</v>
      </c>
      <c r="DH11" s="259">
        <v>0</v>
      </c>
      <c r="DI11" s="253">
        <v>0</v>
      </c>
      <c r="DJ11" s="257">
        <v>0</v>
      </c>
      <c r="DK11" s="254">
        <v>0</v>
      </c>
      <c r="DL11" s="256">
        <v>0</v>
      </c>
      <c r="DM11" s="257">
        <v>0</v>
      </c>
      <c r="DN11" s="257">
        <v>0</v>
      </c>
      <c r="DO11" s="257">
        <v>0</v>
      </c>
      <c r="DP11" s="257">
        <v>0</v>
      </c>
      <c r="DQ11" s="257">
        <v>0</v>
      </c>
      <c r="DR11" s="254">
        <v>0</v>
      </c>
      <c r="DS11" s="259">
        <v>0</v>
      </c>
      <c r="DT11" s="253">
        <v>17</v>
      </c>
      <c r="DU11" s="257">
        <v>18</v>
      </c>
      <c r="DV11" s="254">
        <v>35</v>
      </c>
      <c r="DW11" s="256">
        <v>0</v>
      </c>
      <c r="DX11" s="257">
        <v>65</v>
      </c>
      <c r="DY11" s="257">
        <v>69</v>
      </c>
      <c r="DZ11" s="257">
        <v>37</v>
      </c>
      <c r="EA11" s="257">
        <v>28</v>
      </c>
      <c r="EB11" s="257">
        <v>16</v>
      </c>
      <c r="EC11" s="254">
        <v>215</v>
      </c>
      <c r="ED11" s="259">
        <v>250</v>
      </c>
      <c r="EE11" s="253">
        <v>8</v>
      </c>
      <c r="EF11" s="257">
        <v>2</v>
      </c>
      <c r="EG11" s="254">
        <v>10</v>
      </c>
      <c r="EH11" s="256">
        <v>0</v>
      </c>
      <c r="EI11" s="257">
        <v>15</v>
      </c>
      <c r="EJ11" s="257">
        <v>10</v>
      </c>
      <c r="EK11" s="257">
        <v>11</v>
      </c>
      <c r="EL11" s="257">
        <v>10</v>
      </c>
      <c r="EM11" s="257">
        <v>5</v>
      </c>
      <c r="EN11" s="254">
        <v>51</v>
      </c>
      <c r="EO11" s="259">
        <v>61</v>
      </c>
      <c r="EP11" s="253">
        <v>25</v>
      </c>
      <c r="EQ11" s="257">
        <v>23</v>
      </c>
      <c r="ER11" s="254">
        <v>48</v>
      </c>
      <c r="ES11" s="256">
        <v>0</v>
      </c>
      <c r="ET11" s="257">
        <v>117</v>
      </c>
      <c r="EU11" s="257">
        <v>89</v>
      </c>
      <c r="EV11" s="257">
        <v>42</v>
      </c>
      <c r="EW11" s="257">
        <v>28</v>
      </c>
      <c r="EX11" s="257">
        <v>16</v>
      </c>
      <c r="EY11" s="254">
        <v>292</v>
      </c>
      <c r="EZ11" s="259">
        <v>340</v>
      </c>
    </row>
    <row r="12" spans="2:156" ht="21" customHeight="1" x14ac:dyDescent="0.2">
      <c r="B12" s="437" t="s">
        <v>9</v>
      </c>
      <c r="C12" s="253">
        <v>0</v>
      </c>
      <c r="D12" s="257">
        <v>0</v>
      </c>
      <c r="E12" s="340">
        <v>0</v>
      </c>
      <c r="F12" s="256">
        <v>0</v>
      </c>
      <c r="G12" s="257">
        <v>64</v>
      </c>
      <c r="H12" s="257">
        <v>50</v>
      </c>
      <c r="I12" s="257">
        <v>30</v>
      </c>
      <c r="J12" s="257">
        <v>38</v>
      </c>
      <c r="K12" s="257">
        <v>23</v>
      </c>
      <c r="L12" s="258">
        <v>205</v>
      </c>
      <c r="M12" s="259">
        <v>205</v>
      </c>
      <c r="N12" s="253">
        <v>0</v>
      </c>
      <c r="O12" s="257">
        <v>0</v>
      </c>
      <c r="P12" s="254">
        <v>0</v>
      </c>
      <c r="Q12" s="256">
        <v>0</v>
      </c>
      <c r="R12" s="257">
        <v>1</v>
      </c>
      <c r="S12" s="257">
        <v>0</v>
      </c>
      <c r="T12" s="257">
        <v>1</v>
      </c>
      <c r="U12" s="257">
        <v>8</v>
      </c>
      <c r="V12" s="257">
        <v>9</v>
      </c>
      <c r="W12" s="254">
        <v>19</v>
      </c>
      <c r="X12" s="259">
        <v>19</v>
      </c>
      <c r="Y12" s="253">
        <v>13</v>
      </c>
      <c r="Z12" s="257">
        <v>16</v>
      </c>
      <c r="AA12" s="254">
        <v>29</v>
      </c>
      <c r="AB12" s="256">
        <v>0</v>
      </c>
      <c r="AC12" s="257">
        <v>58</v>
      </c>
      <c r="AD12" s="257">
        <v>44</v>
      </c>
      <c r="AE12" s="257">
        <v>32</v>
      </c>
      <c r="AF12" s="257">
        <v>20</v>
      </c>
      <c r="AG12" s="257">
        <v>20</v>
      </c>
      <c r="AH12" s="254">
        <v>174</v>
      </c>
      <c r="AI12" s="259">
        <v>203</v>
      </c>
      <c r="AJ12" s="253">
        <v>1</v>
      </c>
      <c r="AK12" s="257">
        <v>3</v>
      </c>
      <c r="AL12" s="254">
        <v>4</v>
      </c>
      <c r="AM12" s="256">
        <v>0</v>
      </c>
      <c r="AN12" s="257">
        <v>4</v>
      </c>
      <c r="AO12" s="257">
        <v>9</v>
      </c>
      <c r="AP12" s="257">
        <v>9</v>
      </c>
      <c r="AQ12" s="257">
        <v>7</v>
      </c>
      <c r="AR12" s="257">
        <v>3</v>
      </c>
      <c r="AS12" s="254">
        <v>32</v>
      </c>
      <c r="AT12" s="259">
        <v>36</v>
      </c>
      <c r="AU12" s="253">
        <v>19</v>
      </c>
      <c r="AV12" s="257">
        <v>8</v>
      </c>
      <c r="AW12" s="254">
        <v>27</v>
      </c>
      <c r="AX12" s="256">
        <v>0</v>
      </c>
      <c r="AY12" s="257">
        <v>57</v>
      </c>
      <c r="AZ12" s="257">
        <v>66</v>
      </c>
      <c r="BA12" s="257">
        <v>72</v>
      </c>
      <c r="BB12" s="257">
        <v>64</v>
      </c>
      <c r="BC12" s="257">
        <v>37</v>
      </c>
      <c r="BD12" s="258">
        <v>296</v>
      </c>
      <c r="BE12" s="259">
        <v>323</v>
      </c>
      <c r="BF12" s="253">
        <v>0</v>
      </c>
      <c r="BG12" s="257">
        <v>0</v>
      </c>
      <c r="BH12" s="254">
        <v>0</v>
      </c>
      <c r="BI12" s="256">
        <v>0</v>
      </c>
      <c r="BJ12" s="257">
        <v>65</v>
      </c>
      <c r="BK12" s="257">
        <v>35</v>
      </c>
      <c r="BL12" s="257">
        <v>21</v>
      </c>
      <c r="BM12" s="257">
        <v>14</v>
      </c>
      <c r="BN12" s="257">
        <v>3</v>
      </c>
      <c r="BO12" s="254">
        <v>138</v>
      </c>
      <c r="BP12" s="259">
        <v>138</v>
      </c>
      <c r="BQ12" s="253">
        <v>6</v>
      </c>
      <c r="BR12" s="257">
        <v>9</v>
      </c>
      <c r="BS12" s="254">
        <v>15</v>
      </c>
      <c r="BT12" s="256">
        <v>0</v>
      </c>
      <c r="BU12" s="257">
        <v>22</v>
      </c>
      <c r="BV12" s="257">
        <v>21</v>
      </c>
      <c r="BW12" s="257">
        <v>10</v>
      </c>
      <c r="BX12" s="257">
        <v>8</v>
      </c>
      <c r="BY12" s="257">
        <v>2</v>
      </c>
      <c r="BZ12" s="254">
        <v>63</v>
      </c>
      <c r="CA12" s="259">
        <v>78</v>
      </c>
      <c r="CB12" s="253">
        <v>0</v>
      </c>
      <c r="CC12" s="257">
        <v>0</v>
      </c>
      <c r="CD12" s="254">
        <v>0</v>
      </c>
      <c r="CE12" s="256">
        <v>0</v>
      </c>
      <c r="CF12" s="257">
        <v>11</v>
      </c>
      <c r="CG12" s="257">
        <v>8</v>
      </c>
      <c r="CH12" s="257">
        <v>10</v>
      </c>
      <c r="CI12" s="257">
        <v>7</v>
      </c>
      <c r="CJ12" s="257">
        <v>4</v>
      </c>
      <c r="CK12" s="254">
        <v>40</v>
      </c>
      <c r="CL12" s="259">
        <v>40</v>
      </c>
      <c r="CM12" s="253">
        <v>0</v>
      </c>
      <c r="CN12" s="257">
        <v>0</v>
      </c>
      <c r="CO12" s="254">
        <v>0</v>
      </c>
      <c r="CP12" s="256">
        <v>0</v>
      </c>
      <c r="CQ12" s="257">
        <v>2</v>
      </c>
      <c r="CR12" s="257">
        <v>1</v>
      </c>
      <c r="CS12" s="257">
        <v>8</v>
      </c>
      <c r="CT12" s="257">
        <v>1</v>
      </c>
      <c r="CU12" s="257">
        <v>0</v>
      </c>
      <c r="CV12" s="254">
        <v>12</v>
      </c>
      <c r="CW12" s="259">
        <v>12</v>
      </c>
      <c r="CX12" s="253">
        <v>0</v>
      </c>
      <c r="CY12" s="257">
        <v>0</v>
      </c>
      <c r="CZ12" s="254">
        <v>0</v>
      </c>
      <c r="DA12" s="256">
        <v>0</v>
      </c>
      <c r="DB12" s="257">
        <v>0</v>
      </c>
      <c r="DC12" s="257">
        <v>0</v>
      </c>
      <c r="DD12" s="257">
        <v>0</v>
      </c>
      <c r="DE12" s="257">
        <v>0</v>
      </c>
      <c r="DF12" s="257">
        <v>0</v>
      </c>
      <c r="DG12" s="254">
        <v>0</v>
      </c>
      <c r="DH12" s="259">
        <v>0</v>
      </c>
      <c r="DI12" s="253">
        <v>0</v>
      </c>
      <c r="DJ12" s="257">
        <v>0</v>
      </c>
      <c r="DK12" s="254">
        <v>0</v>
      </c>
      <c r="DL12" s="256">
        <v>0</v>
      </c>
      <c r="DM12" s="257">
        <v>0</v>
      </c>
      <c r="DN12" s="257">
        <v>0</v>
      </c>
      <c r="DO12" s="257">
        <v>0</v>
      </c>
      <c r="DP12" s="257">
        <v>0</v>
      </c>
      <c r="DQ12" s="257">
        <v>0</v>
      </c>
      <c r="DR12" s="254">
        <v>0</v>
      </c>
      <c r="DS12" s="259">
        <v>0</v>
      </c>
      <c r="DT12" s="253">
        <v>25</v>
      </c>
      <c r="DU12" s="257">
        <v>39</v>
      </c>
      <c r="DV12" s="254">
        <v>64</v>
      </c>
      <c r="DW12" s="256">
        <v>0</v>
      </c>
      <c r="DX12" s="257">
        <v>97</v>
      </c>
      <c r="DY12" s="257">
        <v>93</v>
      </c>
      <c r="DZ12" s="257">
        <v>63</v>
      </c>
      <c r="EA12" s="257">
        <v>47</v>
      </c>
      <c r="EB12" s="257">
        <v>32</v>
      </c>
      <c r="EC12" s="254">
        <v>332</v>
      </c>
      <c r="ED12" s="259">
        <v>396</v>
      </c>
      <c r="EE12" s="253">
        <v>14</v>
      </c>
      <c r="EF12" s="257">
        <v>7</v>
      </c>
      <c r="EG12" s="254">
        <v>21</v>
      </c>
      <c r="EH12" s="256">
        <v>0</v>
      </c>
      <c r="EI12" s="257">
        <v>25</v>
      </c>
      <c r="EJ12" s="257">
        <v>28</v>
      </c>
      <c r="EK12" s="257">
        <v>30</v>
      </c>
      <c r="EL12" s="257">
        <v>21</v>
      </c>
      <c r="EM12" s="257">
        <v>12</v>
      </c>
      <c r="EN12" s="254">
        <v>116</v>
      </c>
      <c r="EO12" s="259">
        <v>137</v>
      </c>
      <c r="EP12" s="253">
        <v>42</v>
      </c>
      <c r="EQ12" s="257">
        <v>55</v>
      </c>
      <c r="ER12" s="254">
        <v>97</v>
      </c>
      <c r="ES12" s="256">
        <v>0</v>
      </c>
      <c r="ET12" s="257">
        <v>208</v>
      </c>
      <c r="EU12" s="257">
        <v>136</v>
      </c>
      <c r="EV12" s="257">
        <v>77</v>
      </c>
      <c r="EW12" s="257">
        <v>58</v>
      </c>
      <c r="EX12" s="257">
        <v>34</v>
      </c>
      <c r="EY12" s="254">
        <v>513</v>
      </c>
      <c r="EZ12" s="259">
        <v>610</v>
      </c>
    </row>
    <row r="13" spans="2:156" ht="21" customHeight="1" x14ac:dyDescent="0.2">
      <c r="B13" s="437" t="s">
        <v>10</v>
      </c>
      <c r="C13" s="253">
        <v>0</v>
      </c>
      <c r="D13" s="257">
        <v>0</v>
      </c>
      <c r="E13" s="340">
        <v>0</v>
      </c>
      <c r="F13" s="256">
        <v>0</v>
      </c>
      <c r="G13" s="257">
        <v>86</v>
      </c>
      <c r="H13" s="257">
        <v>52</v>
      </c>
      <c r="I13" s="257">
        <v>40</v>
      </c>
      <c r="J13" s="257">
        <v>27</v>
      </c>
      <c r="K13" s="257">
        <v>20</v>
      </c>
      <c r="L13" s="258">
        <v>225</v>
      </c>
      <c r="M13" s="259">
        <v>225</v>
      </c>
      <c r="N13" s="253">
        <v>0</v>
      </c>
      <c r="O13" s="257">
        <v>0</v>
      </c>
      <c r="P13" s="254">
        <v>0</v>
      </c>
      <c r="Q13" s="256">
        <v>0</v>
      </c>
      <c r="R13" s="257">
        <v>1</v>
      </c>
      <c r="S13" s="257">
        <v>3</v>
      </c>
      <c r="T13" s="257">
        <v>2</v>
      </c>
      <c r="U13" s="257">
        <v>4</v>
      </c>
      <c r="V13" s="257">
        <v>3</v>
      </c>
      <c r="W13" s="254">
        <v>13</v>
      </c>
      <c r="X13" s="259">
        <v>13</v>
      </c>
      <c r="Y13" s="253">
        <v>17</v>
      </c>
      <c r="Z13" s="257">
        <v>22</v>
      </c>
      <c r="AA13" s="254">
        <v>39</v>
      </c>
      <c r="AB13" s="256">
        <v>0</v>
      </c>
      <c r="AC13" s="257">
        <v>66</v>
      </c>
      <c r="AD13" s="257">
        <v>52</v>
      </c>
      <c r="AE13" s="257">
        <v>22</v>
      </c>
      <c r="AF13" s="257">
        <v>17</v>
      </c>
      <c r="AG13" s="257">
        <v>11</v>
      </c>
      <c r="AH13" s="254">
        <v>168</v>
      </c>
      <c r="AI13" s="259">
        <v>207</v>
      </c>
      <c r="AJ13" s="253">
        <v>1</v>
      </c>
      <c r="AK13" s="257">
        <v>2</v>
      </c>
      <c r="AL13" s="254">
        <v>3</v>
      </c>
      <c r="AM13" s="256">
        <v>0</v>
      </c>
      <c r="AN13" s="257">
        <v>10</v>
      </c>
      <c r="AO13" s="257">
        <v>12</v>
      </c>
      <c r="AP13" s="257">
        <v>3</v>
      </c>
      <c r="AQ13" s="257">
        <v>1</v>
      </c>
      <c r="AR13" s="257">
        <v>3</v>
      </c>
      <c r="AS13" s="254">
        <v>29</v>
      </c>
      <c r="AT13" s="259">
        <v>32</v>
      </c>
      <c r="AU13" s="253">
        <v>21</v>
      </c>
      <c r="AV13" s="257">
        <v>21</v>
      </c>
      <c r="AW13" s="254">
        <v>42</v>
      </c>
      <c r="AX13" s="256">
        <v>0</v>
      </c>
      <c r="AY13" s="257">
        <v>94</v>
      </c>
      <c r="AZ13" s="257">
        <v>89</v>
      </c>
      <c r="BA13" s="257">
        <v>75</v>
      </c>
      <c r="BB13" s="257">
        <v>69</v>
      </c>
      <c r="BC13" s="257">
        <v>68</v>
      </c>
      <c r="BD13" s="258">
        <v>395</v>
      </c>
      <c r="BE13" s="259">
        <v>437</v>
      </c>
      <c r="BF13" s="253">
        <v>0</v>
      </c>
      <c r="BG13" s="257">
        <v>0</v>
      </c>
      <c r="BH13" s="254">
        <v>0</v>
      </c>
      <c r="BI13" s="256">
        <v>0</v>
      </c>
      <c r="BJ13" s="257">
        <v>118</v>
      </c>
      <c r="BK13" s="257">
        <v>76</v>
      </c>
      <c r="BL13" s="257">
        <v>37</v>
      </c>
      <c r="BM13" s="257">
        <v>14</v>
      </c>
      <c r="BN13" s="257">
        <v>5</v>
      </c>
      <c r="BO13" s="254">
        <v>250</v>
      </c>
      <c r="BP13" s="259">
        <v>250</v>
      </c>
      <c r="BQ13" s="253">
        <v>3</v>
      </c>
      <c r="BR13" s="257">
        <v>7</v>
      </c>
      <c r="BS13" s="254">
        <v>10</v>
      </c>
      <c r="BT13" s="256">
        <v>0</v>
      </c>
      <c r="BU13" s="257">
        <v>27</v>
      </c>
      <c r="BV13" s="257">
        <v>19</v>
      </c>
      <c r="BW13" s="257">
        <v>8</v>
      </c>
      <c r="BX13" s="257">
        <v>2</v>
      </c>
      <c r="BY13" s="257">
        <v>1</v>
      </c>
      <c r="BZ13" s="254">
        <v>57</v>
      </c>
      <c r="CA13" s="259">
        <v>67</v>
      </c>
      <c r="CB13" s="253">
        <v>0</v>
      </c>
      <c r="CC13" s="257">
        <v>2</v>
      </c>
      <c r="CD13" s="254">
        <v>2</v>
      </c>
      <c r="CE13" s="256">
        <v>0</v>
      </c>
      <c r="CF13" s="257">
        <v>15</v>
      </c>
      <c r="CG13" s="257">
        <v>9</v>
      </c>
      <c r="CH13" s="257">
        <v>13</v>
      </c>
      <c r="CI13" s="257">
        <v>9</v>
      </c>
      <c r="CJ13" s="257">
        <v>1</v>
      </c>
      <c r="CK13" s="254">
        <v>47</v>
      </c>
      <c r="CL13" s="259">
        <v>49</v>
      </c>
      <c r="CM13" s="253">
        <v>0</v>
      </c>
      <c r="CN13" s="257">
        <v>0</v>
      </c>
      <c r="CO13" s="254">
        <v>0</v>
      </c>
      <c r="CP13" s="256">
        <v>0</v>
      </c>
      <c r="CQ13" s="257">
        <v>2</v>
      </c>
      <c r="CR13" s="257">
        <v>1</v>
      </c>
      <c r="CS13" s="257">
        <v>0</v>
      </c>
      <c r="CT13" s="257">
        <v>0</v>
      </c>
      <c r="CU13" s="257">
        <v>1</v>
      </c>
      <c r="CV13" s="254">
        <v>4</v>
      </c>
      <c r="CW13" s="259">
        <v>4</v>
      </c>
      <c r="CX13" s="253">
        <v>0</v>
      </c>
      <c r="CY13" s="257">
        <v>0</v>
      </c>
      <c r="CZ13" s="254">
        <v>0</v>
      </c>
      <c r="DA13" s="256">
        <v>0</v>
      </c>
      <c r="DB13" s="257">
        <v>0</v>
      </c>
      <c r="DC13" s="257">
        <v>0</v>
      </c>
      <c r="DD13" s="257">
        <v>0</v>
      </c>
      <c r="DE13" s="257">
        <v>0</v>
      </c>
      <c r="DF13" s="257">
        <v>0</v>
      </c>
      <c r="DG13" s="254">
        <v>0</v>
      </c>
      <c r="DH13" s="259">
        <v>0</v>
      </c>
      <c r="DI13" s="253">
        <v>0</v>
      </c>
      <c r="DJ13" s="257">
        <v>0</v>
      </c>
      <c r="DK13" s="254">
        <v>0</v>
      </c>
      <c r="DL13" s="256">
        <v>0</v>
      </c>
      <c r="DM13" s="257">
        <v>0</v>
      </c>
      <c r="DN13" s="257">
        <v>0</v>
      </c>
      <c r="DO13" s="257">
        <v>0</v>
      </c>
      <c r="DP13" s="257">
        <v>0</v>
      </c>
      <c r="DQ13" s="257">
        <v>0</v>
      </c>
      <c r="DR13" s="254">
        <v>0</v>
      </c>
      <c r="DS13" s="259">
        <v>0</v>
      </c>
      <c r="DT13" s="253">
        <v>60</v>
      </c>
      <c r="DU13" s="257">
        <v>91</v>
      </c>
      <c r="DV13" s="254">
        <v>151</v>
      </c>
      <c r="DW13" s="256">
        <v>0</v>
      </c>
      <c r="DX13" s="257">
        <v>131</v>
      </c>
      <c r="DY13" s="257">
        <v>124</v>
      </c>
      <c r="DZ13" s="257">
        <v>61</v>
      </c>
      <c r="EA13" s="257">
        <v>43</v>
      </c>
      <c r="EB13" s="257">
        <v>26</v>
      </c>
      <c r="EC13" s="254">
        <v>385</v>
      </c>
      <c r="ED13" s="259">
        <v>536</v>
      </c>
      <c r="EE13" s="253">
        <v>11</v>
      </c>
      <c r="EF13" s="257">
        <v>10</v>
      </c>
      <c r="EG13" s="254">
        <v>21</v>
      </c>
      <c r="EH13" s="256">
        <v>0</v>
      </c>
      <c r="EI13" s="257">
        <v>30</v>
      </c>
      <c r="EJ13" s="257">
        <v>30</v>
      </c>
      <c r="EK13" s="257">
        <v>24</v>
      </c>
      <c r="EL13" s="257">
        <v>34</v>
      </c>
      <c r="EM13" s="257">
        <v>36</v>
      </c>
      <c r="EN13" s="254">
        <v>154</v>
      </c>
      <c r="EO13" s="259">
        <v>175</v>
      </c>
      <c r="EP13" s="253">
        <v>75</v>
      </c>
      <c r="EQ13" s="257">
        <v>103</v>
      </c>
      <c r="ER13" s="254">
        <v>178</v>
      </c>
      <c r="ES13" s="256">
        <v>0</v>
      </c>
      <c r="ET13" s="257">
        <v>268</v>
      </c>
      <c r="EU13" s="257">
        <v>163</v>
      </c>
      <c r="EV13" s="257">
        <v>84</v>
      </c>
      <c r="EW13" s="257">
        <v>49</v>
      </c>
      <c r="EX13" s="257">
        <v>27</v>
      </c>
      <c r="EY13" s="254">
        <v>591</v>
      </c>
      <c r="EZ13" s="259">
        <v>769</v>
      </c>
    </row>
    <row r="14" spans="2:156" ht="21" customHeight="1" x14ac:dyDescent="0.2">
      <c r="B14" s="437" t="s">
        <v>11</v>
      </c>
      <c r="C14" s="253">
        <v>0</v>
      </c>
      <c r="D14" s="257">
        <v>0</v>
      </c>
      <c r="E14" s="340">
        <v>0</v>
      </c>
      <c r="F14" s="256">
        <v>0</v>
      </c>
      <c r="G14" s="257">
        <v>11</v>
      </c>
      <c r="H14" s="257">
        <v>8</v>
      </c>
      <c r="I14" s="257">
        <v>7</v>
      </c>
      <c r="J14" s="257">
        <v>13</v>
      </c>
      <c r="K14" s="257">
        <v>2</v>
      </c>
      <c r="L14" s="258">
        <v>41</v>
      </c>
      <c r="M14" s="259">
        <v>41</v>
      </c>
      <c r="N14" s="253">
        <v>0</v>
      </c>
      <c r="O14" s="257">
        <v>0</v>
      </c>
      <c r="P14" s="254">
        <v>0</v>
      </c>
      <c r="Q14" s="256">
        <v>0</v>
      </c>
      <c r="R14" s="257">
        <v>0</v>
      </c>
      <c r="S14" s="257">
        <v>0</v>
      </c>
      <c r="T14" s="257">
        <v>1</v>
      </c>
      <c r="U14" s="257">
        <v>3</v>
      </c>
      <c r="V14" s="257">
        <v>2</v>
      </c>
      <c r="W14" s="254">
        <v>6</v>
      </c>
      <c r="X14" s="259">
        <v>6</v>
      </c>
      <c r="Y14" s="253">
        <v>4</v>
      </c>
      <c r="Z14" s="257">
        <v>1</v>
      </c>
      <c r="AA14" s="254">
        <v>5</v>
      </c>
      <c r="AB14" s="256">
        <v>0</v>
      </c>
      <c r="AC14" s="257">
        <v>25</v>
      </c>
      <c r="AD14" s="257">
        <v>13</v>
      </c>
      <c r="AE14" s="257">
        <v>8</v>
      </c>
      <c r="AF14" s="257">
        <v>15</v>
      </c>
      <c r="AG14" s="257">
        <v>3</v>
      </c>
      <c r="AH14" s="254">
        <v>64</v>
      </c>
      <c r="AI14" s="259">
        <v>69</v>
      </c>
      <c r="AJ14" s="253">
        <v>0</v>
      </c>
      <c r="AK14" s="257">
        <v>0</v>
      </c>
      <c r="AL14" s="254">
        <v>0</v>
      </c>
      <c r="AM14" s="256">
        <v>0</v>
      </c>
      <c r="AN14" s="257">
        <v>2</v>
      </c>
      <c r="AO14" s="257">
        <v>4</v>
      </c>
      <c r="AP14" s="257">
        <v>0</v>
      </c>
      <c r="AQ14" s="257">
        <v>1</v>
      </c>
      <c r="AR14" s="257">
        <v>1</v>
      </c>
      <c r="AS14" s="254">
        <v>8</v>
      </c>
      <c r="AT14" s="259">
        <v>8</v>
      </c>
      <c r="AU14" s="253">
        <v>3</v>
      </c>
      <c r="AV14" s="257">
        <v>1</v>
      </c>
      <c r="AW14" s="254">
        <v>4</v>
      </c>
      <c r="AX14" s="256">
        <v>0</v>
      </c>
      <c r="AY14" s="257">
        <v>20</v>
      </c>
      <c r="AZ14" s="257">
        <v>19</v>
      </c>
      <c r="BA14" s="257">
        <v>18</v>
      </c>
      <c r="BB14" s="257">
        <v>27</v>
      </c>
      <c r="BC14" s="257">
        <v>10</v>
      </c>
      <c r="BD14" s="258">
        <v>94</v>
      </c>
      <c r="BE14" s="259">
        <v>98</v>
      </c>
      <c r="BF14" s="253">
        <v>0</v>
      </c>
      <c r="BG14" s="257">
        <v>0</v>
      </c>
      <c r="BH14" s="254">
        <v>0</v>
      </c>
      <c r="BI14" s="256">
        <v>0</v>
      </c>
      <c r="BJ14" s="257">
        <v>20</v>
      </c>
      <c r="BK14" s="257">
        <v>14</v>
      </c>
      <c r="BL14" s="257">
        <v>11</v>
      </c>
      <c r="BM14" s="257">
        <v>9</v>
      </c>
      <c r="BN14" s="257">
        <v>3</v>
      </c>
      <c r="BO14" s="254">
        <v>57</v>
      </c>
      <c r="BP14" s="259">
        <v>57</v>
      </c>
      <c r="BQ14" s="253">
        <v>0</v>
      </c>
      <c r="BR14" s="257">
        <v>3</v>
      </c>
      <c r="BS14" s="254">
        <v>3</v>
      </c>
      <c r="BT14" s="256">
        <v>0</v>
      </c>
      <c r="BU14" s="257">
        <v>11</v>
      </c>
      <c r="BV14" s="257">
        <v>5</v>
      </c>
      <c r="BW14" s="257">
        <v>11</v>
      </c>
      <c r="BX14" s="257">
        <v>2</v>
      </c>
      <c r="BY14" s="257">
        <v>1</v>
      </c>
      <c r="BZ14" s="254">
        <v>30</v>
      </c>
      <c r="CA14" s="259">
        <v>33</v>
      </c>
      <c r="CB14" s="253">
        <v>0</v>
      </c>
      <c r="CC14" s="257">
        <v>0</v>
      </c>
      <c r="CD14" s="254">
        <v>0</v>
      </c>
      <c r="CE14" s="256">
        <v>0</v>
      </c>
      <c r="CF14" s="257">
        <v>4</v>
      </c>
      <c r="CG14" s="257">
        <v>2</v>
      </c>
      <c r="CH14" s="257">
        <v>3</v>
      </c>
      <c r="CI14" s="257">
        <v>2</v>
      </c>
      <c r="CJ14" s="257">
        <v>2</v>
      </c>
      <c r="CK14" s="254">
        <v>13</v>
      </c>
      <c r="CL14" s="259">
        <v>13</v>
      </c>
      <c r="CM14" s="253">
        <v>0</v>
      </c>
      <c r="CN14" s="257">
        <v>0</v>
      </c>
      <c r="CO14" s="254">
        <v>0</v>
      </c>
      <c r="CP14" s="256">
        <v>0</v>
      </c>
      <c r="CQ14" s="257">
        <v>0</v>
      </c>
      <c r="CR14" s="257">
        <v>0</v>
      </c>
      <c r="CS14" s="257">
        <v>1</v>
      </c>
      <c r="CT14" s="257">
        <v>0</v>
      </c>
      <c r="CU14" s="257">
        <v>2</v>
      </c>
      <c r="CV14" s="254">
        <v>3</v>
      </c>
      <c r="CW14" s="259">
        <v>3</v>
      </c>
      <c r="CX14" s="253">
        <v>0</v>
      </c>
      <c r="CY14" s="257">
        <v>0</v>
      </c>
      <c r="CZ14" s="254">
        <v>0</v>
      </c>
      <c r="DA14" s="256">
        <v>0</v>
      </c>
      <c r="DB14" s="257">
        <v>0</v>
      </c>
      <c r="DC14" s="257">
        <v>0</v>
      </c>
      <c r="DD14" s="257">
        <v>0</v>
      </c>
      <c r="DE14" s="257">
        <v>0</v>
      </c>
      <c r="DF14" s="257">
        <v>0</v>
      </c>
      <c r="DG14" s="254">
        <v>0</v>
      </c>
      <c r="DH14" s="259">
        <v>0</v>
      </c>
      <c r="DI14" s="253">
        <v>0</v>
      </c>
      <c r="DJ14" s="257">
        <v>0</v>
      </c>
      <c r="DK14" s="254">
        <v>0</v>
      </c>
      <c r="DL14" s="256">
        <v>0</v>
      </c>
      <c r="DM14" s="257">
        <v>0</v>
      </c>
      <c r="DN14" s="257">
        <v>0</v>
      </c>
      <c r="DO14" s="257">
        <v>0</v>
      </c>
      <c r="DP14" s="257">
        <v>0</v>
      </c>
      <c r="DQ14" s="257">
        <v>0</v>
      </c>
      <c r="DR14" s="254">
        <v>0</v>
      </c>
      <c r="DS14" s="259">
        <v>0</v>
      </c>
      <c r="DT14" s="253">
        <v>16</v>
      </c>
      <c r="DU14" s="257">
        <v>16</v>
      </c>
      <c r="DV14" s="254">
        <v>32</v>
      </c>
      <c r="DW14" s="256">
        <v>0</v>
      </c>
      <c r="DX14" s="257">
        <v>49</v>
      </c>
      <c r="DY14" s="257">
        <v>31</v>
      </c>
      <c r="DZ14" s="257">
        <v>28</v>
      </c>
      <c r="EA14" s="257">
        <v>27</v>
      </c>
      <c r="EB14" s="257">
        <v>7</v>
      </c>
      <c r="EC14" s="254">
        <v>142</v>
      </c>
      <c r="ED14" s="259">
        <v>174</v>
      </c>
      <c r="EE14" s="253">
        <v>3</v>
      </c>
      <c r="EF14" s="257">
        <v>1</v>
      </c>
      <c r="EG14" s="254">
        <v>4</v>
      </c>
      <c r="EH14" s="256">
        <v>0</v>
      </c>
      <c r="EI14" s="257">
        <v>18</v>
      </c>
      <c r="EJ14" s="257">
        <v>11</v>
      </c>
      <c r="EK14" s="257">
        <v>8</v>
      </c>
      <c r="EL14" s="257">
        <v>16</v>
      </c>
      <c r="EM14" s="257">
        <v>6</v>
      </c>
      <c r="EN14" s="254">
        <v>59</v>
      </c>
      <c r="EO14" s="259">
        <v>63</v>
      </c>
      <c r="EP14" s="253">
        <v>21</v>
      </c>
      <c r="EQ14" s="257">
        <v>21</v>
      </c>
      <c r="ER14" s="254">
        <v>42</v>
      </c>
      <c r="ES14" s="256">
        <v>0</v>
      </c>
      <c r="ET14" s="257">
        <v>94</v>
      </c>
      <c r="EU14" s="257">
        <v>40</v>
      </c>
      <c r="EV14" s="257">
        <v>33</v>
      </c>
      <c r="EW14" s="257">
        <v>31</v>
      </c>
      <c r="EX14" s="257">
        <v>8</v>
      </c>
      <c r="EY14" s="254">
        <v>206</v>
      </c>
      <c r="EZ14" s="259">
        <v>248</v>
      </c>
    </row>
    <row r="15" spans="2:156" ht="21" customHeight="1" x14ac:dyDescent="0.2">
      <c r="B15" s="437" t="s">
        <v>12</v>
      </c>
      <c r="C15" s="253">
        <v>0</v>
      </c>
      <c r="D15" s="257">
        <v>0</v>
      </c>
      <c r="E15" s="340">
        <v>0</v>
      </c>
      <c r="F15" s="256">
        <v>0</v>
      </c>
      <c r="G15" s="257">
        <v>38</v>
      </c>
      <c r="H15" s="257">
        <v>27</v>
      </c>
      <c r="I15" s="257">
        <v>21</v>
      </c>
      <c r="J15" s="257">
        <v>13</v>
      </c>
      <c r="K15" s="257">
        <v>19</v>
      </c>
      <c r="L15" s="258">
        <v>118</v>
      </c>
      <c r="M15" s="259">
        <v>118</v>
      </c>
      <c r="N15" s="253">
        <v>0</v>
      </c>
      <c r="O15" s="257">
        <v>0</v>
      </c>
      <c r="P15" s="254">
        <v>0</v>
      </c>
      <c r="Q15" s="256">
        <v>0</v>
      </c>
      <c r="R15" s="257">
        <v>0</v>
      </c>
      <c r="S15" s="257">
        <v>2</v>
      </c>
      <c r="T15" s="257">
        <v>1</v>
      </c>
      <c r="U15" s="257">
        <v>4</v>
      </c>
      <c r="V15" s="257">
        <v>6</v>
      </c>
      <c r="W15" s="254">
        <v>13</v>
      </c>
      <c r="X15" s="259">
        <v>13</v>
      </c>
      <c r="Y15" s="253">
        <v>10</v>
      </c>
      <c r="Z15" s="257">
        <v>30</v>
      </c>
      <c r="AA15" s="254">
        <v>40</v>
      </c>
      <c r="AB15" s="256">
        <v>0</v>
      </c>
      <c r="AC15" s="257">
        <v>24</v>
      </c>
      <c r="AD15" s="257">
        <v>22</v>
      </c>
      <c r="AE15" s="257">
        <v>12</v>
      </c>
      <c r="AF15" s="257">
        <v>14</v>
      </c>
      <c r="AG15" s="257">
        <v>15</v>
      </c>
      <c r="AH15" s="254">
        <v>87</v>
      </c>
      <c r="AI15" s="259">
        <v>127</v>
      </c>
      <c r="AJ15" s="253">
        <v>1</v>
      </c>
      <c r="AK15" s="257">
        <v>1</v>
      </c>
      <c r="AL15" s="254">
        <v>2</v>
      </c>
      <c r="AM15" s="256">
        <v>0</v>
      </c>
      <c r="AN15" s="257">
        <v>1</v>
      </c>
      <c r="AO15" s="257">
        <v>3</v>
      </c>
      <c r="AP15" s="257">
        <v>2</v>
      </c>
      <c r="AQ15" s="257">
        <v>2</v>
      </c>
      <c r="AR15" s="257">
        <v>1</v>
      </c>
      <c r="AS15" s="254">
        <v>9</v>
      </c>
      <c r="AT15" s="259">
        <v>11</v>
      </c>
      <c r="AU15" s="253">
        <v>4</v>
      </c>
      <c r="AV15" s="257">
        <v>7</v>
      </c>
      <c r="AW15" s="254">
        <v>11</v>
      </c>
      <c r="AX15" s="256">
        <v>0</v>
      </c>
      <c r="AY15" s="257">
        <v>21</v>
      </c>
      <c r="AZ15" s="257">
        <v>25</v>
      </c>
      <c r="BA15" s="257">
        <v>28</v>
      </c>
      <c r="BB15" s="257">
        <v>24</v>
      </c>
      <c r="BC15" s="257">
        <v>18</v>
      </c>
      <c r="BD15" s="258">
        <v>116</v>
      </c>
      <c r="BE15" s="259">
        <v>127</v>
      </c>
      <c r="BF15" s="253">
        <v>0</v>
      </c>
      <c r="BG15" s="257">
        <v>0</v>
      </c>
      <c r="BH15" s="254">
        <v>0</v>
      </c>
      <c r="BI15" s="256">
        <v>0</v>
      </c>
      <c r="BJ15" s="257">
        <v>38</v>
      </c>
      <c r="BK15" s="257">
        <v>30</v>
      </c>
      <c r="BL15" s="257">
        <v>19</v>
      </c>
      <c r="BM15" s="257">
        <v>11</v>
      </c>
      <c r="BN15" s="257">
        <v>9</v>
      </c>
      <c r="BO15" s="254">
        <v>107</v>
      </c>
      <c r="BP15" s="259">
        <v>107</v>
      </c>
      <c r="BQ15" s="253">
        <v>12</v>
      </c>
      <c r="BR15" s="257">
        <v>7</v>
      </c>
      <c r="BS15" s="254">
        <v>19</v>
      </c>
      <c r="BT15" s="256">
        <v>0</v>
      </c>
      <c r="BU15" s="257">
        <v>11</v>
      </c>
      <c r="BV15" s="257">
        <v>8</v>
      </c>
      <c r="BW15" s="257">
        <v>12</v>
      </c>
      <c r="BX15" s="257">
        <v>5</v>
      </c>
      <c r="BY15" s="257">
        <v>1</v>
      </c>
      <c r="BZ15" s="254">
        <v>37</v>
      </c>
      <c r="CA15" s="259">
        <v>56</v>
      </c>
      <c r="CB15" s="253">
        <v>0</v>
      </c>
      <c r="CC15" s="257">
        <v>1</v>
      </c>
      <c r="CD15" s="254">
        <v>1</v>
      </c>
      <c r="CE15" s="256">
        <v>0</v>
      </c>
      <c r="CF15" s="257">
        <v>5</v>
      </c>
      <c r="CG15" s="257">
        <v>5</v>
      </c>
      <c r="CH15" s="257">
        <v>8</v>
      </c>
      <c r="CI15" s="257">
        <v>7</v>
      </c>
      <c r="CJ15" s="257">
        <v>4</v>
      </c>
      <c r="CK15" s="254">
        <v>29</v>
      </c>
      <c r="CL15" s="259">
        <v>30</v>
      </c>
      <c r="CM15" s="253">
        <v>0</v>
      </c>
      <c r="CN15" s="257">
        <v>0</v>
      </c>
      <c r="CO15" s="254">
        <v>0</v>
      </c>
      <c r="CP15" s="256">
        <v>0</v>
      </c>
      <c r="CQ15" s="257">
        <v>2</v>
      </c>
      <c r="CR15" s="257">
        <v>0</v>
      </c>
      <c r="CS15" s="257">
        <v>1</v>
      </c>
      <c r="CT15" s="257">
        <v>0</v>
      </c>
      <c r="CU15" s="257">
        <v>0</v>
      </c>
      <c r="CV15" s="254">
        <v>3</v>
      </c>
      <c r="CW15" s="259">
        <v>3</v>
      </c>
      <c r="CX15" s="253">
        <v>0</v>
      </c>
      <c r="CY15" s="257">
        <v>0</v>
      </c>
      <c r="CZ15" s="254">
        <v>0</v>
      </c>
      <c r="DA15" s="256">
        <v>0</v>
      </c>
      <c r="DB15" s="257">
        <v>0</v>
      </c>
      <c r="DC15" s="257">
        <v>0</v>
      </c>
      <c r="DD15" s="257">
        <v>0</v>
      </c>
      <c r="DE15" s="257">
        <v>0</v>
      </c>
      <c r="DF15" s="257">
        <v>0</v>
      </c>
      <c r="DG15" s="254">
        <v>0</v>
      </c>
      <c r="DH15" s="259">
        <v>0</v>
      </c>
      <c r="DI15" s="253">
        <v>0</v>
      </c>
      <c r="DJ15" s="257">
        <v>0</v>
      </c>
      <c r="DK15" s="254">
        <v>0</v>
      </c>
      <c r="DL15" s="256">
        <v>0</v>
      </c>
      <c r="DM15" s="257">
        <v>0</v>
      </c>
      <c r="DN15" s="257">
        <v>0</v>
      </c>
      <c r="DO15" s="257">
        <v>0</v>
      </c>
      <c r="DP15" s="257">
        <v>0</v>
      </c>
      <c r="DQ15" s="257">
        <v>0</v>
      </c>
      <c r="DR15" s="254">
        <v>0</v>
      </c>
      <c r="DS15" s="259">
        <v>0</v>
      </c>
      <c r="DT15" s="253">
        <v>23</v>
      </c>
      <c r="DU15" s="257">
        <v>61</v>
      </c>
      <c r="DV15" s="254">
        <v>84</v>
      </c>
      <c r="DW15" s="256">
        <v>0</v>
      </c>
      <c r="DX15" s="257">
        <v>44</v>
      </c>
      <c r="DY15" s="257">
        <v>53</v>
      </c>
      <c r="DZ15" s="257">
        <v>41</v>
      </c>
      <c r="EA15" s="257">
        <v>37</v>
      </c>
      <c r="EB15" s="257">
        <v>23</v>
      </c>
      <c r="EC15" s="254">
        <v>198</v>
      </c>
      <c r="ED15" s="259">
        <v>282</v>
      </c>
      <c r="EE15" s="253">
        <v>4</v>
      </c>
      <c r="EF15" s="257">
        <v>2</v>
      </c>
      <c r="EG15" s="254">
        <v>6</v>
      </c>
      <c r="EH15" s="256">
        <v>0</v>
      </c>
      <c r="EI15" s="257">
        <v>9</v>
      </c>
      <c r="EJ15" s="257">
        <v>14</v>
      </c>
      <c r="EK15" s="257">
        <v>13</v>
      </c>
      <c r="EL15" s="257">
        <v>13</v>
      </c>
      <c r="EM15" s="257">
        <v>5</v>
      </c>
      <c r="EN15" s="254">
        <v>54</v>
      </c>
      <c r="EO15" s="259">
        <v>60</v>
      </c>
      <c r="EP15" s="253">
        <v>44</v>
      </c>
      <c r="EQ15" s="257">
        <v>75</v>
      </c>
      <c r="ER15" s="254">
        <v>119</v>
      </c>
      <c r="ES15" s="256">
        <v>0</v>
      </c>
      <c r="ET15" s="257">
        <v>104</v>
      </c>
      <c r="EU15" s="257">
        <v>74</v>
      </c>
      <c r="EV15" s="257">
        <v>47</v>
      </c>
      <c r="EW15" s="257">
        <v>37</v>
      </c>
      <c r="EX15" s="257">
        <v>27</v>
      </c>
      <c r="EY15" s="254">
        <v>289</v>
      </c>
      <c r="EZ15" s="259">
        <v>408</v>
      </c>
    </row>
    <row r="16" spans="2:156" ht="21" customHeight="1" x14ac:dyDescent="0.2">
      <c r="B16" s="437" t="s">
        <v>13</v>
      </c>
      <c r="C16" s="253">
        <v>0</v>
      </c>
      <c r="D16" s="257">
        <v>0</v>
      </c>
      <c r="E16" s="340">
        <v>0</v>
      </c>
      <c r="F16" s="256">
        <v>0</v>
      </c>
      <c r="G16" s="257">
        <v>27</v>
      </c>
      <c r="H16" s="257">
        <v>23</v>
      </c>
      <c r="I16" s="257">
        <v>13</v>
      </c>
      <c r="J16" s="257">
        <v>8</v>
      </c>
      <c r="K16" s="257">
        <v>13</v>
      </c>
      <c r="L16" s="258">
        <v>84</v>
      </c>
      <c r="M16" s="259">
        <v>84</v>
      </c>
      <c r="N16" s="253">
        <v>0</v>
      </c>
      <c r="O16" s="257">
        <v>0</v>
      </c>
      <c r="P16" s="254">
        <v>0</v>
      </c>
      <c r="Q16" s="256">
        <v>0</v>
      </c>
      <c r="R16" s="257">
        <v>0</v>
      </c>
      <c r="S16" s="257">
        <v>0</v>
      </c>
      <c r="T16" s="257">
        <v>0</v>
      </c>
      <c r="U16" s="257">
        <v>1</v>
      </c>
      <c r="V16" s="257">
        <v>2</v>
      </c>
      <c r="W16" s="254">
        <v>3</v>
      </c>
      <c r="X16" s="259">
        <v>3</v>
      </c>
      <c r="Y16" s="253">
        <v>2</v>
      </c>
      <c r="Z16" s="257">
        <v>5</v>
      </c>
      <c r="AA16" s="254">
        <v>7</v>
      </c>
      <c r="AB16" s="256">
        <v>0</v>
      </c>
      <c r="AC16" s="257">
        <v>19</v>
      </c>
      <c r="AD16" s="257">
        <v>16</v>
      </c>
      <c r="AE16" s="257">
        <v>10</v>
      </c>
      <c r="AF16" s="257">
        <v>8</v>
      </c>
      <c r="AG16" s="257">
        <v>8</v>
      </c>
      <c r="AH16" s="254">
        <v>61</v>
      </c>
      <c r="AI16" s="259">
        <v>68</v>
      </c>
      <c r="AJ16" s="253">
        <v>0</v>
      </c>
      <c r="AK16" s="257">
        <v>1</v>
      </c>
      <c r="AL16" s="254">
        <v>1</v>
      </c>
      <c r="AM16" s="256">
        <v>0</v>
      </c>
      <c r="AN16" s="257">
        <v>1</v>
      </c>
      <c r="AO16" s="257">
        <v>2</v>
      </c>
      <c r="AP16" s="257">
        <v>0</v>
      </c>
      <c r="AQ16" s="257">
        <v>3</v>
      </c>
      <c r="AR16" s="257">
        <v>2</v>
      </c>
      <c r="AS16" s="254">
        <v>8</v>
      </c>
      <c r="AT16" s="259">
        <v>9</v>
      </c>
      <c r="AU16" s="253">
        <v>5</v>
      </c>
      <c r="AV16" s="257">
        <v>5</v>
      </c>
      <c r="AW16" s="254">
        <v>10</v>
      </c>
      <c r="AX16" s="256">
        <v>0</v>
      </c>
      <c r="AY16" s="257">
        <v>28</v>
      </c>
      <c r="AZ16" s="257">
        <v>31</v>
      </c>
      <c r="BA16" s="257">
        <v>17</v>
      </c>
      <c r="BB16" s="257">
        <v>16</v>
      </c>
      <c r="BC16" s="257">
        <v>20</v>
      </c>
      <c r="BD16" s="258">
        <v>112</v>
      </c>
      <c r="BE16" s="259">
        <v>122</v>
      </c>
      <c r="BF16" s="253">
        <v>0</v>
      </c>
      <c r="BG16" s="257">
        <v>0</v>
      </c>
      <c r="BH16" s="254">
        <v>0</v>
      </c>
      <c r="BI16" s="256">
        <v>0</v>
      </c>
      <c r="BJ16" s="257">
        <v>20</v>
      </c>
      <c r="BK16" s="257">
        <v>17</v>
      </c>
      <c r="BL16" s="257">
        <v>8</v>
      </c>
      <c r="BM16" s="257">
        <v>1</v>
      </c>
      <c r="BN16" s="257">
        <v>1</v>
      </c>
      <c r="BO16" s="254">
        <v>47</v>
      </c>
      <c r="BP16" s="259">
        <v>47</v>
      </c>
      <c r="BQ16" s="253">
        <v>0</v>
      </c>
      <c r="BR16" s="257">
        <v>1</v>
      </c>
      <c r="BS16" s="254">
        <v>1</v>
      </c>
      <c r="BT16" s="256">
        <v>0</v>
      </c>
      <c r="BU16" s="257">
        <v>3</v>
      </c>
      <c r="BV16" s="257">
        <v>4</v>
      </c>
      <c r="BW16" s="257">
        <v>2</v>
      </c>
      <c r="BX16" s="257">
        <v>3</v>
      </c>
      <c r="BY16" s="257">
        <v>1</v>
      </c>
      <c r="BZ16" s="254">
        <v>13</v>
      </c>
      <c r="CA16" s="259">
        <v>14</v>
      </c>
      <c r="CB16" s="253">
        <v>0</v>
      </c>
      <c r="CC16" s="257">
        <v>0</v>
      </c>
      <c r="CD16" s="254">
        <v>0</v>
      </c>
      <c r="CE16" s="256">
        <v>0</v>
      </c>
      <c r="CF16" s="257">
        <v>0</v>
      </c>
      <c r="CG16" s="257">
        <v>5</v>
      </c>
      <c r="CH16" s="257">
        <v>2</v>
      </c>
      <c r="CI16" s="257">
        <v>2</v>
      </c>
      <c r="CJ16" s="257">
        <v>0</v>
      </c>
      <c r="CK16" s="254">
        <v>9</v>
      </c>
      <c r="CL16" s="259">
        <v>9</v>
      </c>
      <c r="CM16" s="253">
        <v>0</v>
      </c>
      <c r="CN16" s="257">
        <v>0</v>
      </c>
      <c r="CO16" s="254">
        <v>0</v>
      </c>
      <c r="CP16" s="256">
        <v>0</v>
      </c>
      <c r="CQ16" s="257">
        <v>0</v>
      </c>
      <c r="CR16" s="257">
        <v>0</v>
      </c>
      <c r="CS16" s="257">
        <v>0</v>
      </c>
      <c r="CT16" s="257">
        <v>0</v>
      </c>
      <c r="CU16" s="257">
        <v>0</v>
      </c>
      <c r="CV16" s="254">
        <v>0</v>
      </c>
      <c r="CW16" s="259">
        <v>0</v>
      </c>
      <c r="CX16" s="253">
        <v>0</v>
      </c>
      <c r="CY16" s="257">
        <v>0</v>
      </c>
      <c r="CZ16" s="254">
        <v>0</v>
      </c>
      <c r="DA16" s="256">
        <v>0</v>
      </c>
      <c r="DB16" s="257">
        <v>0</v>
      </c>
      <c r="DC16" s="257">
        <v>0</v>
      </c>
      <c r="DD16" s="257">
        <v>0</v>
      </c>
      <c r="DE16" s="257">
        <v>0</v>
      </c>
      <c r="DF16" s="257">
        <v>0</v>
      </c>
      <c r="DG16" s="254">
        <v>0</v>
      </c>
      <c r="DH16" s="259">
        <v>0</v>
      </c>
      <c r="DI16" s="253">
        <v>0</v>
      </c>
      <c r="DJ16" s="257">
        <v>0</v>
      </c>
      <c r="DK16" s="254">
        <v>0</v>
      </c>
      <c r="DL16" s="256">
        <v>0</v>
      </c>
      <c r="DM16" s="257">
        <v>0</v>
      </c>
      <c r="DN16" s="257">
        <v>0</v>
      </c>
      <c r="DO16" s="257">
        <v>0</v>
      </c>
      <c r="DP16" s="257">
        <v>0</v>
      </c>
      <c r="DQ16" s="257">
        <v>0</v>
      </c>
      <c r="DR16" s="254">
        <v>0</v>
      </c>
      <c r="DS16" s="259">
        <v>0</v>
      </c>
      <c r="DT16" s="253">
        <v>3</v>
      </c>
      <c r="DU16" s="257">
        <v>11</v>
      </c>
      <c r="DV16" s="254">
        <v>14</v>
      </c>
      <c r="DW16" s="256">
        <v>0</v>
      </c>
      <c r="DX16" s="257">
        <v>17</v>
      </c>
      <c r="DY16" s="257">
        <v>35</v>
      </c>
      <c r="DZ16" s="257">
        <v>13</v>
      </c>
      <c r="EA16" s="257">
        <v>13</v>
      </c>
      <c r="EB16" s="257">
        <v>14</v>
      </c>
      <c r="EC16" s="254">
        <v>92</v>
      </c>
      <c r="ED16" s="259">
        <v>106</v>
      </c>
      <c r="EE16" s="253">
        <v>4</v>
      </c>
      <c r="EF16" s="257">
        <v>4</v>
      </c>
      <c r="EG16" s="254">
        <v>8</v>
      </c>
      <c r="EH16" s="256">
        <v>0</v>
      </c>
      <c r="EI16" s="257">
        <v>11</v>
      </c>
      <c r="EJ16" s="257">
        <v>9</v>
      </c>
      <c r="EK16" s="257">
        <v>8</v>
      </c>
      <c r="EL16" s="257">
        <v>9</v>
      </c>
      <c r="EM16" s="257">
        <v>6</v>
      </c>
      <c r="EN16" s="254">
        <v>43</v>
      </c>
      <c r="EO16" s="259">
        <v>51</v>
      </c>
      <c r="EP16" s="253">
        <v>4</v>
      </c>
      <c r="EQ16" s="257">
        <v>19</v>
      </c>
      <c r="ER16" s="254">
        <v>23</v>
      </c>
      <c r="ES16" s="256">
        <v>0</v>
      </c>
      <c r="ET16" s="257">
        <v>56</v>
      </c>
      <c r="EU16" s="257">
        <v>56</v>
      </c>
      <c r="EV16" s="257">
        <v>27</v>
      </c>
      <c r="EW16" s="257">
        <v>14</v>
      </c>
      <c r="EX16" s="257">
        <v>16</v>
      </c>
      <c r="EY16" s="254">
        <v>169</v>
      </c>
      <c r="EZ16" s="259">
        <v>192</v>
      </c>
    </row>
    <row r="17" spans="2:156" ht="21" customHeight="1" x14ac:dyDescent="0.2">
      <c r="B17" s="437" t="s">
        <v>15</v>
      </c>
      <c r="C17" s="253">
        <v>0</v>
      </c>
      <c r="D17" s="257">
        <v>0</v>
      </c>
      <c r="E17" s="340">
        <v>0</v>
      </c>
      <c r="F17" s="256">
        <v>0</v>
      </c>
      <c r="G17" s="257">
        <v>6</v>
      </c>
      <c r="H17" s="257">
        <v>4</v>
      </c>
      <c r="I17" s="257">
        <v>0</v>
      </c>
      <c r="J17" s="257">
        <v>3</v>
      </c>
      <c r="K17" s="257">
        <v>1</v>
      </c>
      <c r="L17" s="258">
        <v>14</v>
      </c>
      <c r="M17" s="259">
        <v>14</v>
      </c>
      <c r="N17" s="253">
        <v>0</v>
      </c>
      <c r="O17" s="257">
        <v>0</v>
      </c>
      <c r="P17" s="254">
        <v>0</v>
      </c>
      <c r="Q17" s="256">
        <v>0</v>
      </c>
      <c r="R17" s="257">
        <v>0</v>
      </c>
      <c r="S17" s="257">
        <v>1</v>
      </c>
      <c r="T17" s="257">
        <v>0</v>
      </c>
      <c r="U17" s="257">
        <v>1</v>
      </c>
      <c r="V17" s="257">
        <v>3</v>
      </c>
      <c r="W17" s="254">
        <v>5</v>
      </c>
      <c r="X17" s="259">
        <v>5</v>
      </c>
      <c r="Y17" s="253">
        <v>0</v>
      </c>
      <c r="Z17" s="257">
        <v>2</v>
      </c>
      <c r="AA17" s="254">
        <v>2</v>
      </c>
      <c r="AB17" s="256">
        <v>0</v>
      </c>
      <c r="AC17" s="257">
        <v>2</v>
      </c>
      <c r="AD17" s="257">
        <v>5</v>
      </c>
      <c r="AE17" s="257">
        <v>0</v>
      </c>
      <c r="AF17" s="257">
        <v>4</v>
      </c>
      <c r="AG17" s="257">
        <v>3</v>
      </c>
      <c r="AH17" s="254">
        <v>14</v>
      </c>
      <c r="AI17" s="259">
        <v>16</v>
      </c>
      <c r="AJ17" s="253">
        <v>0</v>
      </c>
      <c r="AK17" s="257">
        <v>0</v>
      </c>
      <c r="AL17" s="254">
        <v>0</v>
      </c>
      <c r="AM17" s="256">
        <v>0</v>
      </c>
      <c r="AN17" s="257">
        <v>0</v>
      </c>
      <c r="AO17" s="257">
        <v>1</v>
      </c>
      <c r="AP17" s="257">
        <v>0</v>
      </c>
      <c r="AQ17" s="257">
        <v>0</v>
      </c>
      <c r="AR17" s="257">
        <v>1</v>
      </c>
      <c r="AS17" s="254">
        <v>2</v>
      </c>
      <c r="AT17" s="259">
        <v>2</v>
      </c>
      <c r="AU17" s="253">
        <v>0</v>
      </c>
      <c r="AV17" s="257">
        <v>1</v>
      </c>
      <c r="AW17" s="254">
        <v>1</v>
      </c>
      <c r="AX17" s="256">
        <v>0</v>
      </c>
      <c r="AY17" s="257">
        <v>4</v>
      </c>
      <c r="AZ17" s="257">
        <v>5</v>
      </c>
      <c r="BA17" s="257">
        <v>1</v>
      </c>
      <c r="BB17" s="257">
        <v>6</v>
      </c>
      <c r="BC17" s="257">
        <v>4</v>
      </c>
      <c r="BD17" s="258">
        <v>20</v>
      </c>
      <c r="BE17" s="259">
        <v>21</v>
      </c>
      <c r="BF17" s="253">
        <v>0</v>
      </c>
      <c r="BG17" s="257">
        <v>0</v>
      </c>
      <c r="BH17" s="254">
        <v>0</v>
      </c>
      <c r="BI17" s="256">
        <v>0</v>
      </c>
      <c r="BJ17" s="257">
        <v>4</v>
      </c>
      <c r="BK17" s="257">
        <v>6</v>
      </c>
      <c r="BL17" s="257">
        <v>3</v>
      </c>
      <c r="BM17" s="257">
        <v>2</v>
      </c>
      <c r="BN17" s="257">
        <v>0</v>
      </c>
      <c r="BO17" s="254">
        <v>15</v>
      </c>
      <c r="BP17" s="259">
        <v>15</v>
      </c>
      <c r="BQ17" s="253">
        <v>0</v>
      </c>
      <c r="BR17" s="257">
        <v>0</v>
      </c>
      <c r="BS17" s="254">
        <v>0</v>
      </c>
      <c r="BT17" s="256">
        <v>0</v>
      </c>
      <c r="BU17" s="257">
        <v>1</v>
      </c>
      <c r="BV17" s="257">
        <v>3</v>
      </c>
      <c r="BW17" s="257">
        <v>1</v>
      </c>
      <c r="BX17" s="257">
        <v>2</v>
      </c>
      <c r="BY17" s="257">
        <v>1</v>
      </c>
      <c r="BZ17" s="254">
        <v>8</v>
      </c>
      <c r="CA17" s="259">
        <v>8</v>
      </c>
      <c r="CB17" s="253">
        <v>0</v>
      </c>
      <c r="CC17" s="257">
        <v>0</v>
      </c>
      <c r="CD17" s="254">
        <v>0</v>
      </c>
      <c r="CE17" s="256">
        <v>0</v>
      </c>
      <c r="CF17" s="257">
        <v>0</v>
      </c>
      <c r="CG17" s="257">
        <v>2</v>
      </c>
      <c r="CH17" s="257">
        <v>2</v>
      </c>
      <c r="CI17" s="257">
        <v>3</v>
      </c>
      <c r="CJ17" s="257">
        <v>1</v>
      </c>
      <c r="CK17" s="254">
        <v>8</v>
      </c>
      <c r="CL17" s="259">
        <v>8</v>
      </c>
      <c r="CM17" s="253">
        <v>0</v>
      </c>
      <c r="CN17" s="257">
        <v>0</v>
      </c>
      <c r="CO17" s="254">
        <v>0</v>
      </c>
      <c r="CP17" s="256">
        <v>0</v>
      </c>
      <c r="CQ17" s="257">
        <v>0</v>
      </c>
      <c r="CR17" s="257">
        <v>1</v>
      </c>
      <c r="CS17" s="257">
        <v>0</v>
      </c>
      <c r="CT17" s="257">
        <v>0</v>
      </c>
      <c r="CU17" s="257">
        <v>0</v>
      </c>
      <c r="CV17" s="254">
        <v>1</v>
      </c>
      <c r="CW17" s="259">
        <v>1</v>
      </c>
      <c r="CX17" s="253">
        <v>0</v>
      </c>
      <c r="CY17" s="257">
        <v>0</v>
      </c>
      <c r="CZ17" s="254">
        <v>0</v>
      </c>
      <c r="DA17" s="256">
        <v>0</v>
      </c>
      <c r="DB17" s="257">
        <v>0</v>
      </c>
      <c r="DC17" s="257">
        <v>0</v>
      </c>
      <c r="DD17" s="257">
        <v>0</v>
      </c>
      <c r="DE17" s="257">
        <v>0</v>
      </c>
      <c r="DF17" s="257">
        <v>0</v>
      </c>
      <c r="DG17" s="254">
        <v>0</v>
      </c>
      <c r="DH17" s="259">
        <v>0</v>
      </c>
      <c r="DI17" s="253">
        <v>0</v>
      </c>
      <c r="DJ17" s="257">
        <v>0</v>
      </c>
      <c r="DK17" s="254">
        <v>0</v>
      </c>
      <c r="DL17" s="256">
        <v>0</v>
      </c>
      <c r="DM17" s="257">
        <v>0</v>
      </c>
      <c r="DN17" s="257">
        <v>0</v>
      </c>
      <c r="DO17" s="257">
        <v>0</v>
      </c>
      <c r="DP17" s="257">
        <v>0</v>
      </c>
      <c r="DQ17" s="257">
        <v>0</v>
      </c>
      <c r="DR17" s="254">
        <v>0</v>
      </c>
      <c r="DS17" s="259">
        <v>0</v>
      </c>
      <c r="DT17" s="253">
        <v>2</v>
      </c>
      <c r="DU17" s="257">
        <v>4</v>
      </c>
      <c r="DV17" s="254">
        <v>6</v>
      </c>
      <c r="DW17" s="256">
        <v>0</v>
      </c>
      <c r="DX17" s="257">
        <v>7</v>
      </c>
      <c r="DY17" s="257">
        <v>14</v>
      </c>
      <c r="DZ17" s="257">
        <v>3</v>
      </c>
      <c r="EA17" s="257">
        <v>10</v>
      </c>
      <c r="EB17" s="257">
        <v>3</v>
      </c>
      <c r="EC17" s="254">
        <v>37</v>
      </c>
      <c r="ED17" s="259">
        <v>43</v>
      </c>
      <c r="EE17" s="253">
        <v>1</v>
      </c>
      <c r="EF17" s="257">
        <v>1</v>
      </c>
      <c r="EG17" s="254">
        <v>2</v>
      </c>
      <c r="EH17" s="256">
        <v>0</v>
      </c>
      <c r="EI17" s="257">
        <v>4</v>
      </c>
      <c r="EJ17" s="257">
        <v>4</v>
      </c>
      <c r="EK17" s="257">
        <v>1</v>
      </c>
      <c r="EL17" s="257">
        <v>3</v>
      </c>
      <c r="EM17" s="257">
        <v>2</v>
      </c>
      <c r="EN17" s="254">
        <v>14</v>
      </c>
      <c r="EO17" s="259">
        <v>16</v>
      </c>
      <c r="EP17" s="253">
        <v>2</v>
      </c>
      <c r="EQ17" s="257">
        <v>5</v>
      </c>
      <c r="ER17" s="254">
        <v>7</v>
      </c>
      <c r="ES17" s="256">
        <v>0</v>
      </c>
      <c r="ET17" s="257">
        <v>15</v>
      </c>
      <c r="EU17" s="257">
        <v>19</v>
      </c>
      <c r="EV17" s="257">
        <v>5</v>
      </c>
      <c r="EW17" s="257">
        <v>10</v>
      </c>
      <c r="EX17" s="257">
        <v>3</v>
      </c>
      <c r="EY17" s="254">
        <v>52</v>
      </c>
      <c r="EZ17" s="259">
        <v>59</v>
      </c>
    </row>
    <row r="18" spans="2:156" ht="21" customHeight="1" x14ac:dyDescent="0.2">
      <c r="B18" s="437" t="s">
        <v>16</v>
      </c>
      <c r="C18" s="253">
        <v>0</v>
      </c>
      <c r="D18" s="257">
        <v>0</v>
      </c>
      <c r="E18" s="340">
        <v>0</v>
      </c>
      <c r="F18" s="256">
        <v>0</v>
      </c>
      <c r="G18" s="257">
        <v>9</v>
      </c>
      <c r="H18" s="257">
        <v>19</v>
      </c>
      <c r="I18" s="257">
        <v>5</v>
      </c>
      <c r="J18" s="257">
        <v>3</v>
      </c>
      <c r="K18" s="257">
        <v>0</v>
      </c>
      <c r="L18" s="258">
        <v>36</v>
      </c>
      <c r="M18" s="259">
        <v>36</v>
      </c>
      <c r="N18" s="253">
        <v>0</v>
      </c>
      <c r="O18" s="257">
        <v>0</v>
      </c>
      <c r="P18" s="254">
        <v>0</v>
      </c>
      <c r="Q18" s="256">
        <v>0</v>
      </c>
      <c r="R18" s="257">
        <v>0</v>
      </c>
      <c r="S18" s="257">
        <v>0</v>
      </c>
      <c r="T18" s="257">
        <v>0</v>
      </c>
      <c r="U18" s="257">
        <v>1</v>
      </c>
      <c r="V18" s="257">
        <v>4</v>
      </c>
      <c r="W18" s="254">
        <v>5</v>
      </c>
      <c r="X18" s="259">
        <v>5</v>
      </c>
      <c r="Y18" s="253">
        <v>2</v>
      </c>
      <c r="Z18" s="257">
        <v>4</v>
      </c>
      <c r="AA18" s="254">
        <v>6</v>
      </c>
      <c r="AB18" s="256">
        <v>0</v>
      </c>
      <c r="AC18" s="257">
        <v>7</v>
      </c>
      <c r="AD18" s="257">
        <v>12</v>
      </c>
      <c r="AE18" s="257">
        <v>9</v>
      </c>
      <c r="AF18" s="257">
        <v>6</v>
      </c>
      <c r="AG18" s="257">
        <v>4</v>
      </c>
      <c r="AH18" s="254">
        <v>38</v>
      </c>
      <c r="AI18" s="259">
        <v>44</v>
      </c>
      <c r="AJ18" s="253">
        <v>0</v>
      </c>
      <c r="AK18" s="257">
        <v>1</v>
      </c>
      <c r="AL18" s="254">
        <v>1</v>
      </c>
      <c r="AM18" s="256">
        <v>0</v>
      </c>
      <c r="AN18" s="257">
        <v>0</v>
      </c>
      <c r="AO18" s="257">
        <v>1</v>
      </c>
      <c r="AP18" s="257">
        <v>1</v>
      </c>
      <c r="AQ18" s="257">
        <v>0</v>
      </c>
      <c r="AR18" s="257">
        <v>1</v>
      </c>
      <c r="AS18" s="254">
        <v>3</v>
      </c>
      <c r="AT18" s="259">
        <v>4</v>
      </c>
      <c r="AU18" s="253">
        <v>3</v>
      </c>
      <c r="AV18" s="257">
        <v>1</v>
      </c>
      <c r="AW18" s="254">
        <v>4</v>
      </c>
      <c r="AX18" s="256">
        <v>0</v>
      </c>
      <c r="AY18" s="257">
        <v>9</v>
      </c>
      <c r="AZ18" s="257">
        <v>16</v>
      </c>
      <c r="BA18" s="257">
        <v>18</v>
      </c>
      <c r="BB18" s="257">
        <v>10</v>
      </c>
      <c r="BC18" s="257">
        <v>8</v>
      </c>
      <c r="BD18" s="258">
        <v>61</v>
      </c>
      <c r="BE18" s="259">
        <v>65</v>
      </c>
      <c r="BF18" s="253">
        <v>0</v>
      </c>
      <c r="BG18" s="257">
        <v>0</v>
      </c>
      <c r="BH18" s="254">
        <v>0</v>
      </c>
      <c r="BI18" s="256">
        <v>0</v>
      </c>
      <c r="BJ18" s="257">
        <v>19</v>
      </c>
      <c r="BK18" s="257">
        <v>16</v>
      </c>
      <c r="BL18" s="257">
        <v>6</v>
      </c>
      <c r="BM18" s="257">
        <v>1</v>
      </c>
      <c r="BN18" s="257">
        <v>1</v>
      </c>
      <c r="BO18" s="254">
        <v>43</v>
      </c>
      <c r="BP18" s="259">
        <v>43</v>
      </c>
      <c r="BQ18" s="253">
        <v>2</v>
      </c>
      <c r="BR18" s="257">
        <v>5</v>
      </c>
      <c r="BS18" s="254">
        <v>7</v>
      </c>
      <c r="BT18" s="256">
        <v>0</v>
      </c>
      <c r="BU18" s="257">
        <v>8</v>
      </c>
      <c r="BV18" s="257">
        <v>16</v>
      </c>
      <c r="BW18" s="257">
        <v>6</v>
      </c>
      <c r="BX18" s="257">
        <v>1</v>
      </c>
      <c r="BY18" s="257">
        <v>1</v>
      </c>
      <c r="BZ18" s="254">
        <v>32</v>
      </c>
      <c r="CA18" s="259">
        <v>39</v>
      </c>
      <c r="CB18" s="253">
        <v>0</v>
      </c>
      <c r="CC18" s="257">
        <v>0</v>
      </c>
      <c r="CD18" s="254">
        <v>0</v>
      </c>
      <c r="CE18" s="256">
        <v>0</v>
      </c>
      <c r="CF18" s="257">
        <v>3</v>
      </c>
      <c r="CG18" s="257">
        <v>8</v>
      </c>
      <c r="CH18" s="257">
        <v>3</v>
      </c>
      <c r="CI18" s="257">
        <v>1</v>
      </c>
      <c r="CJ18" s="257">
        <v>0</v>
      </c>
      <c r="CK18" s="254">
        <v>15</v>
      </c>
      <c r="CL18" s="259">
        <v>15</v>
      </c>
      <c r="CM18" s="253">
        <v>0</v>
      </c>
      <c r="CN18" s="257">
        <v>0</v>
      </c>
      <c r="CO18" s="254">
        <v>0</v>
      </c>
      <c r="CP18" s="256">
        <v>0</v>
      </c>
      <c r="CQ18" s="257">
        <v>0</v>
      </c>
      <c r="CR18" s="257">
        <v>0</v>
      </c>
      <c r="CS18" s="257">
        <v>0</v>
      </c>
      <c r="CT18" s="257">
        <v>0</v>
      </c>
      <c r="CU18" s="257">
        <v>0</v>
      </c>
      <c r="CV18" s="254">
        <v>0</v>
      </c>
      <c r="CW18" s="259">
        <v>0</v>
      </c>
      <c r="CX18" s="253">
        <v>0</v>
      </c>
      <c r="CY18" s="257">
        <v>0</v>
      </c>
      <c r="CZ18" s="254">
        <v>0</v>
      </c>
      <c r="DA18" s="256">
        <v>0</v>
      </c>
      <c r="DB18" s="257">
        <v>0</v>
      </c>
      <c r="DC18" s="257">
        <v>0</v>
      </c>
      <c r="DD18" s="257">
        <v>0</v>
      </c>
      <c r="DE18" s="257">
        <v>0</v>
      </c>
      <c r="DF18" s="257">
        <v>0</v>
      </c>
      <c r="DG18" s="254">
        <v>0</v>
      </c>
      <c r="DH18" s="259">
        <v>0</v>
      </c>
      <c r="DI18" s="253">
        <v>0</v>
      </c>
      <c r="DJ18" s="257">
        <v>0</v>
      </c>
      <c r="DK18" s="254">
        <v>0</v>
      </c>
      <c r="DL18" s="256">
        <v>0</v>
      </c>
      <c r="DM18" s="257">
        <v>0</v>
      </c>
      <c r="DN18" s="257">
        <v>0</v>
      </c>
      <c r="DO18" s="257">
        <v>0</v>
      </c>
      <c r="DP18" s="257">
        <v>0</v>
      </c>
      <c r="DQ18" s="257">
        <v>0</v>
      </c>
      <c r="DR18" s="254">
        <v>0</v>
      </c>
      <c r="DS18" s="259">
        <v>0</v>
      </c>
      <c r="DT18" s="253">
        <v>8</v>
      </c>
      <c r="DU18" s="257">
        <v>18</v>
      </c>
      <c r="DV18" s="254">
        <v>26</v>
      </c>
      <c r="DW18" s="256">
        <v>0</v>
      </c>
      <c r="DX18" s="257">
        <v>16</v>
      </c>
      <c r="DY18" s="257">
        <v>46</v>
      </c>
      <c r="DZ18" s="257">
        <v>23</v>
      </c>
      <c r="EA18" s="257">
        <v>7</v>
      </c>
      <c r="EB18" s="257">
        <v>7</v>
      </c>
      <c r="EC18" s="254">
        <v>99</v>
      </c>
      <c r="ED18" s="259">
        <v>125</v>
      </c>
      <c r="EE18" s="253">
        <v>3</v>
      </c>
      <c r="EF18" s="257">
        <v>1</v>
      </c>
      <c r="EG18" s="254">
        <v>4</v>
      </c>
      <c r="EH18" s="256">
        <v>0</v>
      </c>
      <c r="EI18" s="257">
        <v>6</v>
      </c>
      <c r="EJ18" s="257">
        <v>6</v>
      </c>
      <c r="EK18" s="257">
        <v>13</v>
      </c>
      <c r="EL18" s="257">
        <v>9</v>
      </c>
      <c r="EM18" s="257">
        <v>5</v>
      </c>
      <c r="EN18" s="254">
        <v>39</v>
      </c>
      <c r="EO18" s="259">
        <v>43</v>
      </c>
      <c r="EP18" s="253">
        <v>11</v>
      </c>
      <c r="EQ18" s="257">
        <v>23</v>
      </c>
      <c r="ER18" s="254">
        <v>34</v>
      </c>
      <c r="ES18" s="256">
        <v>0</v>
      </c>
      <c r="ET18" s="257">
        <v>47</v>
      </c>
      <c r="EU18" s="257">
        <v>64</v>
      </c>
      <c r="EV18" s="257">
        <v>29</v>
      </c>
      <c r="EW18" s="257">
        <v>9</v>
      </c>
      <c r="EX18" s="257">
        <v>7</v>
      </c>
      <c r="EY18" s="254">
        <v>156</v>
      </c>
      <c r="EZ18" s="259">
        <v>190</v>
      </c>
    </row>
    <row r="19" spans="2:156" ht="21" customHeight="1" x14ac:dyDescent="0.2">
      <c r="B19" s="437" t="s">
        <v>17</v>
      </c>
      <c r="C19" s="253">
        <v>0</v>
      </c>
      <c r="D19" s="257">
        <v>0</v>
      </c>
      <c r="E19" s="340">
        <v>0</v>
      </c>
      <c r="F19" s="256">
        <v>0</v>
      </c>
      <c r="G19" s="257">
        <v>15</v>
      </c>
      <c r="H19" s="257">
        <v>19</v>
      </c>
      <c r="I19" s="257">
        <v>16</v>
      </c>
      <c r="J19" s="257">
        <v>9</v>
      </c>
      <c r="K19" s="257">
        <v>5</v>
      </c>
      <c r="L19" s="258">
        <v>64</v>
      </c>
      <c r="M19" s="259">
        <v>64</v>
      </c>
      <c r="N19" s="253">
        <v>0</v>
      </c>
      <c r="O19" s="257">
        <v>0</v>
      </c>
      <c r="P19" s="254">
        <v>0</v>
      </c>
      <c r="Q19" s="256">
        <v>0</v>
      </c>
      <c r="R19" s="257">
        <v>1</v>
      </c>
      <c r="S19" s="257">
        <v>0</v>
      </c>
      <c r="T19" s="257">
        <v>1</v>
      </c>
      <c r="U19" s="257">
        <v>4</v>
      </c>
      <c r="V19" s="257">
        <v>1</v>
      </c>
      <c r="W19" s="254">
        <v>7</v>
      </c>
      <c r="X19" s="259">
        <v>7</v>
      </c>
      <c r="Y19" s="253">
        <v>3</v>
      </c>
      <c r="Z19" s="257">
        <v>6</v>
      </c>
      <c r="AA19" s="254">
        <v>9</v>
      </c>
      <c r="AB19" s="256">
        <v>0</v>
      </c>
      <c r="AC19" s="257">
        <v>11</v>
      </c>
      <c r="AD19" s="257">
        <v>22</v>
      </c>
      <c r="AE19" s="257">
        <v>16</v>
      </c>
      <c r="AF19" s="257">
        <v>12</v>
      </c>
      <c r="AG19" s="257">
        <v>5</v>
      </c>
      <c r="AH19" s="254">
        <v>66</v>
      </c>
      <c r="AI19" s="259">
        <v>75</v>
      </c>
      <c r="AJ19" s="253">
        <v>0</v>
      </c>
      <c r="AK19" s="257">
        <v>0</v>
      </c>
      <c r="AL19" s="254">
        <v>0</v>
      </c>
      <c r="AM19" s="256">
        <v>0</v>
      </c>
      <c r="AN19" s="257">
        <v>0</v>
      </c>
      <c r="AO19" s="257">
        <v>4</v>
      </c>
      <c r="AP19" s="257">
        <v>4</v>
      </c>
      <c r="AQ19" s="257">
        <v>1</v>
      </c>
      <c r="AR19" s="257">
        <v>3</v>
      </c>
      <c r="AS19" s="254">
        <v>12</v>
      </c>
      <c r="AT19" s="259">
        <v>12</v>
      </c>
      <c r="AU19" s="253">
        <v>8</v>
      </c>
      <c r="AV19" s="257">
        <v>6</v>
      </c>
      <c r="AW19" s="254">
        <v>14</v>
      </c>
      <c r="AX19" s="256">
        <v>0</v>
      </c>
      <c r="AY19" s="257">
        <v>16</v>
      </c>
      <c r="AZ19" s="257">
        <v>22</v>
      </c>
      <c r="BA19" s="257">
        <v>25</v>
      </c>
      <c r="BB19" s="257">
        <v>21</v>
      </c>
      <c r="BC19" s="257">
        <v>23</v>
      </c>
      <c r="BD19" s="258">
        <v>107</v>
      </c>
      <c r="BE19" s="259">
        <v>121</v>
      </c>
      <c r="BF19" s="253">
        <v>0</v>
      </c>
      <c r="BG19" s="257">
        <v>0</v>
      </c>
      <c r="BH19" s="254">
        <v>0</v>
      </c>
      <c r="BI19" s="256">
        <v>0</v>
      </c>
      <c r="BJ19" s="257">
        <v>17</v>
      </c>
      <c r="BK19" s="257">
        <v>30</v>
      </c>
      <c r="BL19" s="257">
        <v>17</v>
      </c>
      <c r="BM19" s="257">
        <v>13</v>
      </c>
      <c r="BN19" s="257">
        <v>4</v>
      </c>
      <c r="BO19" s="254">
        <v>81</v>
      </c>
      <c r="BP19" s="259">
        <v>81</v>
      </c>
      <c r="BQ19" s="253">
        <v>6</v>
      </c>
      <c r="BR19" s="257">
        <v>4</v>
      </c>
      <c r="BS19" s="254">
        <v>10</v>
      </c>
      <c r="BT19" s="256">
        <v>0</v>
      </c>
      <c r="BU19" s="257">
        <v>4</v>
      </c>
      <c r="BV19" s="257">
        <v>16</v>
      </c>
      <c r="BW19" s="257">
        <v>7</v>
      </c>
      <c r="BX19" s="257">
        <v>3</v>
      </c>
      <c r="BY19" s="257">
        <v>3</v>
      </c>
      <c r="BZ19" s="254">
        <v>33</v>
      </c>
      <c r="CA19" s="259">
        <v>43</v>
      </c>
      <c r="CB19" s="253">
        <v>0</v>
      </c>
      <c r="CC19" s="257">
        <v>1</v>
      </c>
      <c r="CD19" s="254">
        <v>1</v>
      </c>
      <c r="CE19" s="256">
        <v>0</v>
      </c>
      <c r="CF19" s="257">
        <v>3</v>
      </c>
      <c r="CG19" s="257">
        <v>5</v>
      </c>
      <c r="CH19" s="257">
        <v>9</v>
      </c>
      <c r="CI19" s="257">
        <v>6</v>
      </c>
      <c r="CJ19" s="257">
        <v>2</v>
      </c>
      <c r="CK19" s="254">
        <v>25</v>
      </c>
      <c r="CL19" s="259">
        <v>26</v>
      </c>
      <c r="CM19" s="253">
        <v>0</v>
      </c>
      <c r="CN19" s="257">
        <v>0</v>
      </c>
      <c r="CO19" s="254">
        <v>0</v>
      </c>
      <c r="CP19" s="256">
        <v>0</v>
      </c>
      <c r="CQ19" s="257">
        <v>1</v>
      </c>
      <c r="CR19" s="257">
        <v>0</v>
      </c>
      <c r="CS19" s="257">
        <v>1</v>
      </c>
      <c r="CT19" s="257">
        <v>1</v>
      </c>
      <c r="CU19" s="257">
        <v>1</v>
      </c>
      <c r="CV19" s="254">
        <v>4</v>
      </c>
      <c r="CW19" s="259">
        <v>4</v>
      </c>
      <c r="CX19" s="253">
        <v>0</v>
      </c>
      <c r="CY19" s="257">
        <v>0</v>
      </c>
      <c r="CZ19" s="254">
        <v>0</v>
      </c>
      <c r="DA19" s="256">
        <v>0</v>
      </c>
      <c r="DB19" s="257">
        <v>0</v>
      </c>
      <c r="DC19" s="257">
        <v>0</v>
      </c>
      <c r="DD19" s="257">
        <v>0</v>
      </c>
      <c r="DE19" s="257">
        <v>0</v>
      </c>
      <c r="DF19" s="257">
        <v>0</v>
      </c>
      <c r="DG19" s="254">
        <v>0</v>
      </c>
      <c r="DH19" s="259">
        <v>0</v>
      </c>
      <c r="DI19" s="253">
        <v>0</v>
      </c>
      <c r="DJ19" s="257">
        <v>0</v>
      </c>
      <c r="DK19" s="254">
        <v>0</v>
      </c>
      <c r="DL19" s="256">
        <v>0</v>
      </c>
      <c r="DM19" s="257">
        <v>0</v>
      </c>
      <c r="DN19" s="257">
        <v>0</v>
      </c>
      <c r="DO19" s="257">
        <v>0</v>
      </c>
      <c r="DP19" s="257">
        <v>0</v>
      </c>
      <c r="DQ19" s="257">
        <v>0</v>
      </c>
      <c r="DR19" s="254">
        <v>0</v>
      </c>
      <c r="DS19" s="259">
        <v>0</v>
      </c>
      <c r="DT19" s="253">
        <v>12</v>
      </c>
      <c r="DU19" s="257">
        <v>26</v>
      </c>
      <c r="DV19" s="254">
        <v>38</v>
      </c>
      <c r="DW19" s="256">
        <v>0</v>
      </c>
      <c r="DX19" s="257">
        <v>28</v>
      </c>
      <c r="DY19" s="257">
        <v>55</v>
      </c>
      <c r="DZ19" s="257">
        <v>50</v>
      </c>
      <c r="EA19" s="257">
        <v>28</v>
      </c>
      <c r="EB19" s="257">
        <v>13</v>
      </c>
      <c r="EC19" s="254">
        <v>174</v>
      </c>
      <c r="ED19" s="259">
        <v>212</v>
      </c>
      <c r="EE19" s="253">
        <v>7</v>
      </c>
      <c r="EF19" s="257">
        <v>4</v>
      </c>
      <c r="EG19" s="254">
        <v>11</v>
      </c>
      <c r="EH19" s="256">
        <v>0</v>
      </c>
      <c r="EI19" s="257">
        <v>9</v>
      </c>
      <c r="EJ19" s="257">
        <v>10</v>
      </c>
      <c r="EK19" s="257">
        <v>6</v>
      </c>
      <c r="EL19" s="257">
        <v>10</v>
      </c>
      <c r="EM19" s="257">
        <v>8</v>
      </c>
      <c r="EN19" s="254">
        <v>43</v>
      </c>
      <c r="EO19" s="259">
        <v>54</v>
      </c>
      <c r="EP19" s="253">
        <v>20</v>
      </c>
      <c r="EQ19" s="257">
        <v>31</v>
      </c>
      <c r="ER19" s="254">
        <v>51</v>
      </c>
      <c r="ES19" s="256">
        <v>0</v>
      </c>
      <c r="ET19" s="257">
        <v>62</v>
      </c>
      <c r="EU19" s="257">
        <v>88</v>
      </c>
      <c r="EV19" s="257">
        <v>57</v>
      </c>
      <c r="EW19" s="257">
        <v>33</v>
      </c>
      <c r="EX19" s="257">
        <v>15</v>
      </c>
      <c r="EY19" s="254">
        <v>255</v>
      </c>
      <c r="EZ19" s="259">
        <v>306</v>
      </c>
    </row>
    <row r="20" spans="2:156" ht="21" customHeight="1" x14ac:dyDescent="0.2">
      <c r="B20" s="437" t="s">
        <v>18</v>
      </c>
      <c r="C20" s="253">
        <v>0</v>
      </c>
      <c r="D20" s="257">
        <v>0</v>
      </c>
      <c r="E20" s="340">
        <v>0</v>
      </c>
      <c r="F20" s="256">
        <v>0</v>
      </c>
      <c r="G20" s="257">
        <v>23</v>
      </c>
      <c r="H20" s="257">
        <v>26</v>
      </c>
      <c r="I20" s="257">
        <v>21</v>
      </c>
      <c r="J20" s="257">
        <v>13</v>
      </c>
      <c r="K20" s="257">
        <v>7</v>
      </c>
      <c r="L20" s="258">
        <v>90</v>
      </c>
      <c r="M20" s="259">
        <v>90</v>
      </c>
      <c r="N20" s="253">
        <v>0</v>
      </c>
      <c r="O20" s="257">
        <v>0</v>
      </c>
      <c r="P20" s="254">
        <v>0</v>
      </c>
      <c r="Q20" s="256">
        <v>0</v>
      </c>
      <c r="R20" s="257">
        <v>0</v>
      </c>
      <c r="S20" s="257">
        <v>0</v>
      </c>
      <c r="T20" s="257">
        <v>1</v>
      </c>
      <c r="U20" s="257">
        <v>2</v>
      </c>
      <c r="V20" s="257">
        <v>1</v>
      </c>
      <c r="W20" s="254">
        <v>4</v>
      </c>
      <c r="X20" s="259">
        <v>4</v>
      </c>
      <c r="Y20" s="253">
        <v>4</v>
      </c>
      <c r="Z20" s="257">
        <v>5</v>
      </c>
      <c r="AA20" s="254">
        <v>9</v>
      </c>
      <c r="AB20" s="256">
        <v>0</v>
      </c>
      <c r="AC20" s="257">
        <v>22</v>
      </c>
      <c r="AD20" s="257">
        <v>26</v>
      </c>
      <c r="AE20" s="257">
        <v>20</v>
      </c>
      <c r="AF20" s="257">
        <v>16</v>
      </c>
      <c r="AG20" s="257">
        <v>7</v>
      </c>
      <c r="AH20" s="254">
        <v>91</v>
      </c>
      <c r="AI20" s="259">
        <v>100</v>
      </c>
      <c r="AJ20" s="253">
        <v>1</v>
      </c>
      <c r="AK20" s="257">
        <v>1</v>
      </c>
      <c r="AL20" s="254">
        <v>2</v>
      </c>
      <c r="AM20" s="256">
        <v>0</v>
      </c>
      <c r="AN20" s="257">
        <v>1</v>
      </c>
      <c r="AO20" s="257">
        <v>2</v>
      </c>
      <c r="AP20" s="257">
        <v>2</v>
      </c>
      <c r="AQ20" s="257">
        <v>1</v>
      </c>
      <c r="AR20" s="257">
        <v>1</v>
      </c>
      <c r="AS20" s="254">
        <v>7</v>
      </c>
      <c r="AT20" s="259">
        <v>9</v>
      </c>
      <c r="AU20" s="253">
        <v>4</v>
      </c>
      <c r="AV20" s="257">
        <v>4</v>
      </c>
      <c r="AW20" s="254">
        <v>8</v>
      </c>
      <c r="AX20" s="256">
        <v>0</v>
      </c>
      <c r="AY20" s="257">
        <v>29</v>
      </c>
      <c r="AZ20" s="257">
        <v>35</v>
      </c>
      <c r="BA20" s="257">
        <v>39</v>
      </c>
      <c r="BB20" s="257">
        <v>31</v>
      </c>
      <c r="BC20" s="257">
        <v>26</v>
      </c>
      <c r="BD20" s="258">
        <v>160</v>
      </c>
      <c r="BE20" s="259">
        <v>168</v>
      </c>
      <c r="BF20" s="253">
        <v>0</v>
      </c>
      <c r="BG20" s="257">
        <v>0</v>
      </c>
      <c r="BH20" s="254">
        <v>0</v>
      </c>
      <c r="BI20" s="256">
        <v>0</v>
      </c>
      <c r="BJ20" s="257">
        <v>32</v>
      </c>
      <c r="BK20" s="257">
        <v>40</v>
      </c>
      <c r="BL20" s="257">
        <v>15</v>
      </c>
      <c r="BM20" s="257">
        <v>12</v>
      </c>
      <c r="BN20" s="257">
        <v>5</v>
      </c>
      <c r="BO20" s="254">
        <v>104</v>
      </c>
      <c r="BP20" s="259">
        <v>104</v>
      </c>
      <c r="BQ20" s="253">
        <v>6</v>
      </c>
      <c r="BR20" s="257">
        <v>5</v>
      </c>
      <c r="BS20" s="254">
        <v>11</v>
      </c>
      <c r="BT20" s="256">
        <v>0</v>
      </c>
      <c r="BU20" s="257">
        <v>11</v>
      </c>
      <c r="BV20" s="257">
        <v>18</v>
      </c>
      <c r="BW20" s="257">
        <v>8</v>
      </c>
      <c r="BX20" s="257">
        <v>6</v>
      </c>
      <c r="BY20" s="257">
        <v>1</v>
      </c>
      <c r="BZ20" s="254">
        <v>44</v>
      </c>
      <c r="CA20" s="259">
        <v>55</v>
      </c>
      <c r="CB20" s="253">
        <v>1</v>
      </c>
      <c r="CC20" s="257">
        <v>0</v>
      </c>
      <c r="CD20" s="254">
        <v>1</v>
      </c>
      <c r="CE20" s="256">
        <v>0</v>
      </c>
      <c r="CF20" s="257">
        <v>6</v>
      </c>
      <c r="CG20" s="257">
        <v>9</v>
      </c>
      <c r="CH20" s="257">
        <v>9</v>
      </c>
      <c r="CI20" s="257">
        <v>4</v>
      </c>
      <c r="CJ20" s="257">
        <v>4</v>
      </c>
      <c r="CK20" s="254">
        <v>32</v>
      </c>
      <c r="CL20" s="259">
        <v>33</v>
      </c>
      <c r="CM20" s="253">
        <v>0</v>
      </c>
      <c r="CN20" s="257">
        <v>0</v>
      </c>
      <c r="CO20" s="254">
        <v>0</v>
      </c>
      <c r="CP20" s="256">
        <v>0</v>
      </c>
      <c r="CQ20" s="257">
        <v>0</v>
      </c>
      <c r="CR20" s="257">
        <v>1</v>
      </c>
      <c r="CS20" s="257">
        <v>0</v>
      </c>
      <c r="CT20" s="257">
        <v>0</v>
      </c>
      <c r="CU20" s="257">
        <v>0</v>
      </c>
      <c r="CV20" s="254">
        <v>1</v>
      </c>
      <c r="CW20" s="259">
        <v>1</v>
      </c>
      <c r="CX20" s="253">
        <v>0</v>
      </c>
      <c r="CY20" s="257">
        <v>0</v>
      </c>
      <c r="CZ20" s="254">
        <v>0</v>
      </c>
      <c r="DA20" s="256">
        <v>0</v>
      </c>
      <c r="DB20" s="257">
        <v>0</v>
      </c>
      <c r="DC20" s="257">
        <v>0</v>
      </c>
      <c r="DD20" s="257">
        <v>0</v>
      </c>
      <c r="DE20" s="257">
        <v>0</v>
      </c>
      <c r="DF20" s="257">
        <v>0</v>
      </c>
      <c r="DG20" s="254">
        <v>0</v>
      </c>
      <c r="DH20" s="259">
        <v>0</v>
      </c>
      <c r="DI20" s="253">
        <v>0</v>
      </c>
      <c r="DJ20" s="257">
        <v>0</v>
      </c>
      <c r="DK20" s="254">
        <v>0</v>
      </c>
      <c r="DL20" s="256">
        <v>0</v>
      </c>
      <c r="DM20" s="257">
        <v>0</v>
      </c>
      <c r="DN20" s="257">
        <v>0</v>
      </c>
      <c r="DO20" s="257">
        <v>0</v>
      </c>
      <c r="DP20" s="257">
        <v>0</v>
      </c>
      <c r="DQ20" s="257">
        <v>0</v>
      </c>
      <c r="DR20" s="254">
        <v>0</v>
      </c>
      <c r="DS20" s="259">
        <v>0</v>
      </c>
      <c r="DT20" s="253">
        <v>9</v>
      </c>
      <c r="DU20" s="257">
        <v>24</v>
      </c>
      <c r="DV20" s="254">
        <v>33</v>
      </c>
      <c r="DW20" s="256">
        <v>0</v>
      </c>
      <c r="DX20" s="257">
        <v>45</v>
      </c>
      <c r="DY20" s="257">
        <v>59</v>
      </c>
      <c r="DZ20" s="257">
        <v>46</v>
      </c>
      <c r="EA20" s="257">
        <v>31</v>
      </c>
      <c r="EB20" s="257">
        <v>12</v>
      </c>
      <c r="EC20" s="254">
        <v>193</v>
      </c>
      <c r="ED20" s="259">
        <v>226</v>
      </c>
      <c r="EE20" s="253">
        <v>3</v>
      </c>
      <c r="EF20" s="257">
        <v>2</v>
      </c>
      <c r="EG20" s="254">
        <v>5</v>
      </c>
      <c r="EH20" s="256">
        <v>0</v>
      </c>
      <c r="EI20" s="257">
        <v>10</v>
      </c>
      <c r="EJ20" s="257">
        <v>11</v>
      </c>
      <c r="EK20" s="257">
        <v>9</v>
      </c>
      <c r="EL20" s="257">
        <v>11</v>
      </c>
      <c r="EM20" s="257">
        <v>17</v>
      </c>
      <c r="EN20" s="254">
        <v>58</v>
      </c>
      <c r="EO20" s="259">
        <v>63</v>
      </c>
      <c r="EP20" s="253">
        <v>22</v>
      </c>
      <c r="EQ20" s="257">
        <v>30</v>
      </c>
      <c r="ER20" s="254">
        <v>52</v>
      </c>
      <c r="ES20" s="256">
        <v>0</v>
      </c>
      <c r="ET20" s="257">
        <v>97</v>
      </c>
      <c r="EU20" s="257">
        <v>93</v>
      </c>
      <c r="EV20" s="257">
        <v>50</v>
      </c>
      <c r="EW20" s="257">
        <v>40</v>
      </c>
      <c r="EX20" s="257">
        <v>13</v>
      </c>
      <c r="EY20" s="254">
        <v>293</v>
      </c>
      <c r="EZ20" s="259">
        <v>345</v>
      </c>
    </row>
    <row r="21" spans="2:156" ht="21" customHeight="1" x14ac:dyDescent="0.2">
      <c r="B21" s="437" t="s">
        <v>19</v>
      </c>
      <c r="C21" s="253">
        <v>0</v>
      </c>
      <c r="D21" s="257">
        <v>0</v>
      </c>
      <c r="E21" s="340">
        <v>0</v>
      </c>
      <c r="F21" s="256">
        <v>0</v>
      </c>
      <c r="G21" s="257">
        <v>12</v>
      </c>
      <c r="H21" s="257">
        <v>11</v>
      </c>
      <c r="I21" s="257">
        <v>5</v>
      </c>
      <c r="J21" s="257">
        <v>1</v>
      </c>
      <c r="K21" s="257">
        <v>4</v>
      </c>
      <c r="L21" s="258">
        <v>33</v>
      </c>
      <c r="M21" s="259">
        <v>33</v>
      </c>
      <c r="N21" s="253">
        <v>0</v>
      </c>
      <c r="O21" s="257">
        <v>0</v>
      </c>
      <c r="P21" s="254">
        <v>0</v>
      </c>
      <c r="Q21" s="256">
        <v>0</v>
      </c>
      <c r="R21" s="257">
        <v>0</v>
      </c>
      <c r="S21" s="257">
        <v>0</v>
      </c>
      <c r="T21" s="257">
        <v>2</v>
      </c>
      <c r="U21" s="257">
        <v>2</v>
      </c>
      <c r="V21" s="257">
        <v>2</v>
      </c>
      <c r="W21" s="254">
        <v>6</v>
      </c>
      <c r="X21" s="259">
        <v>6</v>
      </c>
      <c r="Y21" s="253">
        <v>3</v>
      </c>
      <c r="Z21" s="257">
        <v>4</v>
      </c>
      <c r="AA21" s="254">
        <v>7</v>
      </c>
      <c r="AB21" s="256">
        <v>0</v>
      </c>
      <c r="AC21" s="257">
        <v>12</v>
      </c>
      <c r="AD21" s="257">
        <v>11</v>
      </c>
      <c r="AE21" s="257">
        <v>8</v>
      </c>
      <c r="AF21" s="257">
        <v>2</v>
      </c>
      <c r="AG21" s="257">
        <v>2</v>
      </c>
      <c r="AH21" s="254">
        <v>35</v>
      </c>
      <c r="AI21" s="259">
        <v>42</v>
      </c>
      <c r="AJ21" s="253">
        <v>0</v>
      </c>
      <c r="AK21" s="257">
        <v>0</v>
      </c>
      <c r="AL21" s="254">
        <v>0</v>
      </c>
      <c r="AM21" s="256">
        <v>0</v>
      </c>
      <c r="AN21" s="257">
        <v>2</v>
      </c>
      <c r="AO21" s="257">
        <v>0</v>
      </c>
      <c r="AP21" s="257">
        <v>0</v>
      </c>
      <c r="AQ21" s="257">
        <v>1</v>
      </c>
      <c r="AR21" s="257">
        <v>0</v>
      </c>
      <c r="AS21" s="254">
        <v>3</v>
      </c>
      <c r="AT21" s="259">
        <v>3</v>
      </c>
      <c r="AU21" s="253">
        <v>3</v>
      </c>
      <c r="AV21" s="257">
        <v>2</v>
      </c>
      <c r="AW21" s="254">
        <v>5</v>
      </c>
      <c r="AX21" s="256">
        <v>0</v>
      </c>
      <c r="AY21" s="257">
        <v>14</v>
      </c>
      <c r="AZ21" s="257">
        <v>19</v>
      </c>
      <c r="BA21" s="257">
        <v>12</v>
      </c>
      <c r="BB21" s="257">
        <v>11</v>
      </c>
      <c r="BC21" s="257">
        <v>12</v>
      </c>
      <c r="BD21" s="258">
        <v>68</v>
      </c>
      <c r="BE21" s="259">
        <v>73</v>
      </c>
      <c r="BF21" s="253">
        <v>0</v>
      </c>
      <c r="BG21" s="257">
        <v>0</v>
      </c>
      <c r="BH21" s="254">
        <v>0</v>
      </c>
      <c r="BI21" s="256">
        <v>0</v>
      </c>
      <c r="BJ21" s="257">
        <v>15</v>
      </c>
      <c r="BK21" s="257">
        <v>14</v>
      </c>
      <c r="BL21" s="257">
        <v>3</v>
      </c>
      <c r="BM21" s="257">
        <v>0</v>
      </c>
      <c r="BN21" s="257">
        <v>4</v>
      </c>
      <c r="BO21" s="254">
        <v>36</v>
      </c>
      <c r="BP21" s="259">
        <v>36</v>
      </c>
      <c r="BQ21" s="253">
        <v>2</v>
      </c>
      <c r="BR21" s="257">
        <v>1</v>
      </c>
      <c r="BS21" s="254">
        <v>3</v>
      </c>
      <c r="BT21" s="256">
        <v>0</v>
      </c>
      <c r="BU21" s="257">
        <v>14</v>
      </c>
      <c r="BV21" s="257">
        <v>4</v>
      </c>
      <c r="BW21" s="257">
        <v>6</v>
      </c>
      <c r="BX21" s="257">
        <v>2</v>
      </c>
      <c r="BY21" s="257">
        <v>2</v>
      </c>
      <c r="BZ21" s="254">
        <v>28</v>
      </c>
      <c r="CA21" s="259">
        <v>31</v>
      </c>
      <c r="CB21" s="253">
        <v>0</v>
      </c>
      <c r="CC21" s="257">
        <v>1</v>
      </c>
      <c r="CD21" s="254">
        <v>1</v>
      </c>
      <c r="CE21" s="256">
        <v>0</v>
      </c>
      <c r="CF21" s="257">
        <v>2</v>
      </c>
      <c r="CG21" s="257">
        <v>1</v>
      </c>
      <c r="CH21" s="257">
        <v>3</v>
      </c>
      <c r="CI21" s="257">
        <v>0</v>
      </c>
      <c r="CJ21" s="257">
        <v>1</v>
      </c>
      <c r="CK21" s="254">
        <v>7</v>
      </c>
      <c r="CL21" s="259">
        <v>8</v>
      </c>
      <c r="CM21" s="253">
        <v>0</v>
      </c>
      <c r="CN21" s="257">
        <v>0</v>
      </c>
      <c r="CO21" s="254">
        <v>0</v>
      </c>
      <c r="CP21" s="256">
        <v>0</v>
      </c>
      <c r="CQ21" s="257">
        <v>1</v>
      </c>
      <c r="CR21" s="257">
        <v>0</v>
      </c>
      <c r="CS21" s="257">
        <v>1</v>
      </c>
      <c r="CT21" s="257">
        <v>1</v>
      </c>
      <c r="CU21" s="257">
        <v>0</v>
      </c>
      <c r="CV21" s="254">
        <v>3</v>
      </c>
      <c r="CW21" s="259">
        <v>3</v>
      </c>
      <c r="CX21" s="253">
        <v>0</v>
      </c>
      <c r="CY21" s="257">
        <v>0</v>
      </c>
      <c r="CZ21" s="254">
        <v>0</v>
      </c>
      <c r="DA21" s="256">
        <v>0</v>
      </c>
      <c r="DB21" s="257">
        <v>0</v>
      </c>
      <c r="DC21" s="257">
        <v>0</v>
      </c>
      <c r="DD21" s="257">
        <v>0</v>
      </c>
      <c r="DE21" s="257">
        <v>0</v>
      </c>
      <c r="DF21" s="257">
        <v>0</v>
      </c>
      <c r="DG21" s="254">
        <v>0</v>
      </c>
      <c r="DH21" s="259">
        <v>0</v>
      </c>
      <c r="DI21" s="253">
        <v>0</v>
      </c>
      <c r="DJ21" s="257">
        <v>0</v>
      </c>
      <c r="DK21" s="254">
        <v>0</v>
      </c>
      <c r="DL21" s="256">
        <v>0</v>
      </c>
      <c r="DM21" s="257">
        <v>0</v>
      </c>
      <c r="DN21" s="257">
        <v>0</v>
      </c>
      <c r="DO21" s="257">
        <v>0</v>
      </c>
      <c r="DP21" s="257">
        <v>0</v>
      </c>
      <c r="DQ21" s="257">
        <v>0</v>
      </c>
      <c r="DR21" s="254">
        <v>0</v>
      </c>
      <c r="DS21" s="259">
        <v>0</v>
      </c>
      <c r="DT21" s="253">
        <v>7</v>
      </c>
      <c r="DU21" s="257">
        <v>8</v>
      </c>
      <c r="DV21" s="254">
        <v>15</v>
      </c>
      <c r="DW21" s="256">
        <v>0</v>
      </c>
      <c r="DX21" s="257">
        <v>23</v>
      </c>
      <c r="DY21" s="257">
        <v>24</v>
      </c>
      <c r="DZ21" s="257">
        <v>16</v>
      </c>
      <c r="EA21" s="257">
        <v>8</v>
      </c>
      <c r="EB21" s="257">
        <v>9</v>
      </c>
      <c r="EC21" s="254">
        <v>80</v>
      </c>
      <c r="ED21" s="259">
        <v>95</v>
      </c>
      <c r="EE21" s="253">
        <v>1</v>
      </c>
      <c r="EF21" s="257">
        <v>1</v>
      </c>
      <c r="EG21" s="254">
        <v>2</v>
      </c>
      <c r="EH21" s="256">
        <v>0</v>
      </c>
      <c r="EI21" s="257">
        <v>5</v>
      </c>
      <c r="EJ21" s="257">
        <v>7</v>
      </c>
      <c r="EK21" s="257">
        <v>5</v>
      </c>
      <c r="EL21" s="257">
        <v>5</v>
      </c>
      <c r="EM21" s="257">
        <v>3</v>
      </c>
      <c r="EN21" s="254">
        <v>25</v>
      </c>
      <c r="EO21" s="259">
        <v>27</v>
      </c>
      <c r="EP21" s="253">
        <v>12</v>
      </c>
      <c r="EQ21" s="257">
        <v>12</v>
      </c>
      <c r="ER21" s="254">
        <v>24</v>
      </c>
      <c r="ES21" s="256">
        <v>0</v>
      </c>
      <c r="ET21" s="257">
        <v>49</v>
      </c>
      <c r="EU21" s="257">
        <v>35</v>
      </c>
      <c r="EV21" s="257">
        <v>19</v>
      </c>
      <c r="EW21" s="257">
        <v>7</v>
      </c>
      <c r="EX21" s="257">
        <v>7</v>
      </c>
      <c r="EY21" s="254">
        <v>117</v>
      </c>
      <c r="EZ21" s="259">
        <v>141</v>
      </c>
    </row>
    <row r="22" spans="2:156" ht="21" customHeight="1" x14ac:dyDescent="0.2">
      <c r="B22" s="437" t="s">
        <v>20</v>
      </c>
      <c r="C22" s="253">
        <v>0</v>
      </c>
      <c r="D22" s="257">
        <v>0</v>
      </c>
      <c r="E22" s="340">
        <v>0</v>
      </c>
      <c r="F22" s="256">
        <v>0</v>
      </c>
      <c r="G22" s="257">
        <v>15</v>
      </c>
      <c r="H22" s="257">
        <v>11</v>
      </c>
      <c r="I22" s="257">
        <v>6</v>
      </c>
      <c r="J22" s="257">
        <v>4</v>
      </c>
      <c r="K22" s="257">
        <v>6</v>
      </c>
      <c r="L22" s="258">
        <v>42</v>
      </c>
      <c r="M22" s="259">
        <v>42</v>
      </c>
      <c r="N22" s="253">
        <v>0</v>
      </c>
      <c r="O22" s="257">
        <v>0</v>
      </c>
      <c r="P22" s="254">
        <v>0</v>
      </c>
      <c r="Q22" s="256">
        <v>0</v>
      </c>
      <c r="R22" s="257">
        <v>1</v>
      </c>
      <c r="S22" s="257">
        <v>0</v>
      </c>
      <c r="T22" s="257">
        <v>0</v>
      </c>
      <c r="U22" s="257">
        <v>2</v>
      </c>
      <c r="V22" s="257">
        <v>3</v>
      </c>
      <c r="W22" s="254">
        <v>6</v>
      </c>
      <c r="X22" s="259">
        <v>6</v>
      </c>
      <c r="Y22" s="253">
        <v>5</v>
      </c>
      <c r="Z22" s="257">
        <v>7</v>
      </c>
      <c r="AA22" s="254">
        <v>12</v>
      </c>
      <c r="AB22" s="256">
        <v>0</v>
      </c>
      <c r="AC22" s="257">
        <v>15</v>
      </c>
      <c r="AD22" s="257">
        <v>11</v>
      </c>
      <c r="AE22" s="257">
        <v>6</v>
      </c>
      <c r="AF22" s="257">
        <v>7</v>
      </c>
      <c r="AG22" s="257">
        <v>2</v>
      </c>
      <c r="AH22" s="254">
        <v>41</v>
      </c>
      <c r="AI22" s="259">
        <v>53</v>
      </c>
      <c r="AJ22" s="253">
        <v>0</v>
      </c>
      <c r="AK22" s="257">
        <v>4</v>
      </c>
      <c r="AL22" s="254">
        <v>4</v>
      </c>
      <c r="AM22" s="256">
        <v>0</v>
      </c>
      <c r="AN22" s="257">
        <v>4</v>
      </c>
      <c r="AO22" s="257">
        <v>3</v>
      </c>
      <c r="AP22" s="257">
        <v>3</v>
      </c>
      <c r="AQ22" s="257">
        <v>2</v>
      </c>
      <c r="AR22" s="257">
        <v>1</v>
      </c>
      <c r="AS22" s="254">
        <v>13</v>
      </c>
      <c r="AT22" s="259">
        <v>17</v>
      </c>
      <c r="AU22" s="253">
        <v>3</v>
      </c>
      <c r="AV22" s="257">
        <v>2</v>
      </c>
      <c r="AW22" s="254">
        <v>5</v>
      </c>
      <c r="AX22" s="256">
        <v>0</v>
      </c>
      <c r="AY22" s="257">
        <v>11</v>
      </c>
      <c r="AZ22" s="257">
        <v>14</v>
      </c>
      <c r="BA22" s="257">
        <v>12</v>
      </c>
      <c r="BB22" s="257">
        <v>10</v>
      </c>
      <c r="BC22" s="257">
        <v>13</v>
      </c>
      <c r="BD22" s="258">
        <v>60</v>
      </c>
      <c r="BE22" s="259">
        <v>65</v>
      </c>
      <c r="BF22" s="253">
        <v>0</v>
      </c>
      <c r="BG22" s="257">
        <v>0</v>
      </c>
      <c r="BH22" s="254">
        <v>0</v>
      </c>
      <c r="BI22" s="256">
        <v>0</v>
      </c>
      <c r="BJ22" s="257">
        <v>21</v>
      </c>
      <c r="BK22" s="257">
        <v>17</v>
      </c>
      <c r="BL22" s="257">
        <v>11</v>
      </c>
      <c r="BM22" s="257">
        <v>6</v>
      </c>
      <c r="BN22" s="257">
        <v>2</v>
      </c>
      <c r="BO22" s="254">
        <v>57</v>
      </c>
      <c r="BP22" s="259">
        <v>57</v>
      </c>
      <c r="BQ22" s="253">
        <v>0</v>
      </c>
      <c r="BR22" s="257">
        <v>3</v>
      </c>
      <c r="BS22" s="254">
        <v>3</v>
      </c>
      <c r="BT22" s="256">
        <v>0</v>
      </c>
      <c r="BU22" s="257">
        <v>4</v>
      </c>
      <c r="BV22" s="257">
        <v>10</v>
      </c>
      <c r="BW22" s="257">
        <v>4</v>
      </c>
      <c r="BX22" s="257">
        <v>3</v>
      </c>
      <c r="BY22" s="257">
        <v>2</v>
      </c>
      <c r="BZ22" s="254">
        <v>23</v>
      </c>
      <c r="CA22" s="259">
        <v>26</v>
      </c>
      <c r="CB22" s="253">
        <v>0</v>
      </c>
      <c r="CC22" s="257">
        <v>0</v>
      </c>
      <c r="CD22" s="254">
        <v>0</v>
      </c>
      <c r="CE22" s="256">
        <v>0</v>
      </c>
      <c r="CF22" s="257">
        <v>3</v>
      </c>
      <c r="CG22" s="257">
        <v>3</v>
      </c>
      <c r="CH22" s="257">
        <v>4</v>
      </c>
      <c r="CI22" s="257">
        <v>2</v>
      </c>
      <c r="CJ22" s="257">
        <v>2</v>
      </c>
      <c r="CK22" s="254">
        <v>14</v>
      </c>
      <c r="CL22" s="259">
        <v>14</v>
      </c>
      <c r="CM22" s="253">
        <v>0</v>
      </c>
      <c r="CN22" s="257">
        <v>0</v>
      </c>
      <c r="CO22" s="254">
        <v>0</v>
      </c>
      <c r="CP22" s="256">
        <v>0</v>
      </c>
      <c r="CQ22" s="257">
        <v>0</v>
      </c>
      <c r="CR22" s="257">
        <v>1</v>
      </c>
      <c r="CS22" s="257">
        <v>1</v>
      </c>
      <c r="CT22" s="257">
        <v>1</v>
      </c>
      <c r="CU22" s="257">
        <v>0</v>
      </c>
      <c r="CV22" s="254">
        <v>3</v>
      </c>
      <c r="CW22" s="259">
        <v>3</v>
      </c>
      <c r="CX22" s="253">
        <v>0</v>
      </c>
      <c r="CY22" s="257">
        <v>0</v>
      </c>
      <c r="CZ22" s="254">
        <v>0</v>
      </c>
      <c r="DA22" s="256">
        <v>0</v>
      </c>
      <c r="DB22" s="257">
        <v>0</v>
      </c>
      <c r="DC22" s="257">
        <v>0</v>
      </c>
      <c r="DD22" s="257">
        <v>0</v>
      </c>
      <c r="DE22" s="257">
        <v>0</v>
      </c>
      <c r="DF22" s="257">
        <v>0</v>
      </c>
      <c r="DG22" s="254">
        <v>0</v>
      </c>
      <c r="DH22" s="259">
        <v>0</v>
      </c>
      <c r="DI22" s="253">
        <v>0</v>
      </c>
      <c r="DJ22" s="257">
        <v>0</v>
      </c>
      <c r="DK22" s="254">
        <v>0</v>
      </c>
      <c r="DL22" s="256">
        <v>0</v>
      </c>
      <c r="DM22" s="257">
        <v>0</v>
      </c>
      <c r="DN22" s="257">
        <v>0</v>
      </c>
      <c r="DO22" s="257">
        <v>0</v>
      </c>
      <c r="DP22" s="257">
        <v>0</v>
      </c>
      <c r="DQ22" s="257">
        <v>0</v>
      </c>
      <c r="DR22" s="254">
        <v>0</v>
      </c>
      <c r="DS22" s="259">
        <v>0</v>
      </c>
      <c r="DT22" s="253">
        <v>9</v>
      </c>
      <c r="DU22" s="257">
        <v>22</v>
      </c>
      <c r="DV22" s="254">
        <v>31</v>
      </c>
      <c r="DW22" s="256">
        <v>0</v>
      </c>
      <c r="DX22" s="257">
        <v>30</v>
      </c>
      <c r="DY22" s="257">
        <v>30</v>
      </c>
      <c r="DZ22" s="257">
        <v>17</v>
      </c>
      <c r="EA22" s="257">
        <v>15</v>
      </c>
      <c r="EB22" s="257">
        <v>10</v>
      </c>
      <c r="EC22" s="254">
        <v>102</v>
      </c>
      <c r="ED22" s="259">
        <v>133</v>
      </c>
      <c r="EE22" s="253">
        <v>2</v>
      </c>
      <c r="EF22" s="257">
        <v>1</v>
      </c>
      <c r="EG22" s="254">
        <v>3</v>
      </c>
      <c r="EH22" s="256">
        <v>0</v>
      </c>
      <c r="EI22" s="257">
        <v>4</v>
      </c>
      <c r="EJ22" s="257">
        <v>4</v>
      </c>
      <c r="EK22" s="257">
        <v>4</v>
      </c>
      <c r="EL22" s="257">
        <v>6</v>
      </c>
      <c r="EM22" s="257">
        <v>3</v>
      </c>
      <c r="EN22" s="254">
        <v>21</v>
      </c>
      <c r="EO22" s="259">
        <v>24</v>
      </c>
      <c r="EP22" s="253">
        <v>12</v>
      </c>
      <c r="EQ22" s="257">
        <v>30</v>
      </c>
      <c r="ER22" s="254">
        <v>42</v>
      </c>
      <c r="ES22" s="256">
        <v>0</v>
      </c>
      <c r="ET22" s="257">
        <v>61</v>
      </c>
      <c r="EU22" s="257">
        <v>46</v>
      </c>
      <c r="EV22" s="257">
        <v>24</v>
      </c>
      <c r="EW22" s="257">
        <v>15</v>
      </c>
      <c r="EX22" s="257">
        <v>10</v>
      </c>
      <c r="EY22" s="254">
        <v>156</v>
      </c>
      <c r="EZ22" s="259">
        <v>198</v>
      </c>
    </row>
    <row r="23" spans="2:156" ht="21" customHeight="1" x14ac:dyDescent="0.2">
      <c r="B23" s="437" t="s">
        <v>21</v>
      </c>
      <c r="C23" s="253">
        <v>0</v>
      </c>
      <c r="D23" s="257">
        <v>0</v>
      </c>
      <c r="E23" s="340">
        <v>0</v>
      </c>
      <c r="F23" s="256">
        <v>0</v>
      </c>
      <c r="G23" s="257">
        <v>13</v>
      </c>
      <c r="H23" s="257">
        <v>14</v>
      </c>
      <c r="I23" s="257">
        <v>9</v>
      </c>
      <c r="J23" s="257">
        <v>3</v>
      </c>
      <c r="K23" s="257">
        <v>4</v>
      </c>
      <c r="L23" s="258">
        <v>43</v>
      </c>
      <c r="M23" s="259">
        <v>43</v>
      </c>
      <c r="N23" s="253">
        <v>0</v>
      </c>
      <c r="O23" s="257">
        <v>0</v>
      </c>
      <c r="P23" s="254">
        <v>0</v>
      </c>
      <c r="Q23" s="256">
        <v>0</v>
      </c>
      <c r="R23" s="257">
        <v>0</v>
      </c>
      <c r="S23" s="257">
        <v>1</v>
      </c>
      <c r="T23" s="257">
        <v>1</v>
      </c>
      <c r="U23" s="257">
        <v>0</v>
      </c>
      <c r="V23" s="257">
        <v>2</v>
      </c>
      <c r="W23" s="254">
        <v>4</v>
      </c>
      <c r="X23" s="259">
        <v>4</v>
      </c>
      <c r="Y23" s="253">
        <v>0</v>
      </c>
      <c r="Z23" s="257">
        <v>2</v>
      </c>
      <c r="AA23" s="254">
        <v>2</v>
      </c>
      <c r="AB23" s="256">
        <v>0</v>
      </c>
      <c r="AC23" s="257">
        <v>11</v>
      </c>
      <c r="AD23" s="257">
        <v>9</v>
      </c>
      <c r="AE23" s="257">
        <v>10</v>
      </c>
      <c r="AF23" s="257">
        <v>1</v>
      </c>
      <c r="AG23" s="257">
        <v>6</v>
      </c>
      <c r="AH23" s="254">
        <v>37</v>
      </c>
      <c r="AI23" s="259">
        <v>39</v>
      </c>
      <c r="AJ23" s="253">
        <v>0</v>
      </c>
      <c r="AK23" s="257">
        <v>1</v>
      </c>
      <c r="AL23" s="254">
        <v>1</v>
      </c>
      <c r="AM23" s="256">
        <v>0</v>
      </c>
      <c r="AN23" s="257">
        <v>0</v>
      </c>
      <c r="AO23" s="257">
        <v>0</v>
      </c>
      <c r="AP23" s="257">
        <v>1</v>
      </c>
      <c r="AQ23" s="257">
        <v>0</v>
      </c>
      <c r="AR23" s="257">
        <v>0</v>
      </c>
      <c r="AS23" s="254">
        <v>1</v>
      </c>
      <c r="AT23" s="259">
        <v>2</v>
      </c>
      <c r="AU23" s="253">
        <v>3</v>
      </c>
      <c r="AV23" s="257">
        <v>7</v>
      </c>
      <c r="AW23" s="254">
        <v>10</v>
      </c>
      <c r="AX23" s="256">
        <v>0</v>
      </c>
      <c r="AY23" s="257">
        <v>16</v>
      </c>
      <c r="AZ23" s="257">
        <v>16</v>
      </c>
      <c r="BA23" s="257">
        <v>15</v>
      </c>
      <c r="BB23" s="257">
        <v>15</v>
      </c>
      <c r="BC23" s="257">
        <v>7</v>
      </c>
      <c r="BD23" s="258">
        <v>69</v>
      </c>
      <c r="BE23" s="259">
        <v>79</v>
      </c>
      <c r="BF23" s="253">
        <v>0</v>
      </c>
      <c r="BG23" s="257">
        <v>0</v>
      </c>
      <c r="BH23" s="254">
        <v>0</v>
      </c>
      <c r="BI23" s="256">
        <v>0</v>
      </c>
      <c r="BJ23" s="257">
        <v>17</v>
      </c>
      <c r="BK23" s="257">
        <v>9</v>
      </c>
      <c r="BL23" s="257">
        <v>9</v>
      </c>
      <c r="BM23" s="257">
        <v>2</v>
      </c>
      <c r="BN23" s="257">
        <v>1</v>
      </c>
      <c r="BO23" s="254">
        <v>38</v>
      </c>
      <c r="BP23" s="259">
        <v>38</v>
      </c>
      <c r="BQ23" s="253">
        <v>0</v>
      </c>
      <c r="BR23" s="257">
        <v>1</v>
      </c>
      <c r="BS23" s="254">
        <v>1</v>
      </c>
      <c r="BT23" s="256">
        <v>0</v>
      </c>
      <c r="BU23" s="257">
        <v>3</v>
      </c>
      <c r="BV23" s="257">
        <v>2</v>
      </c>
      <c r="BW23" s="257">
        <v>2</v>
      </c>
      <c r="BX23" s="257">
        <v>0</v>
      </c>
      <c r="BY23" s="257">
        <v>0</v>
      </c>
      <c r="BZ23" s="254">
        <v>7</v>
      </c>
      <c r="CA23" s="259">
        <v>8</v>
      </c>
      <c r="CB23" s="253">
        <v>1</v>
      </c>
      <c r="CC23" s="257">
        <v>1</v>
      </c>
      <c r="CD23" s="254">
        <v>2</v>
      </c>
      <c r="CE23" s="256">
        <v>0</v>
      </c>
      <c r="CF23" s="257">
        <v>2</v>
      </c>
      <c r="CG23" s="257">
        <v>2</v>
      </c>
      <c r="CH23" s="257">
        <v>3</v>
      </c>
      <c r="CI23" s="257">
        <v>0</v>
      </c>
      <c r="CJ23" s="257">
        <v>0</v>
      </c>
      <c r="CK23" s="254">
        <v>7</v>
      </c>
      <c r="CL23" s="259">
        <v>9</v>
      </c>
      <c r="CM23" s="253">
        <v>0</v>
      </c>
      <c r="CN23" s="257">
        <v>0</v>
      </c>
      <c r="CO23" s="254">
        <v>0</v>
      </c>
      <c r="CP23" s="256">
        <v>0</v>
      </c>
      <c r="CQ23" s="257">
        <v>1</v>
      </c>
      <c r="CR23" s="257">
        <v>0</v>
      </c>
      <c r="CS23" s="257">
        <v>1</v>
      </c>
      <c r="CT23" s="257">
        <v>0</v>
      </c>
      <c r="CU23" s="257">
        <v>0</v>
      </c>
      <c r="CV23" s="254">
        <v>2</v>
      </c>
      <c r="CW23" s="259">
        <v>2</v>
      </c>
      <c r="CX23" s="253">
        <v>0</v>
      </c>
      <c r="CY23" s="257">
        <v>0</v>
      </c>
      <c r="CZ23" s="254">
        <v>0</v>
      </c>
      <c r="DA23" s="256">
        <v>0</v>
      </c>
      <c r="DB23" s="257">
        <v>0</v>
      </c>
      <c r="DC23" s="257">
        <v>0</v>
      </c>
      <c r="DD23" s="257">
        <v>0</v>
      </c>
      <c r="DE23" s="257">
        <v>0</v>
      </c>
      <c r="DF23" s="257">
        <v>0</v>
      </c>
      <c r="DG23" s="254">
        <v>0</v>
      </c>
      <c r="DH23" s="259">
        <v>0</v>
      </c>
      <c r="DI23" s="253">
        <v>0</v>
      </c>
      <c r="DJ23" s="257">
        <v>0</v>
      </c>
      <c r="DK23" s="254">
        <v>0</v>
      </c>
      <c r="DL23" s="256">
        <v>0</v>
      </c>
      <c r="DM23" s="257">
        <v>0</v>
      </c>
      <c r="DN23" s="257">
        <v>0</v>
      </c>
      <c r="DO23" s="257">
        <v>0</v>
      </c>
      <c r="DP23" s="257">
        <v>0</v>
      </c>
      <c r="DQ23" s="257">
        <v>0</v>
      </c>
      <c r="DR23" s="254">
        <v>0</v>
      </c>
      <c r="DS23" s="259">
        <v>0</v>
      </c>
      <c r="DT23" s="253">
        <v>7</v>
      </c>
      <c r="DU23" s="257">
        <v>11</v>
      </c>
      <c r="DV23" s="254">
        <v>18</v>
      </c>
      <c r="DW23" s="256">
        <v>0</v>
      </c>
      <c r="DX23" s="257">
        <v>15</v>
      </c>
      <c r="DY23" s="257">
        <v>24</v>
      </c>
      <c r="DZ23" s="257">
        <v>13</v>
      </c>
      <c r="EA23" s="257">
        <v>4</v>
      </c>
      <c r="EB23" s="257">
        <v>6</v>
      </c>
      <c r="EC23" s="254">
        <v>62</v>
      </c>
      <c r="ED23" s="259">
        <v>80</v>
      </c>
      <c r="EE23" s="253">
        <v>2</v>
      </c>
      <c r="EF23" s="257">
        <v>1</v>
      </c>
      <c r="EG23" s="254">
        <v>3</v>
      </c>
      <c r="EH23" s="256">
        <v>0</v>
      </c>
      <c r="EI23" s="257">
        <v>6</v>
      </c>
      <c r="EJ23" s="257">
        <v>5</v>
      </c>
      <c r="EK23" s="257">
        <v>6</v>
      </c>
      <c r="EL23" s="257">
        <v>8</v>
      </c>
      <c r="EM23" s="257">
        <v>2</v>
      </c>
      <c r="EN23" s="254">
        <v>27</v>
      </c>
      <c r="EO23" s="259">
        <v>30</v>
      </c>
      <c r="EP23" s="253">
        <v>9</v>
      </c>
      <c r="EQ23" s="257">
        <v>15</v>
      </c>
      <c r="ER23" s="254">
        <v>24</v>
      </c>
      <c r="ES23" s="256">
        <v>0</v>
      </c>
      <c r="ET23" s="257">
        <v>46</v>
      </c>
      <c r="EU23" s="257">
        <v>31</v>
      </c>
      <c r="EV23" s="257">
        <v>17</v>
      </c>
      <c r="EW23" s="257">
        <v>6</v>
      </c>
      <c r="EX23" s="257">
        <v>6</v>
      </c>
      <c r="EY23" s="254">
        <v>106</v>
      </c>
      <c r="EZ23" s="259">
        <v>130</v>
      </c>
    </row>
    <row r="24" spans="2:156" ht="21" customHeight="1" x14ac:dyDescent="0.2">
      <c r="B24" s="437" t="s">
        <v>22</v>
      </c>
      <c r="C24" s="253">
        <v>0</v>
      </c>
      <c r="D24" s="257">
        <v>0</v>
      </c>
      <c r="E24" s="340">
        <v>0</v>
      </c>
      <c r="F24" s="256">
        <v>0</v>
      </c>
      <c r="G24" s="257">
        <v>4</v>
      </c>
      <c r="H24" s="257">
        <v>1</v>
      </c>
      <c r="I24" s="257">
        <v>3</v>
      </c>
      <c r="J24" s="257">
        <v>1</v>
      </c>
      <c r="K24" s="257">
        <v>2</v>
      </c>
      <c r="L24" s="258">
        <v>11</v>
      </c>
      <c r="M24" s="259">
        <v>11</v>
      </c>
      <c r="N24" s="253">
        <v>0</v>
      </c>
      <c r="O24" s="257">
        <v>0</v>
      </c>
      <c r="P24" s="254">
        <v>0</v>
      </c>
      <c r="Q24" s="256">
        <v>0</v>
      </c>
      <c r="R24" s="257">
        <v>0</v>
      </c>
      <c r="S24" s="257">
        <v>0</v>
      </c>
      <c r="T24" s="257">
        <v>0</v>
      </c>
      <c r="U24" s="257">
        <v>0</v>
      </c>
      <c r="V24" s="257">
        <v>4</v>
      </c>
      <c r="W24" s="254">
        <v>4</v>
      </c>
      <c r="X24" s="259">
        <v>4</v>
      </c>
      <c r="Y24" s="253">
        <v>0</v>
      </c>
      <c r="Z24" s="257">
        <v>0</v>
      </c>
      <c r="AA24" s="254">
        <v>0</v>
      </c>
      <c r="AB24" s="256">
        <v>0</v>
      </c>
      <c r="AC24" s="257">
        <v>4</v>
      </c>
      <c r="AD24" s="257">
        <v>4</v>
      </c>
      <c r="AE24" s="257">
        <v>5</v>
      </c>
      <c r="AF24" s="257">
        <v>2</v>
      </c>
      <c r="AG24" s="257">
        <v>4</v>
      </c>
      <c r="AH24" s="254">
        <v>19</v>
      </c>
      <c r="AI24" s="259">
        <v>19</v>
      </c>
      <c r="AJ24" s="253">
        <v>0</v>
      </c>
      <c r="AK24" s="257">
        <v>0</v>
      </c>
      <c r="AL24" s="254">
        <v>0</v>
      </c>
      <c r="AM24" s="256">
        <v>0</v>
      </c>
      <c r="AN24" s="257">
        <v>2</v>
      </c>
      <c r="AO24" s="257">
        <v>2</v>
      </c>
      <c r="AP24" s="257">
        <v>0</v>
      </c>
      <c r="AQ24" s="257">
        <v>1</v>
      </c>
      <c r="AR24" s="257">
        <v>0</v>
      </c>
      <c r="AS24" s="254">
        <v>5</v>
      </c>
      <c r="AT24" s="259">
        <v>5</v>
      </c>
      <c r="AU24" s="253">
        <v>0</v>
      </c>
      <c r="AV24" s="257">
        <v>0</v>
      </c>
      <c r="AW24" s="254">
        <v>0</v>
      </c>
      <c r="AX24" s="256">
        <v>0</v>
      </c>
      <c r="AY24" s="257">
        <v>1</v>
      </c>
      <c r="AZ24" s="257">
        <v>2</v>
      </c>
      <c r="BA24" s="257">
        <v>4</v>
      </c>
      <c r="BB24" s="257">
        <v>5</v>
      </c>
      <c r="BC24" s="257">
        <v>2</v>
      </c>
      <c r="BD24" s="258">
        <v>14</v>
      </c>
      <c r="BE24" s="259">
        <v>14</v>
      </c>
      <c r="BF24" s="253">
        <v>0</v>
      </c>
      <c r="BG24" s="257">
        <v>0</v>
      </c>
      <c r="BH24" s="254">
        <v>0</v>
      </c>
      <c r="BI24" s="256">
        <v>0</v>
      </c>
      <c r="BJ24" s="257">
        <v>4</v>
      </c>
      <c r="BK24" s="257">
        <v>6</v>
      </c>
      <c r="BL24" s="257">
        <v>4</v>
      </c>
      <c r="BM24" s="257">
        <v>4</v>
      </c>
      <c r="BN24" s="257">
        <v>2</v>
      </c>
      <c r="BO24" s="254">
        <v>20</v>
      </c>
      <c r="BP24" s="259">
        <v>20</v>
      </c>
      <c r="BQ24" s="253">
        <v>2</v>
      </c>
      <c r="BR24" s="257">
        <v>0</v>
      </c>
      <c r="BS24" s="254">
        <v>2</v>
      </c>
      <c r="BT24" s="256">
        <v>0</v>
      </c>
      <c r="BU24" s="257">
        <v>1</v>
      </c>
      <c r="BV24" s="257">
        <v>5</v>
      </c>
      <c r="BW24" s="257">
        <v>1</v>
      </c>
      <c r="BX24" s="257">
        <v>1</v>
      </c>
      <c r="BY24" s="257">
        <v>0</v>
      </c>
      <c r="BZ24" s="254">
        <v>8</v>
      </c>
      <c r="CA24" s="259">
        <v>10</v>
      </c>
      <c r="CB24" s="253">
        <v>0</v>
      </c>
      <c r="CC24" s="257">
        <v>0</v>
      </c>
      <c r="CD24" s="254">
        <v>0</v>
      </c>
      <c r="CE24" s="256">
        <v>0</v>
      </c>
      <c r="CF24" s="257">
        <v>0</v>
      </c>
      <c r="CG24" s="257">
        <v>2</v>
      </c>
      <c r="CH24" s="257">
        <v>1</v>
      </c>
      <c r="CI24" s="257">
        <v>1</v>
      </c>
      <c r="CJ24" s="257">
        <v>1</v>
      </c>
      <c r="CK24" s="254">
        <v>5</v>
      </c>
      <c r="CL24" s="259">
        <v>5</v>
      </c>
      <c r="CM24" s="253">
        <v>0</v>
      </c>
      <c r="CN24" s="257">
        <v>0</v>
      </c>
      <c r="CO24" s="254">
        <v>0</v>
      </c>
      <c r="CP24" s="256">
        <v>0</v>
      </c>
      <c r="CQ24" s="257">
        <v>0</v>
      </c>
      <c r="CR24" s="257">
        <v>0</v>
      </c>
      <c r="CS24" s="257">
        <v>0</v>
      </c>
      <c r="CT24" s="257">
        <v>1</v>
      </c>
      <c r="CU24" s="257">
        <v>1</v>
      </c>
      <c r="CV24" s="254">
        <v>2</v>
      </c>
      <c r="CW24" s="259">
        <v>2</v>
      </c>
      <c r="CX24" s="253">
        <v>0</v>
      </c>
      <c r="CY24" s="257">
        <v>0</v>
      </c>
      <c r="CZ24" s="254">
        <v>0</v>
      </c>
      <c r="DA24" s="256">
        <v>0</v>
      </c>
      <c r="DB24" s="257">
        <v>0</v>
      </c>
      <c r="DC24" s="257">
        <v>0</v>
      </c>
      <c r="DD24" s="257">
        <v>0</v>
      </c>
      <c r="DE24" s="257">
        <v>0</v>
      </c>
      <c r="DF24" s="257">
        <v>0</v>
      </c>
      <c r="DG24" s="254">
        <v>0</v>
      </c>
      <c r="DH24" s="259">
        <v>0</v>
      </c>
      <c r="DI24" s="253">
        <v>0</v>
      </c>
      <c r="DJ24" s="257">
        <v>0</v>
      </c>
      <c r="DK24" s="254">
        <v>0</v>
      </c>
      <c r="DL24" s="256">
        <v>0</v>
      </c>
      <c r="DM24" s="257">
        <v>0</v>
      </c>
      <c r="DN24" s="257">
        <v>0</v>
      </c>
      <c r="DO24" s="257">
        <v>0</v>
      </c>
      <c r="DP24" s="257">
        <v>0</v>
      </c>
      <c r="DQ24" s="257">
        <v>0</v>
      </c>
      <c r="DR24" s="254">
        <v>0</v>
      </c>
      <c r="DS24" s="259">
        <v>0</v>
      </c>
      <c r="DT24" s="253">
        <v>2</v>
      </c>
      <c r="DU24" s="257">
        <v>5</v>
      </c>
      <c r="DV24" s="254">
        <v>7</v>
      </c>
      <c r="DW24" s="256">
        <v>0</v>
      </c>
      <c r="DX24" s="257">
        <v>4</v>
      </c>
      <c r="DY24" s="257">
        <v>11</v>
      </c>
      <c r="DZ24" s="257">
        <v>7</v>
      </c>
      <c r="EA24" s="257">
        <v>6</v>
      </c>
      <c r="EB24" s="257">
        <v>5</v>
      </c>
      <c r="EC24" s="254">
        <v>33</v>
      </c>
      <c r="ED24" s="259">
        <v>40</v>
      </c>
      <c r="EE24" s="253">
        <v>0</v>
      </c>
      <c r="EF24" s="257">
        <v>0</v>
      </c>
      <c r="EG24" s="254">
        <v>0</v>
      </c>
      <c r="EH24" s="256">
        <v>0</v>
      </c>
      <c r="EI24" s="257">
        <v>3</v>
      </c>
      <c r="EJ24" s="257">
        <v>2</v>
      </c>
      <c r="EK24" s="257">
        <v>2</v>
      </c>
      <c r="EL24" s="257">
        <v>3</v>
      </c>
      <c r="EM24" s="257">
        <v>2</v>
      </c>
      <c r="EN24" s="254">
        <v>12</v>
      </c>
      <c r="EO24" s="259">
        <v>12</v>
      </c>
      <c r="EP24" s="253">
        <v>4</v>
      </c>
      <c r="EQ24" s="257">
        <v>5</v>
      </c>
      <c r="ER24" s="254">
        <v>9</v>
      </c>
      <c r="ES24" s="256">
        <v>0</v>
      </c>
      <c r="ET24" s="257">
        <v>16</v>
      </c>
      <c r="EU24" s="257">
        <v>18</v>
      </c>
      <c r="EV24" s="257">
        <v>8</v>
      </c>
      <c r="EW24" s="257">
        <v>6</v>
      </c>
      <c r="EX24" s="257">
        <v>6</v>
      </c>
      <c r="EY24" s="254">
        <v>54</v>
      </c>
      <c r="EZ24" s="259">
        <v>63</v>
      </c>
    </row>
    <row r="25" spans="2:156" ht="21" customHeight="1" x14ac:dyDescent="0.2">
      <c r="B25" s="437" t="s">
        <v>23</v>
      </c>
      <c r="C25" s="253">
        <v>0</v>
      </c>
      <c r="D25" s="257">
        <v>0</v>
      </c>
      <c r="E25" s="340">
        <v>0</v>
      </c>
      <c r="F25" s="256">
        <v>0</v>
      </c>
      <c r="G25" s="257">
        <v>2</v>
      </c>
      <c r="H25" s="257">
        <v>6</v>
      </c>
      <c r="I25" s="257">
        <v>5</v>
      </c>
      <c r="J25" s="257">
        <v>1</v>
      </c>
      <c r="K25" s="257">
        <v>0</v>
      </c>
      <c r="L25" s="258">
        <v>14</v>
      </c>
      <c r="M25" s="259">
        <v>14</v>
      </c>
      <c r="N25" s="253">
        <v>0</v>
      </c>
      <c r="O25" s="257">
        <v>0</v>
      </c>
      <c r="P25" s="254">
        <v>0</v>
      </c>
      <c r="Q25" s="256">
        <v>0</v>
      </c>
      <c r="R25" s="257">
        <v>1</v>
      </c>
      <c r="S25" s="257">
        <v>1</v>
      </c>
      <c r="T25" s="257">
        <v>1</v>
      </c>
      <c r="U25" s="257">
        <v>0</v>
      </c>
      <c r="V25" s="257">
        <v>0</v>
      </c>
      <c r="W25" s="254">
        <v>3</v>
      </c>
      <c r="X25" s="259">
        <v>3</v>
      </c>
      <c r="Y25" s="253">
        <v>3</v>
      </c>
      <c r="Z25" s="257">
        <v>3</v>
      </c>
      <c r="AA25" s="254">
        <v>6</v>
      </c>
      <c r="AB25" s="256">
        <v>0</v>
      </c>
      <c r="AC25" s="257">
        <v>5</v>
      </c>
      <c r="AD25" s="257">
        <v>12</v>
      </c>
      <c r="AE25" s="257">
        <v>8</v>
      </c>
      <c r="AF25" s="257">
        <v>2</v>
      </c>
      <c r="AG25" s="257">
        <v>1</v>
      </c>
      <c r="AH25" s="254">
        <v>28</v>
      </c>
      <c r="AI25" s="259">
        <v>34</v>
      </c>
      <c r="AJ25" s="253">
        <v>1</v>
      </c>
      <c r="AK25" s="257">
        <v>1</v>
      </c>
      <c r="AL25" s="254">
        <v>2</v>
      </c>
      <c r="AM25" s="256">
        <v>0</v>
      </c>
      <c r="AN25" s="257">
        <v>0</v>
      </c>
      <c r="AO25" s="257">
        <v>1</v>
      </c>
      <c r="AP25" s="257">
        <v>0</v>
      </c>
      <c r="AQ25" s="257">
        <v>0</v>
      </c>
      <c r="AR25" s="257">
        <v>0</v>
      </c>
      <c r="AS25" s="254">
        <v>1</v>
      </c>
      <c r="AT25" s="259">
        <v>3</v>
      </c>
      <c r="AU25" s="253">
        <v>0</v>
      </c>
      <c r="AV25" s="257">
        <v>0</v>
      </c>
      <c r="AW25" s="254">
        <v>0</v>
      </c>
      <c r="AX25" s="256">
        <v>0</v>
      </c>
      <c r="AY25" s="257">
        <v>6</v>
      </c>
      <c r="AZ25" s="257">
        <v>6</v>
      </c>
      <c r="BA25" s="257">
        <v>11</v>
      </c>
      <c r="BB25" s="257">
        <v>9</v>
      </c>
      <c r="BC25" s="257">
        <v>7</v>
      </c>
      <c r="BD25" s="258">
        <v>39</v>
      </c>
      <c r="BE25" s="259">
        <v>39</v>
      </c>
      <c r="BF25" s="253">
        <v>0</v>
      </c>
      <c r="BG25" s="257">
        <v>0</v>
      </c>
      <c r="BH25" s="254">
        <v>0</v>
      </c>
      <c r="BI25" s="256">
        <v>0</v>
      </c>
      <c r="BJ25" s="257">
        <v>10</v>
      </c>
      <c r="BK25" s="257">
        <v>14</v>
      </c>
      <c r="BL25" s="257">
        <v>8</v>
      </c>
      <c r="BM25" s="257">
        <v>6</v>
      </c>
      <c r="BN25" s="257">
        <v>0</v>
      </c>
      <c r="BO25" s="254">
        <v>38</v>
      </c>
      <c r="BP25" s="259">
        <v>38</v>
      </c>
      <c r="BQ25" s="253">
        <v>0</v>
      </c>
      <c r="BR25" s="257">
        <v>0</v>
      </c>
      <c r="BS25" s="254">
        <v>0</v>
      </c>
      <c r="BT25" s="256">
        <v>0</v>
      </c>
      <c r="BU25" s="257">
        <v>2</v>
      </c>
      <c r="BV25" s="257">
        <v>2</v>
      </c>
      <c r="BW25" s="257">
        <v>2</v>
      </c>
      <c r="BX25" s="257">
        <v>3</v>
      </c>
      <c r="BY25" s="257">
        <v>1</v>
      </c>
      <c r="BZ25" s="254">
        <v>10</v>
      </c>
      <c r="CA25" s="259">
        <v>10</v>
      </c>
      <c r="CB25" s="253">
        <v>0</v>
      </c>
      <c r="CC25" s="257">
        <v>0</v>
      </c>
      <c r="CD25" s="254">
        <v>0</v>
      </c>
      <c r="CE25" s="256">
        <v>0</v>
      </c>
      <c r="CF25" s="257">
        <v>3</v>
      </c>
      <c r="CG25" s="257">
        <v>2</v>
      </c>
      <c r="CH25" s="257">
        <v>4</v>
      </c>
      <c r="CI25" s="257">
        <v>3</v>
      </c>
      <c r="CJ25" s="257">
        <v>1</v>
      </c>
      <c r="CK25" s="254">
        <v>13</v>
      </c>
      <c r="CL25" s="259">
        <v>13</v>
      </c>
      <c r="CM25" s="253">
        <v>0</v>
      </c>
      <c r="CN25" s="257">
        <v>0</v>
      </c>
      <c r="CO25" s="254">
        <v>0</v>
      </c>
      <c r="CP25" s="256">
        <v>0</v>
      </c>
      <c r="CQ25" s="257">
        <v>0</v>
      </c>
      <c r="CR25" s="257">
        <v>0</v>
      </c>
      <c r="CS25" s="257">
        <v>0</v>
      </c>
      <c r="CT25" s="257">
        <v>1</v>
      </c>
      <c r="CU25" s="257">
        <v>0</v>
      </c>
      <c r="CV25" s="254">
        <v>1</v>
      </c>
      <c r="CW25" s="259">
        <v>1</v>
      </c>
      <c r="CX25" s="253">
        <v>0</v>
      </c>
      <c r="CY25" s="257">
        <v>0</v>
      </c>
      <c r="CZ25" s="254">
        <v>0</v>
      </c>
      <c r="DA25" s="256">
        <v>0</v>
      </c>
      <c r="DB25" s="257">
        <v>0</v>
      </c>
      <c r="DC25" s="257">
        <v>0</v>
      </c>
      <c r="DD25" s="257">
        <v>0</v>
      </c>
      <c r="DE25" s="257">
        <v>0</v>
      </c>
      <c r="DF25" s="257">
        <v>0</v>
      </c>
      <c r="DG25" s="254">
        <v>0</v>
      </c>
      <c r="DH25" s="259">
        <v>0</v>
      </c>
      <c r="DI25" s="253">
        <v>0</v>
      </c>
      <c r="DJ25" s="257">
        <v>0</v>
      </c>
      <c r="DK25" s="254">
        <v>0</v>
      </c>
      <c r="DL25" s="256">
        <v>0</v>
      </c>
      <c r="DM25" s="257">
        <v>0</v>
      </c>
      <c r="DN25" s="257">
        <v>0</v>
      </c>
      <c r="DO25" s="257">
        <v>0</v>
      </c>
      <c r="DP25" s="257">
        <v>0</v>
      </c>
      <c r="DQ25" s="257">
        <v>0</v>
      </c>
      <c r="DR25" s="254">
        <v>0</v>
      </c>
      <c r="DS25" s="259">
        <v>0</v>
      </c>
      <c r="DT25" s="253">
        <v>4</v>
      </c>
      <c r="DU25" s="257">
        <v>6</v>
      </c>
      <c r="DV25" s="254">
        <v>10</v>
      </c>
      <c r="DW25" s="256">
        <v>0</v>
      </c>
      <c r="DX25" s="257">
        <v>13</v>
      </c>
      <c r="DY25" s="257">
        <v>20</v>
      </c>
      <c r="DZ25" s="257">
        <v>14</v>
      </c>
      <c r="EA25" s="257">
        <v>8</v>
      </c>
      <c r="EB25" s="257">
        <v>2</v>
      </c>
      <c r="EC25" s="254">
        <v>57</v>
      </c>
      <c r="ED25" s="259">
        <v>67</v>
      </c>
      <c r="EE25" s="253">
        <v>0</v>
      </c>
      <c r="EF25" s="257">
        <v>0</v>
      </c>
      <c r="EG25" s="254">
        <v>0</v>
      </c>
      <c r="EH25" s="256">
        <v>0</v>
      </c>
      <c r="EI25" s="257">
        <v>1</v>
      </c>
      <c r="EJ25" s="257">
        <v>2</v>
      </c>
      <c r="EK25" s="257">
        <v>0</v>
      </c>
      <c r="EL25" s="257">
        <v>7</v>
      </c>
      <c r="EM25" s="257">
        <v>5</v>
      </c>
      <c r="EN25" s="254">
        <v>15</v>
      </c>
      <c r="EO25" s="259">
        <v>15</v>
      </c>
      <c r="EP25" s="253">
        <v>7</v>
      </c>
      <c r="EQ25" s="257">
        <v>7</v>
      </c>
      <c r="ER25" s="254">
        <v>14</v>
      </c>
      <c r="ES25" s="256">
        <v>0</v>
      </c>
      <c r="ET25" s="257">
        <v>23</v>
      </c>
      <c r="EU25" s="257">
        <v>29</v>
      </c>
      <c r="EV25" s="257">
        <v>20</v>
      </c>
      <c r="EW25" s="257">
        <v>8</v>
      </c>
      <c r="EX25" s="257">
        <v>3</v>
      </c>
      <c r="EY25" s="254">
        <v>83</v>
      </c>
      <c r="EZ25" s="259">
        <v>97</v>
      </c>
    </row>
    <row r="26" spans="2:156" ht="21" customHeight="1" x14ac:dyDescent="0.2">
      <c r="B26" s="437" t="s">
        <v>24</v>
      </c>
      <c r="C26" s="253">
        <v>0</v>
      </c>
      <c r="D26" s="257">
        <v>0</v>
      </c>
      <c r="E26" s="340">
        <v>0</v>
      </c>
      <c r="F26" s="256">
        <v>0</v>
      </c>
      <c r="G26" s="257">
        <v>8</v>
      </c>
      <c r="H26" s="257">
        <v>7</v>
      </c>
      <c r="I26" s="257">
        <v>3</v>
      </c>
      <c r="J26" s="257">
        <v>2</v>
      </c>
      <c r="K26" s="257">
        <v>2</v>
      </c>
      <c r="L26" s="258">
        <v>22</v>
      </c>
      <c r="M26" s="259">
        <v>22</v>
      </c>
      <c r="N26" s="253">
        <v>0</v>
      </c>
      <c r="O26" s="257">
        <v>0</v>
      </c>
      <c r="P26" s="254">
        <v>0</v>
      </c>
      <c r="Q26" s="256">
        <v>0</v>
      </c>
      <c r="R26" s="257">
        <v>1</v>
      </c>
      <c r="S26" s="257">
        <v>0</v>
      </c>
      <c r="T26" s="257">
        <v>0</v>
      </c>
      <c r="U26" s="257">
        <v>0</v>
      </c>
      <c r="V26" s="257">
        <v>2</v>
      </c>
      <c r="W26" s="254">
        <v>3</v>
      </c>
      <c r="X26" s="259">
        <v>3</v>
      </c>
      <c r="Y26" s="253">
        <v>3</v>
      </c>
      <c r="Z26" s="257">
        <v>1</v>
      </c>
      <c r="AA26" s="254">
        <v>4</v>
      </c>
      <c r="AB26" s="256">
        <v>0</v>
      </c>
      <c r="AC26" s="257">
        <v>6</v>
      </c>
      <c r="AD26" s="257">
        <v>5</v>
      </c>
      <c r="AE26" s="257">
        <v>4</v>
      </c>
      <c r="AF26" s="257">
        <v>4</v>
      </c>
      <c r="AG26" s="257">
        <v>4</v>
      </c>
      <c r="AH26" s="254">
        <v>23</v>
      </c>
      <c r="AI26" s="259">
        <v>27</v>
      </c>
      <c r="AJ26" s="253">
        <v>0</v>
      </c>
      <c r="AK26" s="257">
        <v>0</v>
      </c>
      <c r="AL26" s="254">
        <v>0</v>
      </c>
      <c r="AM26" s="256">
        <v>0</v>
      </c>
      <c r="AN26" s="257">
        <v>0</v>
      </c>
      <c r="AO26" s="257">
        <v>0</v>
      </c>
      <c r="AP26" s="257">
        <v>0</v>
      </c>
      <c r="AQ26" s="257">
        <v>0</v>
      </c>
      <c r="AR26" s="257">
        <v>1</v>
      </c>
      <c r="AS26" s="254">
        <v>1</v>
      </c>
      <c r="AT26" s="259">
        <v>1</v>
      </c>
      <c r="AU26" s="253">
        <v>2</v>
      </c>
      <c r="AV26" s="257">
        <v>2</v>
      </c>
      <c r="AW26" s="254">
        <v>4</v>
      </c>
      <c r="AX26" s="256">
        <v>0</v>
      </c>
      <c r="AY26" s="257">
        <v>11</v>
      </c>
      <c r="AZ26" s="257">
        <v>10</v>
      </c>
      <c r="BA26" s="257">
        <v>6</v>
      </c>
      <c r="BB26" s="257">
        <v>9</v>
      </c>
      <c r="BC26" s="257">
        <v>11</v>
      </c>
      <c r="BD26" s="258">
        <v>47</v>
      </c>
      <c r="BE26" s="259">
        <v>51</v>
      </c>
      <c r="BF26" s="253">
        <v>0</v>
      </c>
      <c r="BG26" s="257">
        <v>0</v>
      </c>
      <c r="BH26" s="254">
        <v>0</v>
      </c>
      <c r="BI26" s="256">
        <v>0</v>
      </c>
      <c r="BJ26" s="257">
        <v>11</v>
      </c>
      <c r="BK26" s="257">
        <v>8</v>
      </c>
      <c r="BL26" s="257">
        <v>1</v>
      </c>
      <c r="BM26" s="257">
        <v>0</v>
      </c>
      <c r="BN26" s="257">
        <v>1</v>
      </c>
      <c r="BO26" s="254">
        <v>21</v>
      </c>
      <c r="BP26" s="259">
        <v>21</v>
      </c>
      <c r="BQ26" s="253">
        <v>2</v>
      </c>
      <c r="BR26" s="257">
        <v>1</v>
      </c>
      <c r="BS26" s="254">
        <v>3</v>
      </c>
      <c r="BT26" s="256">
        <v>0</v>
      </c>
      <c r="BU26" s="257">
        <v>5</v>
      </c>
      <c r="BV26" s="257">
        <v>2</v>
      </c>
      <c r="BW26" s="257">
        <v>1</v>
      </c>
      <c r="BX26" s="257">
        <v>1</v>
      </c>
      <c r="BY26" s="257">
        <v>2</v>
      </c>
      <c r="BZ26" s="254">
        <v>11</v>
      </c>
      <c r="CA26" s="259">
        <v>14</v>
      </c>
      <c r="CB26" s="253">
        <v>1</v>
      </c>
      <c r="CC26" s="257">
        <v>0</v>
      </c>
      <c r="CD26" s="254">
        <v>1</v>
      </c>
      <c r="CE26" s="256">
        <v>0</v>
      </c>
      <c r="CF26" s="257">
        <v>0</v>
      </c>
      <c r="CG26" s="257">
        <v>0</v>
      </c>
      <c r="CH26" s="257">
        <v>2</v>
      </c>
      <c r="CI26" s="257">
        <v>0</v>
      </c>
      <c r="CJ26" s="257">
        <v>1</v>
      </c>
      <c r="CK26" s="254">
        <v>3</v>
      </c>
      <c r="CL26" s="259">
        <v>4</v>
      </c>
      <c r="CM26" s="253">
        <v>0</v>
      </c>
      <c r="CN26" s="257">
        <v>0</v>
      </c>
      <c r="CO26" s="254">
        <v>0</v>
      </c>
      <c r="CP26" s="256">
        <v>0</v>
      </c>
      <c r="CQ26" s="257">
        <v>0</v>
      </c>
      <c r="CR26" s="257">
        <v>0</v>
      </c>
      <c r="CS26" s="257">
        <v>0</v>
      </c>
      <c r="CT26" s="257">
        <v>0</v>
      </c>
      <c r="CU26" s="257">
        <v>0</v>
      </c>
      <c r="CV26" s="254">
        <v>0</v>
      </c>
      <c r="CW26" s="259">
        <v>0</v>
      </c>
      <c r="CX26" s="253">
        <v>0</v>
      </c>
      <c r="CY26" s="257">
        <v>0</v>
      </c>
      <c r="CZ26" s="254">
        <v>0</v>
      </c>
      <c r="DA26" s="256">
        <v>0</v>
      </c>
      <c r="DB26" s="257">
        <v>0</v>
      </c>
      <c r="DC26" s="257">
        <v>0</v>
      </c>
      <c r="DD26" s="257">
        <v>0</v>
      </c>
      <c r="DE26" s="257">
        <v>0</v>
      </c>
      <c r="DF26" s="257">
        <v>0</v>
      </c>
      <c r="DG26" s="254">
        <v>0</v>
      </c>
      <c r="DH26" s="259">
        <v>0</v>
      </c>
      <c r="DI26" s="253">
        <v>0</v>
      </c>
      <c r="DJ26" s="257">
        <v>0</v>
      </c>
      <c r="DK26" s="254">
        <v>0</v>
      </c>
      <c r="DL26" s="256">
        <v>0</v>
      </c>
      <c r="DM26" s="257">
        <v>0</v>
      </c>
      <c r="DN26" s="257">
        <v>0</v>
      </c>
      <c r="DO26" s="257">
        <v>0</v>
      </c>
      <c r="DP26" s="257">
        <v>0</v>
      </c>
      <c r="DQ26" s="257">
        <v>0</v>
      </c>
      <c r="DR26" s="254">
        <v>0</v>
      </c>
      <c r="DS26" s="259">
        <v>0</v>
      </c>
      <c r="DT26" s="253">
        <v>3</v>
      </c>
      <c r="DU26" s="257">
        <v>10</v>
      </c>
      <c r="DV26" s="254">
        <v>13</v>
      </c>
      <c r="DW26" s="256">
        <v>0</v>
      </c>
      <c r="DX26" s="257">
        <v>10</v>
      </c>
      <c r="DY26" s="257">
        <v>13</v>
      </c>
      <c r="DZ26" s="257">
        <v>5</v>
      </c>
      <c r="EA26" s="257">
        <v>7</v>
      </c>
      <c r="EB26" s="257">
        <v>5</v>
      </c>
      <c r="EC26" s="254">
        <v>40</v>
      </c>
      <c r="ED26" s="259">
        <v>53</v>
      </c>
      <c r="EE26" s="253">
        <v>2</v>
      </c>
      <c r="EF26" s="257">
        <v>3</v>
      </c>
      <c r="EG26" s="254">
        <v>5</v>
      </c>
      <c r="EH26" s="256">
        <v>0</v>
      </c>
      <c r="EI26" s="257">
        <v>7</v>
      </c>
      <c r="EJ26" s="257">
        <v>7</v>
      </c>
      <c r="EK26" s="257">
        <v>3</v>
      </c>
      <c r="EL26" s="257">
        <v>6</v>
      </c>
      <c r="EM26" s="257">
        <v>4</v>
      </c>
      <c r="EN26" s="254">
        <v>27</v>
      </c>
      <c r="EO26" s="259">
        <v>32</v>
      </c>
      <c r="EP26" s="253">
        <v>7</v>
      </c>
      <c r="EQ26" s="257">
        <v>13</v>
      </c>
      <c r="ER26" s="254">
        <v>20</v>
      </c>
      <c r="ES26" s="256">
        <v>0</v>
      </c>
      <c r="ET26" s="257">
        <v>23</v>
      </c>
      <c r="EU26" s="257">
        <v>19</v>
      </c>
      <c r="EV26" s="257">
        <v>9</v>
      </c>
      <c r="EW26" s="257">
        <v>7</v>
      </c>
      <c r="EX26" s="257">
        <v>5</v>
      </c>
      <c r="EY26" s="254">
        <v>63</v>
      </c>
      <c r="EZ26" s="259">
        <v>83</v>
      </c>
    </row>
    <row r="27" spans="2:156" ht="21" customHeight="1" x14ac:dyDescent="0.2">
      <c r="B27" s="437" t="s">
        <v>25</v>
      </c>
      <c r="C27" s="253">
        <v>0</v>
      </c>
      <c r="D27" s="257">
        <v>0</v>
      </c>
      <c r="E27" s="340">
        <v>0</v>
      </c>
      <c r="F27" s="256">
        <v>0</v>
      </c>
      <c r="G27" s="257">
        <v>3</v>
      </c>
      <c r="H27" s="257">
        <v>1</v>
      </c>
      <c r="I27" s="257">
        <v>1</v>
      </c>
      <c r="J27" s="257">
        <v>2</v>
      </c>
      <c r="K27" s="257">
        <v>0</v>
      </c>
      <c r="L27" s="258">
        <v>7</v>
      </c>
      <c r="M27" s="259">
        <v>7</v>
      </c>
      <c r="N27" s="253">
        <v>0</v>
      </c>
      <c r="O27" s="257">
        <v>0</v>
      </c>
      <c r="P27" s="254">
        <v>0</v>
      </c>
      <c r="Q27" s="256">
        <v>0</v>
      </c>
      <c r="R27" s="257">
        <v>1</v>
      </c>
      <c r="S27" s="257">
        <v>0</v>
      </c>
      <c r="T27" s="257">
        <v>0</v>
      </c>
      <c r="U27" s="257">
        <v>0</v>
      </c>
      <c r="V27" s="257">
        <v>1</v>
      </c>
      <c r="W27" s="254">
        <v>2</v>
      </c>
      <c r="X27" s="259">
        <v>2</v>
      </c>
      <c r="Y27" s="253">
        <v>1</v>
      </c>
      <c r="Z27" s="257">
        <v>4</v>
      </c>
      <c r="AA27" s="254">
        <v>5</v>
      </c>
      <c r="AB27" s="256">
        <v>0</v>
      </c>
      <c r="AC27" s="257">
        <v>3</v>
      </c>
      <c r="AD27" s="257">
        <v>0</v>
      </c>
      <c r="AE27" s="257">
        <v>0</v>
      </c>
      <c r="AF27" s="257">
        <v>0</v>
      </c>
      <c r="AG27" s="257">
        <v>1</v>
      </c>
      <c r="AH27" s="254">
        <v>4</v>
      </c>
      <c r="AI27" s="259">
        <v>9</v>
      </c>
      <c r="AJ27" s="253">
        <v>0</v>
      </c>
      <c r="AK27" s="257">
        <v>0</v>
      </c>
      <c r="AL27" s="254">
        <v>0</v>
      </c>
      <c r="AM27" s="256">
        <v>0</v>
      </c>
      <c r="AN27" s="257">
        <v>0</v>
      </c>
      <c r="AO27" s="257">
        <v>0</v>
      </c>
      <c r="AP27" s="257">
        <v>0</v>
      </c>
      <c r="AQ27" s="257">
        <v>0</v>
      </c>
      <c r="AR27" s="257">
        <v>0</v>
      </c>
      <c r="AS27" s="254">
        <v>0</v>
      </c>
      <c r="AT27" s="259">
        <v>0</v>
      </c>
      <c r="AU27" s="253">
        <v>2</v>
      </c>
      <c r="AV27" s="257">
        <v>1</v>
      </c>
      <c r="AW27" s="254">
        <v>3</v>
      </c>
      <c r="AX27" s="256">
        <v>0</v>
      </c>
      <c r="AY27" s="257">
        <v>1</v>
      </c>
      <c r="AZ27" s="257">
        <v>2</v>
      </c>
      <c r="BA27" s="257">
        <v>2</v>
      </c>
      <c r="BB27" s="257">
        <v>3</v>
      </c>
      <c r="BC27" s="257">
        <v>3</v>
      </c>
      <c r="BD27" s="258">
        <v>11</v>
      </c>
      <c r="BE27" s="259">
        <v>14</v>
      </c>
      <c r="BF27" s="253">
        <v>0</v>
      </c>
      <c r="BG27" s="257">
        <v>0</v>
      </c>
      <c r="BH27" s="254">
        <v>0</v>
      </c>
      <c r="BI27" s="256">
        <v>0</v>
      </c>
      <c r="BJ27" s="257">
        <v>3</v>
      </c>
      <c r="BK27" s="257">
        <v>4</v>
      </c>
      <c r="BL27" s="257">
        <v>1</v>
      </c>
      <c r="BM27" s="257">
        <v>0</v>
      </c>
      <c r="BN27" s="257">
        <v>0</v>
      </c>
      <c r="BO27" s="254">
        <v>8</v>
      </c>
      <c r="BP27" s="259">
        <v>8</v>
      </c>
      <c r="BQ27" s="253">
        <v>1</v>
      </c>
      <c r="BR27" s="257">
        <v>0</v>
      </c>
      <c r="BS27" s="254">
        <v>1</v>
      </c>
      <c r="BT27" s="256">
        <v>0</v>
      </c>
      <c r="BU27" s="257">
        <v>3</v>
      </c>
      <c r="BV27" s="257">
        <v>1</v>
      </c>
      <c r="BW27" s="257">
        <v>1</v>
      </c>
      <c r="BX27" s="257">
        <v>0</v>
      </c>
      <c r="BY27" s="257">
        <v>1</v>
      </c>
      <c r="BZ27" s="254">
        <v>6</v>
      </c>
      <c r="CA27" s="259">
        <v>7</v>
      </c>
      <c r="CB27" s="253">
        <v>0</v>
      </c>
      <c r="CC27" s="257">
        <v>1</v>
      </c>
      <c r="CD27" s="254">
        <v>1</v>
      </c>
      <c r="CE27" s="256">
        <v>0</v>
      </c>
      <c r="CF27" s="257">
        <v>1</v>
      </c>
      <c r="CG27" s="257">
        <v>0</v>
      </c>
      <c r="CH27" s="257">
        <v>1</v>
      </c>
      <c r="CI27" s="257">
        <v>0</v>
      </c>
      <c r="CJ27" s="257">
        <v>1</v>
      </c>
      <c r="CK27" s="254">
        <v>3</v>
      </c>
      <c r="CL27" s="259">
        <v>4</v>
      </c>
      <c r="CM27" s="253">
        <v>0</v>
      </c>
      <c r="CN27" s="257">
        <v>0</v>
      </c>
      <c r="CO27" s="254">
        <v>0</v>
      </c>
      <c r="CP27" s="256">
        <v>0</v>
      </c>
      <c r="CQ27" s="257">
        <v>0</v>
      </c>
      <c r="CR27" s="257">
        <v>0</v>
      </c>
      <c r="CS27" s="257">
        <v>0</v>
      </c>
      <c r="CT27" s="257">
        <v>0</v>
      </c>
      <c r="CU27" s="257">
        <v>0</v>
      </c>
      <c r="CV27" s="254">
        <v>0</v>
      </c>
      <c r="CW27" s="259">
        <v>0</v>
      </c>
      <c r="CX27" s="253">
        <v>0</v>
      </c>
      <c r="CY27" s="257">
        <v>0</v>
      </c>
      <c r="CZ27" s="254">
        <v>0</v>
      </c>
      <c r="DA27" s="256">
        <v>0</v>
      </c>
      <c r="DB27" s="257">
        <v>0</v>
      </c>
      <c r="DC27" s="257">
        <v>0</v>
      </c>
      <c r="DD27" s="257">
        <v>0</v>
      </c>
      <c r="DE27" s="257">
        <v>0</v>
      </c>
      <c r="DF27" s="257">
        <v>0</v>
      </c>
      <c r="DG27" s="254">
        <v>0</v>
      </c>
      <c r="DH27" s="259">
        <v>0</v>
      </c>
      <c r="DI27" s="253">
        <v>0</v>
      </c>
      <c r="DJ27" s="257">
        <v>0</v>
      </c>
      <c r="DK27" s="254">
        <v>0</v>
      </c>
      <c r="DL27" s="256">
        <v>0</v>
      </c>
      <c r="DM27" s="257">
        <v>0</v>
      </c>
      <c r="DN27" s="257">
        <v>0</v>
      </c>
      <c r="DO27" s="257">
        <v>0</v>
      </c>
      <c r="DP27" s="257">
        <v>0</v>
      </c>
      <c r="DQ27" s="257">
        <v>0</v>
      </c>
      <c r="DR27" s="254">
        <v>0</v>
      </c>
      <c r="DS27" s="259">
        <v>0</v>
      </c>
      <c r="DT27" s="253">
        <v>5</v>
      </c>
      <c r="DU27" s="257">
        <v>6</v>
      </c>
      <c r="DV27" s="254">
        <v>11</v>
      </c>
      <c r="DW27" s="256">
        <v>0</v>
      </c>
      <c r="DX27" s="257">
        <v>8</v>
      </c>
      <c r="DY27" s="257">
        <v>6</v>
      </c>
      <c r="DZ27" s="257">
        <v>3</v>
      </c>
      <c r="EA27" s="257">
        <v>2</v>
      </c>
      <c r="EB27" s="257">
        <v>3</v>
      </c>
      <c r="EC27" s="254">
        <v>22</v>
      </c>
      <c r="ED27" s="259">
        <v>33</v>
      </c>
      <c r="EE27" s="253">
        <v>0</v>
      </c>
      <c r="EF27" s="257">
        <v>0</v>
      </c>
      <c r="EG27" s="254">
        <v>0</v>
      </c>
      <c r="EH27" s="256">
        <v>0</v>
      </c>
      <c r="EI27" s="257">
        <v>0</v>
      </c>
      <c r="EJ27" s="257">
        <v>2</v>
      </c>
      <c r="EK27" s="257">
        <v>2</v>
      </c>
      <c r="EL27" s="257">
        <v>1</v>
      </c>
      <c r="EM27" s="257">
        <v>1</v>
      </c>
      <c r="EN27" s="254">
        <v>6</v>
      </c>
      <c r="EO27" s="259">
        <v>6</v>
      </c>
      <c r="EP27" s="253">
        <v>7</v>
      </c>
      <c r="EQ27" s="257">
        <v>10</v>
      </c>
      <c r="ER27" s="254">
        <v>17</v>
      </c>
      <c r="ES27" s="256">
        <v>0</v>
      </c>
      <c r="ET27" s="257">
        <v>13</v>
      </c>
      <c r="EU27" s="257">
        <v>8</v>
      </c>
      <c r="EV27" s="257">
        <v>4</v>
      </c>
      <c r="EW27" s="257">
        <v>2</v>
      </c>
      <c r="EX27" s="257">
        <v>4</v>
      </c>
      <c r="EY27" s="254">
        <v>31</v>
      </c>
      <c r="EZ27" s="259">
        <v>48</v>
      </c>
    </row>
    <row r="28" spans="2:156" ht="21" customHeight="1" x14ac:dyDescent="0.2">
      <c r="B28" s="437" t="s">
        <v>26</v>
      </c>
      <c r="C28" s="253">
        <v>0</v>
      </c>
      <c r="D28" s="257">
        <v>0</v>
      </c>
      <c r="E28" s="340">
        <v>0</v>
      </c>
      <c r="F28" s="256">
        <v>0</v>
      </c>
      <c r="G28" s="257">
        <v>5</v>
      </c>
      <c r="H28" s="257">
        <v>6</v>
      </c>
      <c r="I28" s="257">
        <v>1</v>
      </c>
      <c r="J28" s="257">
        <v>1</v>
      </c>
      <c r="K28" s="257">
        <v>5</v>
      </c>
      <c r="L28" s="258">
        <v>18</v>
      </c>
      <c r="M28" s="259">
        <v>18</v>
      </c>
      <c r="N28" s="253">
        <v>0</v>
      </c>
      <c r="O28" s="257">
        <v>0</v>
      </c>
      <c r="P28" s="254">
        <v>0</v>
      </c>
      <c r="Q28" s="256">
        <v>0</v>
      </c>
      <c r="R28" s="257">
        <v>0</v>
      </c>
      <c r="S28" s="257">
        <v>0</v>
      </c>
      <c r="T28" s="257">
        <v>0</v>
      </c>
      <c r="U28" s="257">
        <v>0</v>
      </c>
      <c r="V28" s="257">
        <v>2</v>
      </c>
      <c r="W28" s="254">
        <v>2</v>
      </c>
      <c r="X28" s="259">
        <v>2</v>
      </c>
      <c r="Y28" s="253">
        <v>0</v>
      </c>
      <c r="Z28" s="257">
        <v>1</v>
      </c>
      <c r="AA28" s="254">
        <v>1</v>
      </c>
      <c r="AB28" s="256">
        <v>0</v>
      </c>
      <c r="AC28" s="257">
        <v>4</v>
      </c>
      <c r="AD28" s="257">
        <v>5</v>
      </c>
      <c r="AE28" s="257">
        <v>0</v>
      </c>
      <c r="AF28" s="257">
        <v>2</v>
      </c>
      <c r="AG28" s="257">
        <v>6</v>
      </c>
      <c r="AH28" s="254">
        <v>17</v>
      </c>
      <c r="AI28" s="259">
        <v>18</v>
      </c>
      <c r="AJ28" s="253">
        <v>0</v>
      </c>
      <c r="AK28" s="257">
        <v>1</v>
      </c>
      <c r="AL28" s="254">
        <v>1</v>
      </c>
      <c r="AM28" s="256">
        <v>0</v>
      </c>
      <c r="AN28" s="257">
        <v>0</v>
      </c>
      <c r="AO28" s="257">
        <v>0</v>
      </c>
      <c r="AP28" s="257">
        <v>0</v>
      </c>
      <c r="AQ28" s="257">
        <v>0</v>
      </c>
      <c r="AR28" s="257">
        <v>0</v>
      </c>
      <c r="AS28" s="254">
        <v>0</v>
      </c>
      <c r="AT28" s="259">
        <v>1</v>
      </c>
      <c r="AU28" s="253">
        <v>3</v>
      </c>
      <c r="AV28" s="257">
        <v>0</v>
      </c>
      <c r="AW28" s="254">
        <v>3</v>
      </c>
      <c r="AX28" s="256">
        <v>0</v>
      </c>
      <c r="AY28" s="257">
        <v>5</v>
      </c>
      <c r="AZ28" s="257">
        <v>6</v>
      </c>
      <c r="BA28" s="257">
        <v>5</v>
      </c>
      <c r="BB28" s="257">
        <v>6</v>
      </c>
      <c r="BC28" s="257">
        <v>3</v>
      </c>
      <c r="BD28" s="258">
        <v>25</v>
      </c>
      <c r="BE28" s="259">
        <v>28</v>
      </c>
      <c r="BF28" s="253">
        <v>0</v>
      </c>
      <c r="BG28" s="257">
        <v>0</v>
      </c>
      <c r="BH28" s="254">
        <v>0</v>
      </c>
      <c r="BI28" s="256">
        <v>0</v>
      </c>
      <c r="BJ28" s="257">
        <v>10</v>
      </c>
      <c r="BK28" s="257">
        <v>3</v>
      </c>
      <c r="BL28" s="257">
        <v>1</v>
      </c>
      <c r="BM28" s="257">
        <v>1</v>
      </c>
      <c r="BN28" s="257">
        <v>0</v>
      </c>
      <c r="BO28" s="254">
        <v>15</v>
      </c>
      <c r="BP28" s="259">
        <v>15</v>
      </c>
      <c r="BQ28" s="253">
        <v>0</v>
      </c>
      <c r="BR28" s="257">
        <v>0</v>
      </c>
      <c r="BS28" s="254">
        <v>0</v>
      </c>
      <c r="BT28" s="256">
        <v>0</v>
      </c>
      <c r="BU28" s="257">
        <v>2</v>
      </c>
      <c r="BV28" s="257">
        <v>3</v>
      </c>
      <c r="BW28" s="257">
        <v>0</v>
      </c>
      <c r="BX28" s="257">
        <v>0</v>
      </c>
      <c r="BY28" s="257">
        <v>0</v>
      </c>
      <c r="BZ28" s="254">
        <v>5</v>
      </c>
      <c r="CA28" s="259">
        <v>5</v>
      </c>
      <c r="CB28" s="253">
        <v>0</v>
      </c>
      <c r="CC28" s="257">
        <v>0</v>
      </c>
      <c r="CD28" s="254">
        <v>0</v>
      </c>
      <c r="CE28" s="256">
        <v>0</v>
      </c>
      <c r="CF28" s="257">
        <v>3</v>
      </c>
      <c r="CG28" s="257">
        <v>1</v>
      </c>
      <c r="CH28" s="257">
        <v>1</v>
      </c>
      <c r="CI28" s="257">
        <v>0</v>
      </c>
      <c r="CJ28" s="257">
        <v>0</v>
      </c>
      <c r="CK28" s="254">
        <v>5</v>
      </c>
      <c r="CL28" s="259">
        <v>5</v>
      </c>
      <c r="CM28" s="253">
        <v>0</v>
      </c>
      <c r="CN28" s="257">
        <v>0</v>
      </c>
      <c r="CO28" s="254">
        <v>0</v>
      </c>
      <c r="CP28" s="256">
        <v>0</v>
      </c>
      <c r="CQ28" s="257">
        <v>0</v>
      </c>
      <c r="CR28" s="257">
        <v>0</v>
      </c>
      <c r="CS28" s="257">
        <v>0</v>
      </c>
      <c r="CT28" s="257">
        <v>0</v>
      </c>
      <c r="CU28" s="257">
        <v>0</v>
      </c>
      <c r="CV28" s="254">
        <v>0</v>
      </c>
      <c r="CW28" s="259">
        <v>0</v>
      </c>
      <c r="CX28" s="253">
        <v>0</v>
      </c>
      <c r="CY28" s="257">
        <v>0</v>
      </c>
      <c r="CZ28" s="254">
        <v>0</v>
      </c>
      <c r="DA28" s="256">
        <v>0</v>
      </c>
      <c r="DB28" s="257">
        <v>0</v>
      </c>
      <c r="DC28" s="257">
        <v>0</v>
      </c>
      <c r="DD28" s="257">
        <v>0</v>
      </c>
      <c r="DE28" s="257">
        <v>0</v>
      </c>
      <c r="DF28" s="257">
        <v>0</v>
      </c>
      <c r="DG28" s="254">
        <v>0</v>
      </c>
      <c r="DH28" s="259">
        <v>0</v>
      </c>
      <c r="DI28" s="253">
        <v>0</v>
      </c>
      <c r="DJ28" s="257">
        <v>0</v>
      </c>
      <c r="DK28" s="254">
        <v>0</v>
      </c>
      <c r="DL28" s="256">
        <v>0</v>
      </c>
      <c r="DM28" s="257">
        <v>0</v>
      </c>
      <c r="DN28" s="257">
        <v>0</v>
      </c>
      <c r="DO28" s="257">
        <v>0</v>
      </c>
      <c r="DP28" s="257">
        <v>0</v>
      </c>
      <c r="DQ28" s="257">
        <v>0</v>
      </c>
      <c r="DR28" s="254">
        <v>0</v>
      </c>
      <c r="DS28" s="259">
        <v>0</v>
      </c>
      <c r="DT28" s="253">
        <v>1</v>
      </c>
      <c r="DU28" s="257">
        <v>4</v>
      </c>
      <c r="DV28" s="254">
        <v>5</v>
      </c>
      <c r="DW28" s="256">
        <v>0</v>
      </c>
      <c r="DX28" s="257">
        <v>7</v>
      </c>
      <c r="DY28" s="257">
        <v>11</v>
      </c>
      <c r="DZ28" s="257">
        <v>2</v>
      </c>
      <c r="EA28" s="257">
        <v>2</v>
      </c>
      <c r="EB28" s="257">
        <v>7</v>
      </c>
      <c r="EC28" s="254">
        <v>29</v>
      </c>
      <c r="ED28" s="259">
        <v>34</v>
      </c>
      <c r="EE28" s="253">
        <v>2</v>
      </c>
      <c r="EF28" s="257">
        <v>1</v>
      </c>
      <c r="EG28" s="254">
        <v>3</v>
      </c>
      <c r="EH28" s="256">
        <v>0</v>
      </c>
      <c r="EI28" s="257">
        <v>4</v>
      </c>
      <c r="EJ28" s="257">
        <v>4</v>
      </c>
      <c r="EK28" s="257">
        <v>3</v>
      </c>
      <c r="EL28" s="257">
        <v>5</v>
      </c>
      <c r="EM28" s="257">
        <v>0</v>
      </c>
      <c r="EN28" s="254">
        <v>16</v>
      </c>
      <c r="EO28" s="259">
        <v>19</v>
      </c>
      <c r="EP28" s="253">
        <v>1</v>
      </c>
      <c r="EQ28" s="257">
        <v>6</v>
      </c>
      <c r="ER28" s="254">
        <v>7</v>
      </c>
      <c r="ES28" s="256">
        <v>0</v>
      </c>
      <c r="ET28" s="257">
        <v>21</v>
      </c>
      <c r="EU28" s="257">
        <v>12</v>
      </c>
      <c r="EV28" s="257">
        <v>3</v>
      </c>
      <c r="EW28" s="257">
        <v>2</v>
      </c>
      <c r="EX28" s="257">
        <v>7</v>
      </c>
      <c r="EY28" s="254">
        <v>45</v>
      </c>
      <c r="EZ28" s="259">
        <v>52</v>
      </c>
    </row>
    <row r="29" spans="2:156" ht="21" customHeight="1" x14ac:dyDescent="0.2">
      <c r="B29" s="437" t="s">
        <v>27</v>
      </c>
      <c r="C29" s="253">
        <v>0</v>
      </c>
      <c r="D29" s="257">
        <v>0</v>
      </c>
      <c r="E29" s="340">
        <v>0</v>
      </c>
      <c r="F29" s="256">
        <v>0</v>
      </c>
      <c r="G29" s="257">
        <v>1</v>
      </c>
      <c r="H29" s="257">
        <v>3</v>
      </c>
      <c r="I29" s="257">
        <v>4</v>
      </c>
      <c r="J29" s="257">
        <v>0</v>
      </c>
      <c r="K29" s="257">
        <v>0</v>
      </c>
      <c r="L29" s="258">
        <v>8</v>
      </c>
      <c r="M29" s="259">
        <v>8</v>
      </c>
      <c r="N29" s="253">
        <v>0</v>
      </c>
      <c r="O29" s="257">
        <v>0</v>
      </c>
      <c r="P29" s="254">
        <v>0</v>
      </c>
      <c r="Q29" s="256">
        <v>0</v>
      </c>
      <c r="R29" s="257">
        <v>0</v>
      </c>
      <c r="S29" s="257">
        <v>1</v>
      </c>
      <c r="T29" s="257">
        <v>1</v>
      </c>
      <c r="U29" s="257">
        <v>1</v>
      </c>
      <c r="V29" s="257">
        <v>0</v>
      </c>
      <c r="W29" s="254">
        <v>3</v>
      </c>
      <c r="X29" s="259">
        <v>3</v>
      </c>
      <c r="Y29" s="253">
        <v>0</v>
      </c>
      <c r="Z29" s="257">
        <v>3</v>
      </c>
      <c r="AA29" s="254">
        <v>3</v>
      </c>
      <c r="AB29" s="256">
        <v>0</v>
      </c>
      <c r="AC29" s="257">
        <v>0</v>
      </c>
      <c r="AD29" s="257">
        <v>4</v>
      </c>
      <c r="AE29" s="257">
        <v>4</v>
      </c>
      <c r="AF29" s="257">
        <v>2</v>
      </c>
      <c r="AG29" s="257">
        <v>0</v>
      </c>
      <c r="AH29" s="254">
        <v>10</v>
      </c>
      <c r="AI29" s="259">
        <v>13</v>
      </c>
      <c r="AJ29" s="253">
        <v>0</v>
      </c>
      <c r="AK29" s="257">
        <v>0</v>
      </c>
      <c r="AL29" s="254">
        <v>0</v>
      </c>
      <c r="AM29" s="256">
        <v>0</v>
      </c>
      <c r="AN29" s="257">
        <v>0</v>
      </c>
      <c r="AO29" s="257">
        <v>0</v>
      </c>
      <c r="AP29" s="257">
        <v>0</v>
      </c>
      <c r="AQ29" s="257">
        <v>0</v>
      </c>
      <c r="AR29" s="257">
        <v>0</v>
      </c>
      <c r="AS29" s="254">
        <v>0</v>
      </c>
      <c r="AT29" s="259">
        <v>0</v>
      </c>
      <c r="AU29" s="253">
        <v>0</v>
      </c>
      <c r="AV29" s="257">
        <v>0</v>
      </c>
      <c r="AW29" s="254">
        <v>0</v>
      </c>
      <c r="AX29" s="256">
        <v>0</v>
      </c>
      <c r="AY29" s="257">
        <v>3</v>
      </c>
      <c r="AZ29" s="257">
        <v>4</v>
      </c>
      <c r="BA29" s="257">
        <v>9</v>
      </c>
      <c r="BB29" s="257">
        <v>2</v>
      </c>
      <c r="BC29" s="257">
        <v>2</v>
      </c>
      <c r="BD29" s="258">
        <v>20</v>
      </c>
      <c r="BE29" s="259">
        <v>20</v>
      </c>
      <c r="BF29" s="253">
        <v>0</v>
      </c>
      <c r="BG29" s="257">
        <v>0</v>
      </c>
      <c r="BH29" s="254">
        <v>0</v>
      </c>
      <c r="BI29" s="256">
        <v>0</v>
      </c>
      <c r="BJ29" s="257">
        <v>4</v>
      </c>
      <c r="BK29" s="257">
        <v>3</v>
      </c>
      <c r="BL29" s="257">
        <v>3</v>
      </c>
      <c r="BM29" s="257">
        <v>2</v>
      </c>
      <c r="BN29" s="257">
        <v>0</v>
      </c>
      <c r="BO29" s="254">
        <v>12</v>
      </c>
      <c r="BP29" s="259">
        <v>12</v>
      </c>
      <c r="BQ29" s="253">
        <v>1</v>
      </c>
      <c r="BR29" s="257">
        <v>0</v>
      </c>
      <c r="BS29" s="254">
        <v>1</v>
      </c>
      <c r="BT29" s="256">
        <v>0</v>
      </c>
      <c r="BU29" s="257">
        <v>1</v>
      </c>
      <c r="BV29" s="257">
        <v>1</v>
      </c>
      <c r="BW29" s="257">
        <v>1</v>
      </c>
      <c r="BX29" s="257">
        <v>0</v>
      </c>
      <c r="BY29" s="257">
        <v>0</v>
      </c>
      <c r="BZ29" s="254">
        <v>3</v>
      </c>
      <c r="CA29" s="259">
        <v>4</v>
      </c>
      <c r="CB29" s="253">
        <v>0</v>
      </c>
      <c r="CC29" s="257">
        <v>0</v>
      </c>
      <c r="CD29" s="254">
        <v>0</v>
      </c>
      <c r="CE29" s="256">
        <v>0</v>
      </c>
      <c r="CF29" s="257">
        <v>1</v>
      </c>
      <c r="CG29" s="257">
        <v>0</v>
      </c>
      <c r="CH29" s="257">
        <v>1</v>
      </c>
      <c r="CI29" s="257">
        <v>2</v>
      </c>
      <c r="CJ29" s="257">
        <v>0</v>
      </c>
      <c r="CK29" s="254">
        <v>4</v>
      </c>
      <c r="CL29" s="259">
        <v>4</v>
      </c>
      <c r="CM29" s="253">
        <v>0</v>
      </c>
      <c r="CN29" s="257">
        <v>0</v>
      </c>
      <c r="CO29" s="254">
        <v>0</v>
      </c>
      <c r="CP29" s="256">
        <v>0</v>
      </c>
      <c r="CQ29" s="257">
        <v>0</v>
      </c>
      <c r="CR29" s="257">
        <v>0</v>
      </c>
      <c r="CS29" s="257">
        <v>0</v>
      </c>
      <c r="CT29" s="257">
        <v>0</v>
      </c>
      <c r="CU29" s="257">
        <v>0</v>
      </c>
      <c r="CV29" s="254">
        <v>0</v>
      </c>
      <c r="CW29" s="259">
        <v>0</v>
      </c>
      <c r="CX29" s="253">
        <v>0</v>
      </c>
      <c r="CY29" s="257">
        <v>0</v>
      </c>
      <c r="CZ29" s="254">
        <v>0</v>
      </c>
      <c r="DA29" s="256">
        <v>0</v>
      </c>
      <c r="DB29" s="257">
        <v>0</v>
      </c>
      <c r="DC29" s="257">
        <v>0</v>
      </c>
      <c r="DD29" s="257">
        <v>0</v>
      </c>
      <c r="DE29" s="257">
        <v>0</v>
      </c>
      <c r="DF29" s="257">
        <v>0</v>
      </c>
      <c r="DG29" s="254">
        <v>0</v>
      </c>
      <c r="DH29" s="259">
        <v>0</v>
      </c>
      <c r="DI29" s="253">
        <v>0</v>
      </c>
      <c r="DJ29" s="257">
        <v>0</v>
      </c>
      <c r="DK29" s="254">
        <v>0</v>
      </c>
      <c r="DL29" s="256">
        <v>0</v>
      </c>
      <c r="DM29" s="257">
        <v>0</v>
      </c>
      <c r="DN29" s="257">
        <v>0</v>
      </c>
      <c r="DO29" s="257">
        <v>0</v>
      </c>
      <c r="DP29" s="257">
        <v>0</v>
      </c>
      <c r="DQ29" s="257">
        <v>0</v>
      </c>
      <c r="DR29" s="254">
        <v>0</v>
      </c>
      <c r="DS29" s="259">
        <v>0</v>
      </c>
      <c r="DT29" s="253">
        <v>4</v>
      </c>
      <c r="DU29" s="257">
        <v>9</v>
      </c>
      <c r="DV29" s="254">
        <v>13</v>
      </c>
      <c r="DW29" s="256">
        <v>0</v>
      </c>
      <c r="DX29" s="257">
        <v>1</v>
      </c>
      <c r="DY29" s="257">
        <v>11</v>
      </c>
      <c r="DZ29" s="257">
        <v>10</v>
      </c>
      <c r="EA29" s="257">
        <v>2</v>
      </c>
      <c r="EB29" s="257">
        <v>0</v>
      </c>
      <c r="EC29" s="254">
        <v>24</v>
      </c>
      <c r="ED29" s="259">
        <v>37</v>
      </c>
      <c r="EE29" s="253">
        <v>0</v>
      </c>
      <c r="EF29" s="257">
        <v>0</v>
      </c>
      <c r="EG29" s="254">
        <v>0</v>
      </c>
      <c r="EH29" s="256">
        <v>0</v>
      </c>
      <c r="EI29" s="257">
        <v>3</v>
      </c>
      <c r="EJ29" s="257">
        <v>2</v>
      </c>
      <c r="EK29" s="257">
        <v>5</v>
      </c>
      <c r="EL29" s="257">
        <v>1</v>
      </c>
      <c r="EM29" s="257">
        <v>3</v>
      </c>
      <c r="EN29" s="254">
        <v>14</v>
      </c>
      <c r="EO29" s="259">
        <v>14</v>
      </c>
      <c r="EP29" s="253">
        <v>5</v>
      </c>
      <c r="EQ29" s="257">
        <v>11</v>
      </c>
      <c r="ER29" s="254">
        <v>16</v>
      </c>
      <c r="ES29" s="256">
        <v>0</v>
      </c>
      <c r="ET29" s="257">
        <v>9</v>
      </c>
      <c r="EU29" s="257">
        <v>15</v>
      </c>
      <c r="EV29" s="257">
        <v>11</v>
      </c>
      <c r="EW29" s="257">
        <v>2</v>
      </c>
      <c r="EX29" s="257">
        <v>0</v>
      </c>
      <c r="EY29" s="254">
        <v>37</v>
      </c>
      <c r="EZ29" s="259">
        <v>53</v>
      </c>
    </row>
    <row r="30" spans="2:156" ht="21" customHeight="1" x14ac:dyDescent="0.2">
      <c r="B30" s="437" t="s">
        <v>28</v>
      </c>
      <c r="C30" s="253">
        <v>0</v>
      </c>
      <c r="D30" s="257">
        <v>0</v>
      </c>
      <c r="E30" s="340">
        <v>0</v>
      </c>
      <c r="F30" s="256">
        <v>0</v>
      </c>
      <c r="G30" s="257">
        <v>1</v>
      </c>
      <c r="H30" s="257">
        <v>1</v>
      </c>
      <c r="I30" s="257">
        <v>0</v>
      </c>
      <c r="J30" s="257">
        <v>1</v>
      </c>
      <c r="K30" s="257">
        <v>0</v>
      </c>
      <c r="L30" s="258">
        <v>3</v>
      </c>
      <c r="M30" s="259">
        <v>3</v>
      </c>
      <c r="N30" s="253">
        <v>0</v>
      </c>
      <c r="O30" s="257">
        <v>0</v>
      </c>
      <c r="P30" s="254">
        <v>0</v>
      </c>
      <c r="Q30" s="256">
        <v>0</v>
      </c>
      <c r="R30" s="257">
        <v>0</v>
      </c>
      <c r="S30" s="257">
        <v>0</v>
      </c>
      <c r="T30" s="257">
        <v>0</v>
      </c>
      <c r="U30" s="257">
        <v>0</v>
      </c>
      <c r="V30" s="257">
        <v>0</v>
      </c>
      <c r="W30" s="254">
        <v>0</v>
      </c>
      <c r="X30" s="259">
        <v>0</v>
      </c>
      <c r="Y30" s="253">
        <v>0</v>
      </c>
      <c r="Z30" s="257">
        <v>0</v>
      </c>
      <c r="AA30" s="254">
        <v>0</v>
      </c>
      <c r="AB30" s="256">
        <v>0</v>
      </c>
      <c r="AC30" s="257">
        <v>0</v>
      </c>
      <c r="AD30" s="257">
        <v>1</v>
      </c>
      <c r="AE30" s="257">
        <v>1</v>
      </c>
      <c r="AF30" s="257">
        <v>0</v>
      </c>
      <c r="AG30" s="257">
        <v>0</v>
      </c>
      <c r="AH30" s="254">
        <v>2</v>
      </c>
      <c r="AI30" s="259">
        <v>2</v>
      </c>
      <c r="AJ30" s="253">
        <v>0</v>
      </c>
      <c r="AK30" s="257">
        <v>0</v>
      </c>
      <c r="AL30" s="254">
        <v>0</v>
      </c>
      <c r="AM30" s="256">
        <v>0</v>
      </c>
      <c r="AN30" s="257">
        <v>0</v>
      </c>
      <c r="AO30" s="257">
        <v>0</v>
      </c>
      <c r="AP30" s="257">
        <v>0</v>
      </c>
      <c r="AQ30" s="257">
        <v>0</v>
      </c>
      <c r="AR30" s="257">
        <v>0</v>
      </c>
      <c r="AS30" s="254">
        <v>0</v>
      </c>
      <c r="AT30" s="259">
        <v>0</v>
      </c>
      <c r="AU30" s="253">
        <v>0</v>
      </c>
      <c r="AV30" s="257">
        <v>0</v>
      </c>
      <c r="AW30" s="254">
        <v>0</v>
      </c>
      <c r="AX30" s="256">
        <v>0</v>
      </c>
      <c r="AY30" s="257">
        <v>1</v>
      </c>
      <c r="AZ30" s="257">
        <v>2</v>
      </c>
      <c r="BA30" s="257">
        <v>1</v>
      </c>
      <c r="BB30" s="257">
        <v>2</v>
      </c>
      <c r="BC30" s="257">
        <v>1</v>
      </c>
      <c r="BD30" s="258">
        <v>7</v>
      </c>
      <c r="BE30" s="259">
        <v>7</v>
      </c>
      <c r="BF30" s="253">
        <v>0</v>
      </c>
      <c r="BG30" s="257">
        <v>0</v>
      </c>
      <c r="BH30" s="254">
        <v>0</v>
      </c>
      <c r="BI30" s="256">
        <v>0</v>
      </c>
      <c r="BJ30" s="257">
        <v>0</v>
      </c>
      <c r="BK30" s="257">
        <v>2</v>
      </c>
      <c r="BL30" s="257">
        <v>2</v>
      </c>
      <c r="BM30" s="257">
        <v>0</v>
      </c>
      <c r="BN30" s="257">
        <v>0</v>
      </c>
      <c r="BO30" s="254">
        <v>4</v>
      </c>
      <c r="BP30" s="259">
        <v>4</v>
      </c>
      <c r="BQ30" s="253">
        <v>0</v>
      </c>
      <c r="BR30" s="257">
        <v>0</v>
      </c>
      <c r="BS30" s="254">
        <v>0</v>
      </c>
      <c r="BT30" s="256">
        <v>0</v>
      </c>
      <c r="BU30" s="257">
        <v>0</v>
      </c>
      <c r="BV30" s="257">
        <v>0</v>
      </c>
      <c r="BW30" s="257">
        <v>1</v>
      </c>
      <c r="BX30" s="257">
        <v>0</v>
      </c>
      <c r="BY30" s="257">
        <v>0</v>
      </c>
      <c r="BZ30" s="254">
        <v>1</v>
      </c>
      <c r="CA30" s="259">
        <v>1</v>
      </c>
      <c r="CB30" s="253">
        <v>0</v>
      </c>
      <c r="CC30" s="257">
        <v>0</v>
      </c>
      <c r="CD30" s="254">
        <v>0</v>
      </c>
      <c r="CE30" s="256">
        <v>0</v>
      </c>
      <c r="CF30" s="257">
        <v>0</v>
      </c>
      <c r="CG30" s="257">
        <v>1</v>
      </c>
      <c r="CH30" s="257">
        <v>1</v>
      </c>
      <c r="CI30" s="257">
        <v>0</v>
      </c>
      <c r="CJ30" s="257">
        <v>0</v>
      </c>
      <c r="CK30" s="254">
        <v>2</v>
      </c>
      <c r="CL30" s="259">
        <v>2</v>
      </c>
      <c r="CM30" s="253">
        <v>0</v>
      </c>
      <c r="CN30" s="257">
        <v>0</v>
      </c>
      <c r="CO30" s="254">
        <v>0</v>
      </c>
      <c r="CP30" s="256">
        <v>0</v>
      </c>
      <c r="CQ30" s="257">
        <v>0</v>
      </c>
      <c r="CR30" s="257">
        <v>0</v>
      </c>
      <c r="CS30" s="257">
        <v>0</v>
      </c>
      <c r="CT30" s="257">
        <v>0</v>
      </c>
      <c r="CU30" s="257">
        <v>0</v>
      </c>
      <c r="CV30" s="254">
        <v>0</v>
      </c>
      <c r="CW30" s="259">
        <v>0</v>
      </c>
      <c r="CX30" s="253">
        <v>0</v>
      </c>
      <c r="CY30" s="257">
        <v>0</v>
      </c>
      <c r="CZ30" s="254">
        <v>0</v>
      </c>
      <c r="DA30" s="256">
        <v>0</v>
      </c>
      <c r="DB30" s="257">
        <v>0</v>
      </c>
      <c r="DC30" s="257">
        <v>0</v>
      </c>
      <c r="DD30" s="257">
        <v>0</v>
      </c>
      <c r="DE30" s="257">
        <v>0</v>
      </c>
      <c r="DF30" s="257">
        <v>0</v>
      </c>
      <c r="DG30" s="254">
        <v>0</v>
      </c>
      <c r="DH30" s="259">
        <v>0</v>
      </c>
      <c r="DI30" s="253">
        <v>0</v>
      </c>
      <c r="DJ30" s="257">
        <v>0</v>
      </c>
      <c r="DK30" s="254">
        <v>0</v>
      </c>
      <c r="DL30" s="256">
        <v>0</v>
      </c>
      <c r="DM30" s="257">
        <v>0</v>
      </c>
      <c r="DN30" s="257">
        <v>0</v>
      </c>
      <c r="DO30" s="257">
        <v>0</v>
      </c>
      <c r="DP30" s="257">
        <v>0</v>
      </c>
      <c r="DQ30" s="257">
        <v>0</v>
      </c>
      <c r="DR30" s="254">
        <v>0</v>
      </c>
      <c r="DS30" s="259">
        <v>0</v>
      </c>
      <c r="DT30" s="253">
        <v>0</v>
      </c>
      <c r="DU30" s="257">
        <v>1</v>
      </c>
      <c r="DV30" s="254">
        <v>1</v>
      </c>
      <c r="DW30" s="256">
        <v>0</v>
      </c>
      <c r="DX30" s="257">
        <v>1</v>
      </c>
      <c r="DY30" s="257">
        <v>3</v>
      </c>
      <c r="DZ30" s="257">
        <v>2</v>
      </c>
      <c r="EA30" s="257">
        <v>1</v>
      </c>
      <c r="EB30" s="257">
        <v>0</v>
      </c>
      <c r="EC30" s="254">
        <v>7</v>
      </c>
      <c r="ED30" s="259">
        <v>8</v>
      </c>
      <c r="EE30" s="253">
        <v>0</v>
      </c>
      <c r="EF30" s="257">
        <v>0</v>
      </c>
      <c r="EG30" s="254">
        <v>0</v>
      </c>
      <c r="EH30" s="256">
        <v>0</v>
      </c>
      <c r="EI30" s="257">
        <v>0</v>
      </c>
      <c r="EJ30" s="257">
        <v>0</v>
      </c>
      <c r="EK30" s="257">
        <v>0</v>
      </c>
      <c r="EL30" s="257">
        <v>1</v>
      </c>
      <c r="EM30" s="257">
        <v>1</v>
      </c>
      <c r="EN30" s="254">
        <v>2</v>
      </c>
      <c r="EO30" s="259">
        <v>2</v>
      </c>
      <c r="EP30" s="253">
        <v>0</v>
      </c>
      <c r="EQ30" s="257">
        <v>1</v>
      </c>
      <c r="ER30" s="254">
        <v>1</v>
      </c>
      <c r="ES30" s="256">
        <v>0</v>
      </c>
      <c r="ET30" s="257">
        <v>7</v>
      </c>
      <c r="EU30" s="257">
        <v>3</v>
      </c>
      <c r="EV30" s="257">
        <v>4</v>
      </c>
      <c r="EW30" s="257">
        <v>1</v>
      </c>
      <c r="EX30" s="257">
        <v>0</v>
      </c>
      <c r="EY30" s="254">
        <v>15</v>
      </c>
      <c r="EZ30" s="259">
        <v>16</v>
      </c>
    </row>
    <row r="31" spans="2:156" ht="21" customHeight="1" x14ac:dyDescent="0.2">
      <c r="B31" s="437" t="s">
        <v>29</v>
      </c>
      <c r="C31" s="253">
        <v>0</v>
      </c>
      <c r="D31" s="257">
        <v>0</v>
      </c>
      <c r="E31" s="340">
        <v>0</v>
      </c>
      <c r="F31" s="256">
        <v>0</v>
      </c>
      <c r="G31" s="257">
        <v>3</v>
      </c>
      <c r="H31" s="257">
        <v>2</v>
      </c>
      <c r="I31" s="257">
        <v>1</v>
      </c>
      <c r="J31" s="257">
        <v>1</v>
      </c>
      <c r="K31" s="257">
        <v>0</v>
      </c>
      <c r="L31" s="258">
        <v>7</v>
      </c>
      <c r="M31" s="259">
        <v>7</v>
      </c>
      <c r="N31" s="253">
        <v>0</v>
      </c>
      <c r="O31" s="257">
        <v>0</v>
      </c>
      <c r="P31" s="254">
        <v>0</v>
      </c>
      <c r="Q31" s="256">
        <v>0</v>
      </c>
      <c r="R31" s="257">
        <v>0</v>
      </c>
      <c r="S31" s="257">
        <v>0</v>
      </c>
      <c r="T31" s="257">
        <v>0</v>
      </c>
      <c r="U31" s="257">
        <v>0</v>
      </c>
      <c r="V31" s="257">
        <v>0</v>
      </c>
      <c r="W31" s="254">
        <v>0</v>
      </c>
      <c r="X31" s="259">
        <v>0</v>
      </c>
      <c r="Y31" s="253">
        <v>0</v>
      </c>
      <c r="Z31" s="257">
        <v>2</v>
      </c>
      <c r="AA31" s="254">
        <v>2</v>
      </c>
      <c r="AB31" s="256">
        <v>0</v>
      </c>
      <c r="AC31" s="257">
        <v>3</v>
      </c>
      <c r="AD31" s="257">
        <v>2</v>
      </c>
      <c r="AE31" s="257">
        <v>4</v>
      </c>
      <c r="AF31" s="257">
        <v>0</v>
      </c>
      <c r="AG31" s="257">
        <v>0</v>
      </c>
      <c r="AH31" s="254">
        <v>9</v>
      </c>
      <c r="AI31" s="259">
        <v>11</v>
      </c>
      <c r="AJ31" s="253">
        <v>0</v>
      </c>
      <c r="AK31" s="257">
        <v>0</v>
      </c>
      <c r="AL31" s="254">
        <v>0</v>
      </c>
      <c r="AM31" s="256">
        <v>0</v>
      </c>
      <c r="AN31" s="257">
        <v>1</v>
      </c>
      <c r="AO31" s="257">
        <v>0</v>
      </c>
      <c r="AP31" s="257">
        <v>0</v>
      </c>
      <c r="AQ31" s="257">
        <v>1</v>
      </c>
      <c r="AR31" s="257">
        <v>0</v>
      </c>
      <c r="AS31" s="254">
        <v>2</v>
      </c>
      <c r="AT31" s="259">
        <v>2</v>
      </c>
      <c r="AU31" s="253">
        <v>0</v>
      </c>
      <c r="AV31" s="257">
        <v>0</v>
      </c>
      <c r="AW31" s="254">
        <v>0</v>
      </c>
      <c r="AX31" s="256">
        <v>0</v>
      </c>
      <c r="AY31" s="257">
        <v>2</v>
      </c>
      <c r="AZ31" s="257">
        <v>1</v>
      </c>
      <c r="BA31" s="257">
        <v>0</v>
      </c>
      <c r="BB31" s="257">
        <v>1</v>
      </c>
      <c r="BC31" s="257">
        <v>0</v>
      </c>
      <c r="BD31" s="258">
        <v>4</v>
      </c>
      <c r="BE31" s="259">
        <v>4</v>
      </c>
      <c r="BF31" s="253">
        <v>0</v>
      </c>
      <c r="BG31" s="257">
        <v>0</v>
      </c>
      <c r="BH31" s="254">
        <v>0</v>
      </c>
      <c r="BI31" s="256">
        <v>0</v>
      </c>
      <c r="BJ31" s="257">
        <v>2</v>
      </c>
      <c r="BK31" s="257">
        <v>2</v>
      </c>
      <c r="BL31" s="257">
        <v>1</v>
      </c>
      <c r="BM31" s="257">
        <v>0</v>
      </c>
      <c r="BN31" s="257">
        <v>0</v>
      </c>
      <c r="BO31" s="254">
        <v>5</v>
      </c>
      <c r="BP31" s="259">
        <v>5</v>
      </c>
      <c r="BQ31" s="253">
        <v>0</v>
      </c>
      <c r="BR31" s="257">
        <v>0</v>
      </c>
      <c r="BS31" s="254">
        <v>0</v>
      </c>
      <c r="BT31" s="256">
        <v>0</v>
      </c>
      <c r="BU31" s="257">
        <v>2</v>
      </c>
      <c r="BV31" s="257">
        <v>0</v>
      </c>
      <c r="BW31" s="257">
        <v>1</v>
      </c>
      <c r="BX31" s="257">
        <v>1</v>
      </c>
      <c r="BY31" s="257">
        <v>0</v>
      </c>
      <c r="BZ31" s="254">
        <v>4</v>
      </c>
      <c r="CA31" s="259">
        <v>4</v>
      </c>
      <c r="CB31" s="253">
        <v>0</v>
      </c>
      <c r="CC31" s="257">
        <v>0</v>
      </c>
      <c r="CD31" s="254">
        <v>0</v>
      </c>
      <c r="CE31" s="256">
        <v>0</v>
      </c>
      <c r="CF31" s="257">
        <v>0</v>
      </c>
      <c r="CG31" s="257">
        <v>0</v>
      </c>
      <c r="CH31" s="257">
        <v>0</v>
      </c>
      <c r="CI31" s="257">
        <v>0</v>
      </c>
      <c r="CJ31" s="257">
        <v>0</v>
      </c>
      <c r="CK31" s="254">
        <v>0</v>
      </c>
      <c r="CL31" s="259">
        <v>0</v>
      </c>
      <c r="CM31" s="253">
        <v>0</v>
      </c>
      <c r="CN31" s="257">
        <v>0</v>
      </c>
      <c r="CO31" s="254">
        <v>0</v>
      </c>
      <c r="CP31" s="256">
        <v>0</v>
      </c>
      <c r="CQ31" s="257">
        <v>1</v>
      </c>
      <c r="CR31" s="257">
        <v>0</v>
      </c>
      <c r="CS31" s="257">
        <v>0</v>
      </c>
      <c r="CT31" s="257">
        <v>0</v>
      </c>
      <c r="CU31" s="257">
        <v>0</v>
      </c>
      <c r="CV31" s="254">
        <v>1</v>
      </c>
      <c r="CW31" s="259">
        <v>1</v>
      </c>
      <c r="CX31" s="253">
        <v>0</v>
      </c>
      <c r="CY31" s="257">
        <v>0</v>
      </c>
      <c r="CZ31" s="254">
        <v>0</v>
      </c>
      <c r="DA31" s="256">
        <v>0</v>
      </c>
      <c r="DB31" s="257">
        <v>0</v>
      </c>
      <c r="DC31" s="257">
        <v>0</v>
      </c>
      <c r="DD31" s="257">
        <v>0</v>
      </c>
      <c r="DE31" s="257">
        <v>0</v>
      </c>
      <c r="DF31" s="257">
        <v>0</v>
      </c>
      <c r="DG31" s="254">
        <v>0</v>
      </c>
      <c r="DH31" s="259">
        <v>0</v>
      </c>
      <c r="DI31" s="253">
        <v>0</v>
      </c>
      <c r="DJ31" s="257">
        <v>0</v>
      </c>
      <c r="DK31" s="254">
        <v>0</v>
      </c>
      <c r="DL31" s="256">
        <v>0</v>
      </c>
      <c r="DM31" s="257">
        <v>0</v>
      </c>
      <c r="DN31" s="257">
        <v>0</v>
      </c>
      <c r="DO31" s="257">
        <v>0</v>
      </c>
      <c r="DP31" s="257">
        <v>0</v>
      </c>
      <c r="DQ31" s="257">
        <v>0</v>
      </c>
      <c r="DR31" s="254">
        <v>0</v>
      </c>
      <c r="DS31" s="259">
        <v>0</v>
      </c>
      <c r="DT31" s="253">
        <v>0</v>
      </c>
      <c r="DU31" s="257">
        <v>3</v>
      </c>
      <c r="DV31" s="254">
        <v>3</v>
      </c>
      <c r="DW31" s="256">
        <v>0</v>
      </c>
      <c r="DX31" s="257">
        <v>2</v>
      </c>
      <c r="DY31" s="257">
        <v>2</v>
      </c>
      <c r="DZ31" s="257">
        <v>3</v>
      </c>
      <c r="EA31" s="257">
        <v>2</v>
      </c>
      <c r="EB31" s="257">
        <v>0</v>
      </c>
      <c r="EC31" s="254">
        <v>9</v>
      </c>
      <c r="ED31" s="259">
        <v>12</v>
      </c>
      <c r="EE31" s="253">
        <v>1</v>
      </c>
      <c r="EF31" s="257">
        <v>0</v>
      </c>
      <c r="EG31" s="254">
        <v>1</v>
      </c>
      <c r="EH31" s="256">
        <v>0</v>
      </c>
      <c r="EI31" s="257">
        <v>0</v>
      </c>
      <c r="EJ31" s="257">
        <v>1</v>
      </c>
      <c r="EK31" s="257">
        <v>0</v>
      </c>
      <c r="EL31" s="257">
        <v>1</v>
      </c>
      <c r="EM31" s="257">
        <v>1</v>
      </c>
      <c r="EN31" s="254">
        <v>3</v>
      </c>
      <c r="EO31" s="259">
        <v>4</v>
      </c>
      <c r="EP31" s="253">
        <v>0</v>
      </c>
      <c r="EQ31" s="257">
        <v>4</v>
      </c>
      <c r="ER31" s="254">
        <v>4</v>
      </c>
      <c r="ES31" s="256">
        <v>0</v>
      </c>
      <c r="ET31" s="257">
        <v>7</v>
      </c>
      <c r="EU31" s="257">
        <v>3</v>
      </c>
      <c r="EV31" s="257">
        <v>4</v>
      </c>
      <c r="EW31" s="257">
        <v>2</v>
      </c>
      <c r="EX31" s="257">
        <v>0</v>
      </c>
      <c r="EY31" s="254">
        <v>16</v>
      </c>
      <c r="EZ31" s="259">
        <v>20</v>
      </c>
    </row>
    <row r="32" spans="2:156" ht="21" customHeight="1" x14ac:dyDescent="0.2">
      <c r="B32" s="437" t="s">
        <v>30</v>
      </c>
      <c r="C32" s="253">
        <v>0</v>
      </c>
      <c r="D32" s="257">
        <v>0</v>
      </c>
      <c r="E32" s="340">
        <v>0</v>
      </c>
      <c r="F32" s="256">
        <v>0</v>
      </c>
      <c r="G32" s="257">
        <v>2</v>
      </c>
      <c r="H32" s="257">
        <v>2</v>
      </c>
      <c r="I32" s="257">
        <v>1</v>
      </c>
      <c r="J32" s="257">
        <v>1</v>
      </c>
      <c r="K32" s="257">
        <v>0</v>
      </c>
      <c r="L32" s="258">
        <v>6</v>
      </c>
      <c r="M32" s="259">
        <v>6</v>
      </c>
      <c r="N32" s="253">
        <v>0</v>
      </c>
      <c r="O32" s="257">
        <v>0</v>
      </c>
      <c r="P32" s="254">
        <v>0</v>
      </c>
      <c r="Q32" s="256">
        <v>0</v>
      </c>
      <c r="R32" s="257">
        <v>0</v>
      </c>
      <c r="S32" s="257">
        <v>1</v>
      </c>
      <c r="T32" s="257">
        <v>1</v>
      </c>
      <c r="U32" s="257">
        <v>0</v>
      </c>
      <c r="V32" s="257">
        <v>0</v>
      </c>
      <c r="W32" s="254">
        <v>2</v>
      </c>
      <c r="X32" s="259">
        <v>2</v>
      </c>
      <c r="Y32" s="253">
        <v>0</v>
      </c>
      <c r="Z32" s="257">
        <v>0</v>
      </c>
      <c r="AA32" s="254">
        <v>0</v>
      </c>
      <c r="AB32" s="256">
        <v>0</v>
      </c>
      <c r="AC32" s="257">
        <v>1</v>
      </c>
      <c r="AD32" s="257">
        <v>1</v>
      </c>
      <c r="AE32" s="257">
        <v>1</v>
      </c>
      <c r="AF32" s="257">
        <v>0</v>
      </c>
      <c r="AG32" s="257">
        <v>0</v>
      </c>
      <c r="AH32" s="254">
        <v>3</v>
      </c>
      <c r="AI32" s="259">
        <v>3</v>
      </c>
      <c r="AJ32" s="253">
        <v>0</v>
      </c>
      <c r="AK32" s="257">
        <v>0</v>
      </c>
      <c r="AL32" s="254">
        <v>0</v>
      </c>
      <c r="AM32" s="256">
        <v>0</v>
      </c>
      <c r="AN32" s="257">
        <v>0</v>
      </c>
      <c r="AO32" s="257">
        <v>1</v>
      </c>
      <c r="AP32" s="257">
        <v>0</v>
      </c>
      <c r="AQ32" s="257">
        <v>0</v>
      </c>
      <c r="AR32" s="257">
        <v>0</v>
      </c>
      <c r="AS32" s="254">
        <v>1</v>
      </c>
      <c r="AT32" s="259">
        <v>1</v>
      </c>
      <c r="AU32" s="253">
        <v>0</v>
      </c>
      <c r="AV32" s="257">
        <v>0</v>
      </c>
      <c r="AW32" s="254">
        <v>0</v>
      </c>
      <c r="AX32" s="256">
        <v>0</v>
      </c>
      <c r="AY32" s="257">
        <v>4</v>
      </c>
      <c r="AZ32" s="257">
        <v>2</v>
      </c>
      <c r="BA32" s="257">
        <v>2</v>
      </c>
      <c r="BB32" s="257">
        <v>0</v>
      </c>
      <c r="BC32" s="257">
        <v>0</v>
      </c>
      <c r="BD32" s="258">
        <v>8</v>
      </c>
      <c r="BE32" s="259">
        <v>8</v>
      </c>
      <c r="BF32" s="253">
        <v>0</v>
      </c>
      <c r="BG32" s="257">
        <v>0</v>
      </c>
      <c r="BH32" s="254">
        <v>0</v>
      </c>
      <c r="BI32" s="256">
        <v>0</v>
      </c>
      <c r="BJ32" s="257">
        <v>1</v>
      </c>
      <c r="BK32" s="257">
        <v>1</v>
      </c>
      <c r="BL32" s="257">
        <v>1</v>
      </c>
      <c r="BM32" s="257">
        <v>0</v>
      </c>
      <c r="BN32" s="257">
        <v>0</v>
      </c>
      <c r="BO32" s="254">
        <v>3</v>
      </c>
      <c r="BP32" s="259">
        <v>3</v>
      </c>
      <c r="BQ32" s="253">
        <v>0</v>
      </c>
      <c r="BR32" s="257">
        <v>0</v>
      </c>
      <c r="BS32" s="254">
        <v>0</v>
      </c>
      <c r="BT32" s="256">
        <v>0</v>
      </c>
      <c r="BU32" s="257">
        <v>1</v>
      </c>
      <c r="BV32" s="257">
        <v>0</v>
      </c>
      <c r="BW32" s="257">
        <v>0</v>
      </c>
      <c r="BX32" s="257">
        <v>1</v>
      </c>
      <c r="BY32" s="257">
        <v>0</v>
      </c>
      <c r="BZ32" s="254">
        <v>2</v>
      </c>
      <c r="CA32" s="259">
        <v>2</v>
      </c>
      <c r="CB32" s="253">
        <v>0</v>
      </c>
      <c r="CC32" s="257">
        <v>0</v>
      </c>
      <c r="CD32" s="254">
        <v>0</v>
      </c>
      <c r="CE32" s="256">
        <v>0</v>
      </c>
      <c r="CF32" s="257">
        <v>0</v>
      </c>
      <c r="CG32" s="257">
        <v>0</v>
      </c>
      <c r="CH32" s="257">
        <v>1</v>
      </c>
      <c r="CI32" s="257">
        <v>1</v>
      </c>
      <c r="CJ32" s="257">
        <v>0</v>
      </c>
      <c r="CK32" s="254">
        <v>2</v>
      </c>
      <c r="CL32" s="259">
        <v>2</v>
      </c>
      <c r="CM32" s="253">
        <v>0</v>
      </c>
      <c r="CN32" s="257">
        <v>0</v>
      </c>
      <c r="CO32" s="254">
        <v>0</v>
      </c>
      <c r="CP32" s="256">
        <v>0</v>
      </c>
      <c r="CQ32" s="257">
        <v>1</v>
      </c>
      <c r="CR32" s="257">
        <v>0</v>
      </c>
      <c r="CS32" s="257">
        <v>0</v>
      </c>
      <c r="CT32" s="257">
        <v>0</v>
      </c>
      <c r="CU32" s="257">
        <v>0</v>
      </c>
      <c r="CV32" s="254">
        <v>1</v>
      </c>
      <c r="CW32" s="259">
        <v>1</v>
      </c>
      <c r="CX32" s="253">
        <v>0</v>
      </c>
      <c r="CY32" s="257">
        <v>0</v>
      </c>
      <c r="CZ32" s="254">
        <v>0</v>
      </c>
      <c r="DA32" s="256">
        <v>0</v>
      </c>
      <c r="DB32" s="257">
        <v>0</v>
      </c>
      <c r="DC32" s="257">
        <v>0</v>
      </c>
      <c r="DD32" s="257">
        <v>0</v>
      </c>
      <c r="DE32" s="257">
        <v>0</v>
      </c>
      <c r="DF32" s="257">
        <v>0</v>
      </c>
      <c r="DG32" s="254">
        <v>0</v>
      </c>
      <c r="DH32" s="259">
        <v>0</v>
      </c>
      <c r="DI32" s="253">
        <v>0</v>
      </c>
      <c r="DJ32" s="257">
        <v>0</v>
      </c>
      <c r="DK32" s="254">
        <v>0</v>
      </c>
      <c r="DL32" s="256">
        <v>0</v>
      </c>
      <c r="DM32" s="257">
        <v>0</v>
      </c>
      <c r="DN32" s="257">
        <v>0</v>
      </c>
      <c r="DO32" s="257">
        <v>0</v>
      </c>
      <c r="DP32" s="257">
        <v>0</v>
      </c>
      <c r="DQ32" s="257">
        <v>0</v>
      </c>
      <c r="DR32" s="254">
        <v>0</v>
      </c>
      <c r="DS32" s="259">
        <v>0</v>
      </c>
      <c r="DT32" s="253">
        <v>0</v>
      </c>
      <c r="DU32" s="257">
        <v>0</v>
      </c>
      <c r="DV32" s="254">
        <v>0</v>
      </c>
      <c r="DW32" s="256">
        <v>0</v>
      </c>
      <c r="DX32" s="257">
        <v>2</v>
      </c>
      <c r="DY32" s="257">
        <v>3</v>
      </c>
      <c r="DZ32" s="257">
        <v>2</v>
      </c>
      <c r="EA32" s="257">
        <v>2</v>
      </c>
      <c r="EB32" s="257">
        <v>0</v>
      </c>
      <c r="EC32" s="254">
        <v>9</v>
      </c>
      <c r="ED32" s="259">
        <v>9</v>
      </c>
      <c r="EE32" s="253">
        <v>0</v>
      </c>
      <c r="EF32" s="257">
        <v>0</v>
      </c>
      <c r="EG32" s="254">
        <v>0</v>
      </c>
      <c r="EH32" s="256">
        <v>0</v>
      </c>
      <c r="EI32" s="257">
        <v>1</v>
      </c>
      <c r="EJ32" s="257">
        <v>1</v>
      </c>
      <c r="EK32" s="257">
        <v>3</v>
      </c>
      <c r="EL32" s="257">
        <v>0</v>
      </c>
      <c r="EM32" s="257">
        <v>0</v>
      </c>
      <c r="EN32" s="254">
        <v>5</v>
      </c>
      <c r="EO32" s="259">
        <v>5</v>
      </c>
      <c r="EP32" s="253">
        <v>0</v>
      </c>
      <c r="EQ32" s="257">
        <v>0</v>
      </c>
      <c r="ER32" s="254">
        <v>0</v>
      </c>
      <c r="ES32" s="256">
        <v>0</v>
      </c>
      <c r="ET32" s="257">
        <v>6</v>
      </c>
      <c r="EU32" s="257">
        <v>3</v>
      </c>
      <c r="EV32" s="257">
        <v>2</v>
      </c>
      <c r="EW32" s="257">
        <v>2</v>
      </c>
      <c r="EX32" s="257">
        <v>0</v>
      </c>
      <c r="EY32" s="254">
        <v>13</v>
      </c>
      <c r="EZ32" s="259">
        <v>13</v>
      </c>
    </row>
    <row r="33" spans="2:156" ht="21" customHeight="1" x14ac:dyDescent="0.2">
      <c r="B33" s="437" t="s">
        <v>31</v>
      </c>
      <c r="C33" s="253">
        <v>0</v>
      </c>
      <c r="D33" s="257">
        <v>0</v>
      </c>
      <c r="E33" s="340">
        <v>0</v>
      </c>
      <c r="F33" s="256">
        <v>0</v>
      </c>
      <c r="G33" s="257">
        <v>1</v>
      </c>
      <c r="H33" s="257">
        <v>1</v>
      </c>
      <c r="I33" s="257">
        <v>0</v>
      </c>
      <c r="J33" s="257">
        <v>0</v>
      </c>
      <c r="K33" s="257">
        <v>0</v>
      </c>
      <c r="L33" s="258">
        <v>2</v>
      </c>
      <c r="M33" s="259">
        <v>2</v>
      </c>
      <c r="N33" s="253">
        <v>0</v>
      </c>
      <c r="O33" s="257">
        <v>0</v>
      </c>
      <c r="P33" s="254">
        <v>0</v>
      </c>
      <c r="Q33" s="256">
        <v>0</v>
      </c>
      <c r="R33" s="257">
        <v>0</v>
      </c>
      <c r="S33" s="257">
        <v>0</v>
      </c>
      <c r="T33" s="257">
        <v>0</v>
      </c>
      <c r="U33" s="257">
        <v>0</v>
      </c>
      <c r="V33" s="257">
        <v>1</v>
      </c>
      <c r="W33" s="254">
        <v>1</v>
      </c>
      <c r="X33" s="259">
        <v>1</v>
      </c>
      <c r="Y33" s="253">
        <v>0</v>
      </c>
      <c r="Z33" s="257">
        <v>0</v>
      </c>
      <c r="AA33" s="254">
        <v>0</v>
      </c>
      <c r="AB33" s="256">
        <v>0</v>
      </c>
      <c r="AC33" s="257">
        <v>2</v>
      </c>
      <c r="AD33" s="257">
        <v>3</v>
      </c>
      <c r="AE33" s="257">
        <v>2</v>
      </c>
      <c r="AF33" s="257">
        <v>0</v>
      </c>
      <c r="AG33" s="257">
        <v>1</v>
      </c>
      <c r="AH33" s="254">
        <v>8</v>
      </c>
      <c r="AI33" s="259">
        <v>8</v>
      </c>
      <c r="AJ33" s="253">
        <v>0</v>
      </c>
      <c r="AK33" s="257">
        <v>0</v>
      </c>
      <c r="AL33" s="254">
        <v>0</v>
      </c>
      <c r="AM33" s="256">
        <v>0</v>
      </c>
      <c r="AN33" s="257">
        <v>0</v>
      </c>
      <c r="AO33" s="257">
        <v>0</v>
      </c>
      <c r="AP33" s="257">
        <v>0</v>
      </c>
      <c r="AQ33" s="257">
        <v>0</v>
      </c>
      <c r="AR33" s="257">
        <v>0</v>
      </c>
      <c r="AS33" s="254">
        <v>0</v>
      </c>
      <c r="AT33" s="259">
        <v>0</v>
      </c>
      <c r="AU33" s="253">
        <v>0</v>
      </c>
      <c r="AV33" s="257">
        <v>0</v>
      </c>
      <c r="AW33" s="254">
        <v>0</v>
      </c>
      <c r="AX33" s="256">
        <v>0</v>
      </c>
      <c r="AY33" s="257">
        <v>0</v>
      </c>
      <c r="AZ33" s="257">
        <v>1</v>
      </c>
      <c r="BA33" s="257">
        <v>0</v>
      </c>
      <c r="BB33" s="257">
        <v>0</v>
      </c>
      <c r="BC33" s="257">
        <v>0</v>
      </c>
      <c r="BD33" s="258">
        <v>1</v>
      </c>
      <c r="BE33" s="259">
        <v>1</v>
      </c>
      <c r="BF33" s="253">
        <v>0</v>
      </c>
      <c r="BG33" s="257">
        <v>0</v>
      </c>
      <c r="BH33" s="254">
        <v>0</v>
      </c>
      <c r="BI33" s="256">
        <v>0</v>
      </c>
      <c r="BJ33" s="257">
        <v>3</v>
      </c>
      <c r="BK33" s="257">
        <v>2</v>
      </c>
      <c r="BL33" s="257">
        <v>2</v>
      </c>
      <c r="BM33" s="257">
        <v>0</v>
      </c>
      <c r="BN33" s="257">
        <v>0</v>
      </c>
      <c r="BO33" s="254">
        <v>7</v>
      </c>
      <c r="BP33" s="259">
        <v>7</v>
      </c>
      <c r="BQ33" s="253">
        <v>0</v>
      </c>
      <c r="BR33" s="257">
        <v>0</v>
      </c>
      <c r="BS33" s="254">
        <v>0</v>
      </c>
      <c r="BT33" s="256">
        <v>0</v>
      </c>
      <c r="BU33" s="257">
        <v>2</v>
      </c>
      <c r="BV33" s="257">
        <v>0</v>
      </c>
      <c r="BW33" s="257">
        <v>2</v>
      </c>
      <c r="BX33" s="257">
        <v>0</v>
      </c>
      <c r="BY33" s="257">
        <v>0</v>
      </c>
      <c r="BZ33" s="254">
        <v>4</v>
      </c>
      <c r="CA33" s="259">
        <v>4</v>
      </c>
      <c r="CB33" s="253">
        <v>0</v>
      </c>
      <c r="CC33" s="257">
        <v>0</v>
      </c>
      <c r="CD33" s="254">
        <v>0</v>
      </c>
      <c r="CE33" s="256">
        <v>0</v>
      </c>
      <c r="CF33" s="257">
        <v>0</v>
      </c>
      <c r="CG33" s="257">
        <v>1</v>
      </c>
      <c r="CH33" s="257">
        <v>0</v>
      </c>
      <c r="CI33" s="257">
        <v>0</v>
      </c>
      <c r="CJ33" s="257">
        <v>1</v>
      </c>
      <c r="CK33" s="254">
        <v>2</v>
      </c>
      <c r="CL33" s="259">
        <v>2</v>
      </c>
      <c r="CM33" s="253">
        <v>0</v>
      </c>
      <c r="CN33" s="257">
        <v>0</v>
      </c>
      <c r="CO33" s="254">
        <v>0</v>
      </c>
      <c r="CP33" s="256">
        <v>0</v>
      </c>
      <c r="CQ33" s="257">
        <v>0</v>
      </c>
      <c r="CR33" s="257">
        <v>0</v>
      </c>
      <c r="CS33" s="257">
        <v>1</v>
      </c>
      <c r="CT33" s="257">
        <v>0</v>
      </c>
      <c r="CU33" s="257">
        <v>0</v>
      </c>
      <c r="CV33" s="254">
        <v>1</v>
      </c>
      <c r="CW33" s="259">
        <v>1</v>
      </c>
      <c r="CX33" s="253">
        <v>0</v>
      </c>
      <c r="CY33" s="257">
        <v>0</v>
      </c>
      <c r="CZ33" s="254">
        <v>0</v>
      </c>
      <c r="DA33" s="256">
        <v>0</v>
      </c>
      <c r="DB33" s="257">
        <v>0</v>
      </c>
      <c r="DC33" s="257">
        <v>0</v>
      </c>
      <c r="DD33" s="257">
        <v>0</v>
      </c>
      <c r="DE33" s="257">
        <v>0</v>
      </c>
      <c r="DF33" s="257">
        <v>0</v>
      </c>
      <c r="DG33" s="254">
        <v>0</v>
      </c>
      <c r="DH33" s="259">
        <v>0</v>
      </c>
      <c r="DI33" s="253">
        <v>0</v>
      </c>
      <c r="DJ33" s="257">
        <v>0</v>
      </c>
      <c r="DK33" s="254">
        <v>0</v>
      </c>
      <c r="DL33" s="256">
        <v>0</v>
      </c>
      <c r="DM33" s="257">
        <v>0</v>
      </c>
      <c r="DN33" s="257">
        <v>0</v>
      </c>
      <c r="DO33" s="257">
        <v>0</v>
      </c>
      <c r="DP33" s="257">
        <v>0</v>
      </c>
      <c r="DQ33" s="257">
        <v>0</v>
      </c>
      <c r="DR33" s="254">
        <v>0</v>
      </c>
      <c r="DS33" s="259">
        <v>0</v>
      </c>
      <c r="DT33" s="253">
        <v>1</v>
      </c>
      <c r="DU33" s="257">
        <v>1</v>
      </c>
      <c r="DV33" s="254">
        <v>2</v>
      </c>
      <c r="DW33" s="256">
        <v>0</v>
      </c>
      <c r="DX33" s="257">
        <v>3</v>
      </c>
      <c r="DY33" s="257">
        <v>6</v>
      </c>
      <c r="DZ33" s="257">
        <v>3</v>
      </c>
      <c r="EA33" s="257">
        <v>1</v>
      </c>
      <c r="EB33" s="257">
        <v>1</v>
      </c>
      <c r="EC33" s="254">
        <v>14</v>
      </c>
      <c r="ED33" s="259">
        <v>16</v>
      </c>
      <c r="EE33" s="253">
        <v>0</v>
      </c>
      <c r="EF33" s="257">
        <v>0</v>
      </c>
      <c r="EG33" s="254">
        <v>0</v>
      </c>
      <c r="EH33" s="256">
        <v>0</v>
      </c>
      <c r="EI33" s="257">
        <v>0</v>
      </c>
      <c r="EJ33" s="257">
        <v>0</v>
      </c>
      <c r="EK33" s="257">
        <v>0</v>
      </c>
      <c r="EL33" s="257">
        <v>0</v>
      </c>
      <c r="EM33" s="257">
        <v>0</v>
      </c>
      <c r="EN33" s="254">
        <v>0</v>
      </c>
      <c r="EO33" s="259">
        <v>0</v>
      </c>
      <c r="EP33" s="253">
        <v>1</v>
      </c>
      <c r="EQ33" s="257">
        <v>1</v>
      </c>
      <c r="ER33" s="254">
        <v>2</v>
      </c>
      <c r="ES33" s="256">
        <v>0</v>
      </c>
      <c r="ET33" s="257">
        <v>8</v>
      </c>
      <c r="EU33" s="257">
        <v>6</v>
      </c>
      <c r="EV33" s="257">
        <v>5</v>
      </c>
      <c r="EW33" s="257">
        <v>1</v>
      </c>
      <c r="EX33" s="257">
        <v>1</v>
      </c>
      <c r="EY33" s="254">
        <v>21</v>
      </c>
      <c r="EZ33" s="259">
        <v>23</v>
      </c>
    </row>
    <row r="34" spans="2:156" ht="21" customHeight="1" x14ac:dyDescent="0.2">
      <c r="B34" s="437" t="s">
        <v>32</v>
      </c>
      <c r="C34" s="253">
        <v>0</v>
      </c>
      <c r="D34" s="257">
        <v>0</v>
      </c>
      <c r="E34" s="340">
        <v>0</v>
      </c>
      <c r="F34" s="256">
        <v>0</v>
      </c>
      <c r="G34" s="257">
        <v>1</v>
      </c>
      <c r="H34" s="257">
        <v>1</v>
      </c>
      <c r="I34" s="257">
        <v>0</v>
      </c>
      <c r="J34" s="257">
        <v>0</v>
      </c>
      <c r="K34" s="257">
        <v>0</v>
      </c>
      <c r="L34" s="258">
        <v>2</v>
      </c>
      <c r="M34" s="259">
        <v>2</v>
      </c>
      <c r="N34" s="253">
        <v>0</v>
      </c>
      <c r="O34" s="257">
        <v>0</v>
      </c>
      <c r="P34" s="254">
        <v>0</v>
      </c>
      <c r="Q34" s="256">
        <v>0</v>
      </c>
      <c r="R34" s="257">
        <v>0</v>
      </c>
      <c r="S34" s="257">
        <v>0</v>
      </c>
      <c r="T34" s="257">
        <v>0</v>
      </c>
      <c r="U34" s="257">
        <v>0</v>
      </c>
      <c r="V34" s="257">
        <v>0</v>
      </c>
      <c r="W34" s="254">
        <v>0</v>
      </c>
      <c r="X34" s="259">
        <v>0</v>
      </c>
      <c r="Y34" s="253">
        <v>0</v>
      </c>
      <c r="Z34" s="257">
        <v>1</v>
      </c>
      <c r="AA34" s="254">
        <v>1</v>
      </c>
      <c r="AB34" s="256">
        <v>0</v>
      </c>
      <c r="AC34" s="257">
        <v>4</v>
      </c>
      <c r="AD34" s="257">
        <v>1</v>
      </c>
      <c r="AE34" s="257">
        <v>0</v>
      </c>
      <c r="AF34" s="257">
        <v>0</v>
      </c>
      <c r="AG34" s="257">
        <v>1</v>
      </c>
      <c r="AH34" s="254">
        <v>6</v>
      </c>
      <c r="AI34" s="259">
        <v>7</v>
      </c>
      <c r="AJ34" s="253">
        <v>0</v>
      </c>
      <c r="AK34" s="257">
        <v>0</v>
      </c>
      <c r="AL34" s="254">
        <v>0</v>
      </c>
      <c r="AM34" s="256">
        <v>0</v>
      </c>
      <c r="AN34" s="257">
        <v>0</v>
      </c>
      <c r="AO34" s="257">
        <v>1</v>
      </c>
      <c r="AP34" s="257">
        <v>0</v>
      </c>
      <c r="AQ34" s="257">
        <v>1</v>
      </c>
      <c r="AR34" s="257">
        <v>0</v>
      </c>
      <c r="AS34" s="254">
        <v>2</v>
      </c>
      <c r="AT34" s="259">
        <v>2</v>
      </c>
      <c r="AU34" s="253">
        <v>0</v>
      </c>
      <c r="AV34" s="257">
        <v>0</v>
      </c>
      <c r="AW34" s="254">
        <v>0</v>
      </c>
      <c r="AX34" s="256">
        <v>0</v>
      </c>
      <c r="AY34" s="257">
        <v>1</v>
      </c>
      <c r="AZ34" s="257">
        <v>2</v>
      </c>
      <c r="BA34" s="257">
        <v>2</v>
      </c>
      <c r="BB34" s="257">
        <v>3</v>
      </c>
      <c r="BC34" s="257">
        <v>2</v>
      </c>
      <c r="BD34" s="258">
        <v>10</v>
      </c>
      <c r="BE34" s="259">
        <v>10</v>
      </c>
      <c r="BF34" s="253">
        <v>0</v>
      </c>
      <c r="BG34" s="257">
        <v>0</v>
      </c>
      <c r="BH34" s="254">
        <v>0</v>
      </c>
      <c r="BI34" s="256">
        <v>0</v>
      </c>
      <c r="BJ34" s="257">
        <v>5</v>
      </c>
      <c r="BK34" s="257">
        <v>3</v>
      </c>
      <c r="BL34" s="257">
        <v>0</v>
      </c>
      <c r="BM34" s="257">
        <v>2</v>
      </c>
      <c r="BN34" s="257">
        <v>2</v>
      </c>
      <c r="BO34" s="254">
        <v>12</v>
      </c>
      <c r="BP34" s="259">
        <v>12</v>
      </c>
      <c r="BQ34" s="253">
        <v>0</v>
      </c>
      <c r="BR34" s="257">
        <v>0</v>
      </c>
      <c r="BS34" s="254">
        <v>0</v>
      </c>
      <c r="BT34" s="256">
        <v>0</v>
      </c>
      <c r="BU34" s="257">
        <v>0</v>
      </c>
      <c r="BV34" s="257">
        <v>1</v>
      </c>
      <c r="BW34" s="257">
        <v>0</v>
      </c>
      <c r="BX34" s="257">
        <v>2</v>
      </c>
      <c r="BY34" s="257">
        <v>1</v>
      </c>
      <c r="BZ34" s="254">
        <v>4</v>
      </c>
      <c r="CA34" s="259">
        <v>4</v>
      </c>
      <c r="CB34" s="253">
        <v>0</v>
      </c>
      <c r="CC34" s="257">
        <v>0</v>
      </c>
      <c r="CD34" s="254">
        <v>0</v>
      </c>
      <c r="CE34" s="256">
        <v>0</v>
      </c>
      <c r="CF34" s="257">
        <v>0</v>
      </c>
      <c r="CG34" s="257">
        <v>1</v>
      </c>
      <c r="CH34" s="257">
        <v>0</v>
      </c>
      <c r="CI34" s="257">
        <v>1</v>
      </c>
      <c r="CJ34" s="257">
        <v>1</v>
      </c>
      <c r="CK34" s="254">
        <v>3</v>
      </c>
      <c r="CL34" s="259">
        <v>3</v>
      </c>
      <c r="CM34" s="253">
        <v>0</v>
      </c>
      <c r="CN34" s="257">
        <v>0</v>
      </c>
      <c r="CO34" s="254">
        <v>0</v>
      </c>
      <c r="CP34" s="256">
        <v>0</v>
      </c>
      <c r="CQ34" s="257">
        <v>0</v>
      </c>
      <c r="CR34" s="257">
        <v>0</v>
      </c>
      <c r="CS34" s="257">
        <v>0</v>
      </c>
      <c r="CT34" s="257">
        <v>0</v>
      </c>
      <c r="CU34" s="257">
        <v>1</v>
      </c>
      <c r="CV34" s="254">
        <v>1</v>
      </c>
      <c r="CW34" s="259">
        <v>1</v>
      </c>
      <c r="CX34" s="253">
        <v>0</v>
      </c>
      <c r="CY34" s="257">
        <v>0</v>
      </c>
      <c r="CZ34" s="254">
        <v>0</v>
      </c>
      <c r="DA34" s="256">
        <v>0</v>
      </c>
      <c r="DB34" s="257">
        <v>0</v>
      </c>
      <c r="DC34" s="257">
        <v>0</v>
      </c>
      <c r="DD34" s="257">
        <v>0</v>
      </c>
      <c r="DE34" s="257">
        <v>0</v>
      </c>
      <c r="DF34" s="257">
        <v>0</v>
      </c>
      <c r="DG34" s="254">
        <v>0</v>
      </c>
      <c r="DH34" s="259">
        <v>0</v>
      </c>
      <c r="DI34" s="253">
        <v>0</v>
      </c>
      <c r="DJ34" s="257">
        <v>0</v>
      </c>
      <c r="DK34" s="254">
        <v>0</v>
      </c>
      <c r="DL34" s="256">
        <v>0</v>
      </c>
      <c r="DM34" s="257">
        <v>0</v>
      </c>
      <c r="DN34" s="257">
        <v>0</v>
      </c>
      <c r="DO34" s="257">
        <v>0</v>
      </c>
      <c r="DP34" s="257">
        <v>0</v>
      </c>
      <c r="DQ34" s="257">
        <v>0</v>
      </c>
      <c r="DR34" s="254">
        <v>0</v>
      </c>
      <c r="DS34" s="259">
        <v>0</v>
      </c>
      <c r="DT34" s="253">
        <v>2</v>
      </c>
      <c r="DU34" s="257">
        <v>1</v>
      </c>
      <c r="DV34" s="254">
        <v>3</v>
      </c>
      <c r="DW34" s="256">
        <v>0</v>
      </c>
      <c r="DX34" s="257">
        <v>4</v>
      </c>
      <c r="DY34" s="257">
        <v>4</v>
      </c>
      <c r="DZ34" s="257">
        <v>2</v>
      </c>
      <c r="EA34" s="257">
        <v>2</v>
      </c>
      <c r="EB34" s="257">
        <v>2</v>
      </c>
      <c r="EC34" s="254">
        <v>14</v>
      </c>
      <c r="ED34" s="259">
        <v>17</v>
      </c>
      <c r="EE34" s="253">
        <v>0</v>
      </c>
      <c r="EF34" s="257">
        <v>0</v>
      </c>
      <c r="EG34" s="254">
        <v>0</v>
      </c>
      <c r="EH34" s="256">
        <v>0</v>
      </c>
      <c r="EI34" s="257">
        <v>1</v>
      </c>
      <c r="EJ34" s="257">
        <v>0</v>
      </c>
      <c r="EK34" s="257">
        <v>1</v>
      </c>
      <c r="EL34" s="257">
        <v>2</v>
      </c>
      <c r="EM34" s="257">
        <v>1</v>
      </c>
      <c r="EN34" s="254">
        <v>5</v>
      </c>
      <c r="EO34" s="259">
        <v>5</v>
      </c>
      <c r="EP34" s="253">
        <v>2</v>
      </c>
      <c r="EQ34" s="257">
        <v>1</v>
      </c>
      <c r="ER34" s="254">
        <v>3</v>
      </c>
      <c r="ES34" s="256">
        <v>0</v>
      </c>
      <c r="ET34" s="257">
        <v>12</v>
      </c>
      <c r="EU34" s="257">
        <v>6</v>
      </c>
      <c r="EV34" s="257">
        <v>1</v>
      </c>
      <c r="EW34" s="257">
        <v>2</v>
      </c>
      <c r="EX34" s="257">
        <v>2</v>
      </c>
      <c r="EY34" s="254">
        <v>23</v>
      </c>
      <c r="EZ34" s="259">
        <v>26</v>
      </c>
    </row>
    <row r="35" spans="2:156" ht="21" customHeight="1" x14ac:dyDescent="0.2">
      <c r="B35" s="437" t="s">
        <v>33</v>
      </c>
      <c r="C35" s="253">
        <v>0</v>
      </c>
      <c r="D35" s="257">
        <v>0</v>
      </c>
      <c r="E35" s="340">
        <v>0</v>
      </c>
      <c r="F35" s="256">
        <v>0</v>
      </c>
      <c r="G35" s="257">
        <v>1</v>
      </c>
      <c r="H35" s="257">
        <v>0</v>
      </c>
      <c r="I35" s="257">
        <v>0</v>
      </c>
      <c r="J35" s="257">
        <v>0</v>
      </c>
      <c r="K35" s="257">
        <v>1</v>
      </c>
      <c r="L35" s="258">
        <v>2</v>
      </c>
      <c r="M35" s="259">
        <v>2</v>
      </c>
      <c r="N35" s="253">
        <v>0</v>
      </c>
      <c r="O35" s="257">
        <v>0</v>
      </c>
      <c r="P35" s="254">
        <v>0</v>
      </c>
      <c r="Q35" s="256">
        <v>0</v>
      </c>
      <c r="R35" s="257">
        <v>0</v>
      </c>
      <c r="S35" s="257">
        <v>0</v>
      </c>
      <c r="T35" s="257">
        <v>0</v>
      </c>
      <c r="U35" s="257">
        <v>0</v>
      </c>
      <c r="V35" s="257">
        <v>0</v>
      </c>
      <c r="W35" s="254">
        <v>0</v>
      </c>
      <c r="X35" s="259">
        <v>0</v>
      </c>
      <c r="Y35" s="253">
        <v>0</v>
      </c>
      <c r="Z35" s="257">
        <v>0</v>
      </c>
      <c r="AA35" s="254">
        <v>0</v>
      </c>
      <c r="AB35" s="256">
        <v>0</v>
      </c>
      <c r="AC35" s="257">
        <v>0</v>
      </c>
      <c r="AD35" s="257">
        <v>2</v>
      </c>
      <c r="AE35" s="257">
        <v>0</v>
      </c>
      <c r="AF35" s="257">
        <v>0</v>
      </c>
      <c r="AG35" s="257">
        <v>1</v>
      </c>
      <c r="AH35" s="254">
        <v>3</v>
      </c>
      <c r="AI35" s="259">
        <v>3</v>
      </c>
      <c r="AJ35" s="253">
        <v>0</v>
      </c>
      <c r="AK35" s="257">
        <v>1</v>
      </c>
      <c r="AL35" s="254">
        <v>1</v>
      </c>
      <c r="AM35" s="256">
        <v>0</v>
      </c>
      <c r="AN35" s="257">
        <v>2</v>
      </c>
      <c r="AO35" s="257">
        <v>1</v>
      </c>
      <c r="AP35" s="257">
        <v>1</v>
      </c>
      <c r="AQ35" s="257">
        <v>1</v>
      </c>
      <c r="AR35" s="257">
        <v>0</v>
      </c>
      <c r="AS35" s="254">
        <v>5</v>
      </c>
      <c r="AT35" s="259">
        <v>6</v>
      </c>
      <c r="AU35" s="253">
        <v>0</v>
      </c>
      <c r="AV35" s="257">
        <v>2</v>
      </c>
      <c r="AW35" s="254">
        <v>2</v>
      </c>
      <c r="AX35" s="256">
        <v>0</v>
      </c>
      <c r="AY35" s="257">
        <v>2</v>
      </c>
      <c r="AZ35" s="257">
        <v>1</v>
      </c>
      <c r="BA35" s="257">
        <v>5</v>
      </c>
      <c r="BB35" s="257">
        <v>2</v>
      </c>
      <c r="BC35" s="257">
        <v>2</v>
      </c>
      <c r="BD35" s="258">
        <v>12</v>
      </c>
      <c r="BE35" s="259">
        <v>14</v>
      </c>
      <c r="BF35" s="253">
        <v>0</v>
      </c>
      <c r="BG35" s="257">
        <v>0</v>
      </c>
      <c r="BH35" s="254">
        <v>0</v>
      </c>
      <c r="BI35" s="256">
        <v>0</v>
      </c>
      <c r="BJ35" s="257">
        <v>2</v>
      </c>
      <c r="BK35" s="257">
        <v>0</v>
      </c>
      <c r="BL35" s="257">
        <v>0</v>
      </c>
      <c r="BM35" s="257">
        <v>0</v>
      </c>
      <c r="BN35" s="257">
        <v>1</v>
      </c>
      <c r="BO35" s="254">
        <v>3</v>
      </c>
      <c r="BP35" s="259">
        <v>3</v>
      </c>
      <c r="BQ35" s="253">
        <v>1</v>
      </c>
      <c r="BR35" s="257">
        <v>0</v>
      </c>
      <c r="BS35" s="254">
        <v>1</v>
      </c>
      <c r="BT35" s="256">
        <v>0</v>
      </c>
      <c r="BU35" s="257">
        <v>1</v>
      </c>
      <c r="BV35" s="257">
        <v>0</v>
      </c>
      <c r="BW35" s="257">
        <v>1</v>
      </c>
      <c r="BX35" s="257">
        <v>0</v>
      </c>
      <c r="BY35" s="257">
        <v>0</v>
      </c>
      <c r="BZ35" s="254">
        <v>2</v>
      </c>
      <c r="CA35" s="259">
        <v>3</v>
      </c>
      <c r="CB35" s="253">
        <v>0</v>
      </c>
      <c r="CC35" s="257">
        <v>0</v>
      </c>
      <c r="CD35" s="254">
        <v>0</v>
      </c>
      <c r="CE35" s="256">
        <v>0</v>
      </c>
      <c r="CF35" s="257">
        <v>0</v>
      </c>
      <c r="CG35" s="257">
        <v>0</v>
      </c>
      <c r="CH35" s="257">
        <v>1</v>
      </c>
      <c r="CI35" s="257">
        <v>1</v>
      </c>
      <c r="CJ35" s="257">
        <v>0</v>
      </c>
      <c r="CK35" s="254">
        <v>2</v>
      </c>
      <c r="CL35" s="259">
        <v>2</v>
      </c>
      <c r="CM35" s="253">
        <v>0</v>
      </c>
      <c r="CN35" s="257">
        <v>0</v>
      </c>
      <c r="CO35" s="254">
        <v>0</v>
      </c>
      <c r="CP35" s="256">
        <v>0</v>
      </c>
      <c r="CQ35" s="257">
        <v>1</v>
      </c>
      <c r="CR35" s="257">
        <v>0</v>
      </c>
      <c r="CS35" s="257">
        <v>0</v>
      </c>
      <c r="CT35" s="257">
        <v>0</v>
      </c>
      <c r="CU35" s="257">
        <v>0</v>
      </c>
      <c r="CV35" s="254">
        <v>1</v>
      </c>
      <c r="CW35" s="259">
        <v>1</v>
      </c>
      <c r="CX35" s="253">
        <v>0</v>
      </c>
      <c r="CY35" s="257">
        <v>0</v>
      </c>
      <c r="CZ35" s="254">
        <v>0</v>
      </c>
      <c r="DA35" s="256">
        <v>0</v>
      </c>
      <c r="DB35" s="257">
        <v>0</v>
      </c>
      <c r="DC35" s="257">
        <v>0</v>
      </c>
      <c r="DD35" s="257">
        <v>0</v>
      </c>
      <c r="DE35" s="257">
        <v>0</v>
      </c>
      <c r="DF35" s="257">
        <v>0</v>
      </c>
      <c r="DG35" s="254">
        <v>0</v>
      </c>
      <c r="DH35" s="259">
        <v>0</v>
      </c>
      <c r="DI35" s="253">
        <v>0</v>
      </c>
      <c r="DJ35" s="257">
        <v>0</v>
      </c>
      <c r="DK35" s="254">
        <v>0</v>
      </c>
      <c r="DL35" s="256">
        <v>0</v>
      </c>
      <c r="DM35" s="257">
        <v>0</v>
      </c>
      <c r="DN35" s="257">
        <v>0</v>
      </c>
      <c r="DO35" s="257">
        <v>0</v>
      </c>
      <c r="DP35" s="257">
        <v>0</v>
      </c>
      <c r="DQ35" s="257">
        <v>0</v>
      </c>
      <c r="DR35" s="254">
        <v>0</v>
      </c>
      <c r="DS35" s="259">
        <v>0</v>
      </c>
      <c r="DT35" s="253">
        <v>0</v>
      </c>
      <c r="DU35" s="257">
        <v>1</v>
      </c>
      <c r="DV35" s="254">
        <v>1</v>
      </c>
      <c r="DW35" s="256">
        <v>0</v>
      </c>
      <c r="DX35" s="257">
        <v>3</v>
      </c>
      <c r="DY35" s="257">
        <v>2</v>
      </c>
      <c r="DZ35" s="257">
        <v>2</v>
      </c>
      <c r="EA35" s="257">
        <v>2</v>
      </c>
      <c r="EB35" s="257">
        <v>2</v>
      </c>
      <c r="EC35" s="254">
        <v>11</v>
      </c>
      <c r="ED35" s="259">
        <v>12</v>
      </c>
      <c r="EE35" s="253">
        <v>0</v>
      </c>
      <c r="EF35" s="257">
        <v>2</v>
      </c>
      <c r="EG35" s="254">
        <v>2</v>
      </c>
      <c r="EH35" s="256">
        <v>0</v>
      </c>
      <c r="EI35" s="257">
        <v>1</v>
      </c>
      <c r="EJ35" s="257">
        <v>0</v>
      </c>
      <c r="EK35" s="257">
        <v>4</v>
      </c>
      <c r="EL35" s="257">
        <v>2</v>
      </c>
      <c r="EM35" s="257">
        <v>1</v>
      </c>
      <c r="EN35" s="254">
        <v>8</v>
      </c>
      <c r="EO35" s="259">
        <v>10</v>
      </c>
      <c r="EP35" s="253">
        <v>1</v>
      </c>
      <c r="EQ35" s="257">
        <v>2</v>
      </c>
      <c r="ER35" s="254">
        <v>3</v>
      </c>
      <c r="ES35" s="256">
        <v>0</v>
      </c>
      <c r="ET35" s="257">
        <v>6</v>
      </c>
      <c r="EU35" s="257">
        <v>2</v>
      </c>
      <c r="EV35" s="257">
        <v>2</v>
      </c>
      <c r="EW35" s="257">
        <v>2</v>
      </c>
      <c r="EX35" s="257">
        <v>1</v>
      </c>
      <c r="EY35" s="254">
        <v>13</v>
      </c>
      <c r="EZ35" s="259">
        <v>16</v>
      </c>
    </row>
    <row r="36" spans="2:156" ht="21" customHeight="1" x14ac:dyDescent="0.2">
      <c r="B36" s="437" t="s">
        <v>34</v>
      </c>
      <c r="C36" s="253">
        <v>0</v>
      </c>
      <c r="D36" s="257">
        <v>0</v>
      </c>
      <c r="E36" s="340">
        <v>0</v>
      </c>
      <c r="F36" s="256">
        <v>0</v>
      </c>
      <c r="G36" s="257">
        <v>1</v>
      </c>
      <c r="H36" s="257">
        <v>0</v>
      </c>
      <c r="I36" s="257">
        <v>0</v>
      </c>
      <c r="J36" s="257">
        <v>0</v>
      </c>
      <c r="K36" s="257">
        <v>0</v>
      </c>
      <c r="L36" s="258">
        <v>1</v>
      </c>
      <c r="M36" s="259">
        <v>1</v>
      </c>
      <c r="N36" s="253">
        <v>0</v>
      </c>
      <c r="O36" s="257">
        <v>0</v>
      </c>
      <c r="P36" s="254">
        <v>0</v>
      </c>
      <c r="Q36" s="256">
        <v>0</v>
      </c>
      <c r="R36" s="257">
        <v>0</v>
      </c>
      <c r="S36" s="257">
        <v>0</v>
      </c>
      <c r="T36" s="257">
        <v>1</v>
      </c>
      <c r="U36" s="257">
        <v>0</v>
      </c>
      <c r="V36" s="257">
        <v>0</v>
      </c>
      <c r="W36" s="254">
        <v>1</v>
      </c>
      <c r="X36" s="259">
        <v>1</v>
      </c>
      <c r="Y36" s="253">
        <v>0</v>
      </c>
      <c r="Z36" s="257">
        <v>1</v>
      </c>
      <c r="AA36" s="254">
        <v>1</v>
      </c>
      <c r="AB36" s="256">
        <v>0</v>
      </c>
      <c r="AC36" s="257">
        <v>0</v>
      </c>
      <c r="AD36" s="257">
        <v>0</v>
      </c>
      <c r="AE36" s="257">
        <v>0</v>
      </c>
      <c r="AF36" s="257">
        <v>0</v>
      </c>
      <c r="AG36" s="257">
        <v>0</v>
      </c>
      <c r="AH36" s="254">
        <v>0</v>
      </c>
      <c r="AI36" s="259">
        <v>1</v>
      </c>
      <c r="AJ36" s="253">
        <v>0</v>
      </c>
      <c r="AK36" s="257">
        <v>0</v>
      </c>
      <c r="AL36" s="254">
        <v>0</v>
      </c>
      <c r="AM36" s="256">
        <v>0</v>
      </c>
      <c r="AN36" s="257">
        <v>0</v>
      </c>
      <c r="AO36" s="257">
        <v>1</v>
      </c>
      <c r="AP36" s="257">
        <v>1</v>
      </c>
      <c r="AQ36" s="257">
        <v>0</v>
      </c>
      <c r="AR36" s="257">
        <v>0</v>
      </c>
      <c r="AS36" s="254">
        <v>2</v>
      </c>
      <c r="AT36" s="259">
        <v>2</v>
      </c>
      <c r="AU36" s="253">
        <v>0</v>
      </c>
      <c r="AV36" s="257">
        <v>0</v>
      </c>
      <c r="AW36" s="254">
        <v>0</v>
      </c>
      <c r="AX36" s="256">
        <v>0</v>
      </c>
      <c r="AY36" s="257">
        <v>2</v>
      </c>
      <c r="AZ36" s="257">
        <v>0</v>
      </c>
      <c r="BA36" s="257">
        <v>1</v>
      </c>
      <c r="BB36" s="257">
        <v>0</v>
      </c>
      <c r="BC36" s="257">
        <v>0</v>
      </c>
      <c r="BD36" s="258">
        <v>3</v>
      </c>
      <c r="BE36" s="259">
        <v>3</v>
      </c>
      <c r="BF36" s="253">
        <v>0</v>
      </c>
      <c r="BG36" s="257">
        <v>0</v>
      </c>
      <c r="BH36" s="254">
        <v>0</v>
      </c>
      <c r="BI36" s="256">
        <v>0</v>
      </c>
      <c r="BJ36" s="257">
        <v>0</v>
      </c>
      <c r="BK36" s="257">
        <v>2</v>
      </c>
      <c r="BL36" s="257">
        <v>1</v>
      </c>
      <c r="BM36" s="257">
        <v>0</v>
      </c>
      <c r="BN36" s="257">
        <v>0</v>
      </c>
      <c r="BO36" s="254">
        <v>3</v>
      </c>
      <c r="BP36" s="259">
        <v>3</v>
      </c>
      <c r="BQ36" s="253">
        <v>0</v>
      </c>
      <c r="BR36" s="257">
        <v>0</v>
      </c>
      <c r="BS36" s="254">
        <v>0</v>
      </c>
      <c r="BT36" s="256">
        <v>0</v>
      </c>
      <c r="BU36" s="257">
        <v>0</v>
      </c>
      <c r="BV36" s="257">
        <v>0</v>
      </c>
      <c r="BW36" s="257">
        <v>0</v>
      </c>
      <c r="BX36" s="257">
        <v>0</v>
      </c>
      <c r="BY36" s="257">
        <v>0</v>
      </c>
      <c r="BZ36" s="254">
        <v>0</v>
      </c>
      <c r="CA36" s="259">
        <v>0</v>
      </c>
      <c r="CB36" s="253">
        <v>0</v>
      </c>
      <c r="CC36" s="257">
        <v>0</v>
      </c>
      <c r="CD36" s="254">
        <v>0</v>
      </c>
      <c r="CE36" s="256">
        <v>0</v>
      </c>
      <c r="CF36" s="257">
        <v>0</v>
      </c>
      <c r="CG36" s="257">
        <v>0</v>
      </c>
      <c r="CH36" s="257">
        <v>1</v>
      </c>
      <c r="CI36" s="257">
        <v>0</v>
      </c>
      <c r="CJ36" s="257">
        <v>0</v>
      </c>
      <c r="CK36" s="254">
        <v>1</v>
      </c>
      <c r="CL36" s="259">
        <v>1</v>
      </c>
      <c r="CM36" s="253">
        <v>0</v>
      </c>
      <c r="CN36" s="257">
        <v>0</v>
      </c>
      <c r="CO36" s="254">
        <v>0</v>
      </c>
      <c r="CP36" s="256">
        <v>0</v>
      </c>
      <c r="CQ36" s="257">
        <v>0</v>
      </c>
      <c r="CR36" s="257">
        <v>0</v>
      </c>
      <c r="CS36" s="257">
        <v>0</v>
      </c>
      <c r="CT36" s="257">
        <v>0</v>
      </c>
      <c r="CU36" s="257">
        <v>0</v>
      </c>
      <c r="CV36" s="254">
        <v>0</v>
      </c>
      <c r="CW36" s="259">
        <v>0</v>
      </c>
      <c r="CX36" s="253">
        <v>0</v>
      </c>
      <c r="CY36" s="257">
        <v>0</v>
      </c>
      <c r="CZ36" s="254">
        <v>0</v>
      </c>
      <c r="DA36" s="256">
        <v>0</v>
      </c>
      <c r="DB36" s="257">
        <v>0</v>
      </c>
      <c r="DC36" s="257">
        <v>0</v>
      </c>
      <c r="DD36" s="257">
        <v>0</v>
      </c>
      <c r="DE36" s="257">
        <v>0</v>
      </c>
      <c r="DF36" s="257">
        <v>0</v>
      </c>
      <c r="DG36" s="254">
        <v>0</v>
      </c>
      <c r="DH36" s="259">
        <v>0</v>
      </c>
      <c r="DI36" s="253">
        <v>0</v>
      </c>
      <c r="DJ36" s="257">
        <v>0</v>
      </c>
      <c r="DK36" s="254">
        <v>0</v>
      </c>
      <c r="DL36" s="256">
        <v>0</v>
      </c>
      <c r="DM36" s="257">
        <v>0</v>
      </c>
      <c r="DN36" s="257">
        <v>0</v>
      </c>
      <c r="DO36" s="257">
        <v>0</v>
      </c>
      <c r="DP36" s="257">
        <v>0</v>
      </c>
      <c r="DQ36" s="257">
        <v>0</v>
      </c>
      <c r="DR36" s="254">
        <v>0</v>
      </c>
      <c r="DS36" s="259">
        <v>0</v>
      </c>
      <c r="DT36" s="253">
        <v>0</v>
      </c>
      <c r="DU36" s="257">
        <v>1</v>
      </c>
      <c r="DV36" s="254">
        <v>1</v>
      </c>
      <c r="DW36" s="256">
        <v>0</v>
      </c>
      <c r="DX36" s="257">
        <v>1</v>
      </c>
      <c r="DY36" s="257">
        <v>2</v>
      </c>
      <c r="DZ36" s="257">
        <v>1</v>
      </c>
      <c r="EA36" s="257">
        <v>0</v>
      </c>
      <c r="EB36" s="257">
        <v>0</v>
      </c>
      <c r="EC36" s="254">
        <v>4</v>
      </c>
      <c r="ED36" s="259">
        <v>5</v>
      </c>
      <c r="EE36" s="253">
        <v>0</v>
      </c>
      <c r="EF36" s="257">
        <v>0</v>
      </c>
      <c r="EG36" s="254">
        <v>0</v>
      </c>
      <c r="EH36" s="256">
        <v>0</v>
      </c>
      <c r="EI36" s="257">
        <v>0</v>
      </c>
      <c r="EJ36" s="257">
        <v>0</v>
      </c>
      <c r="EK36" s="257">
        <v>2</v>
      </c>
      <c r="EL36" s="257">
        <v>0</v>
      </c>
      <c r="EM36" s="257">
        <v>0</v>
      </c>
      <c r="EN36" s="254">
        <v>2</v>
      </c>
      <c r="EO36" s="259">
        <v>2</v>
      </c>
      <c r="EP36" s="253">
        <v>0</v>
      </c>
      <c r="EQ36" s="257">
        <v>1</v>
      </c>
      <c r="ER36" s="254">
        <v>1</v>
      </c>
      <c r="ES36" s="256">
        <v>0</v>
      </c>
      <c r="ET36" s="257">
        <v>1</v>
      </c>
      <c r="EU36" s="257">
        <v>2</v>
      </c>
      <c r="EV36" s="257">
        <v>2</v>
      </c>
      <c r="EW36" s="257">
        <v>0</v>
      </c>
      <c r="EX36" s="257">
        <v>0</v>
      </c>
      <c r="EY36" s="254">
        <v>5</v>
      </c>
      <c r="EZ36" s="259">
        <v>6</v>
      </c>
    </row>
    <row r="37" spans="2:156" ht="21" customHeight="1" x14ac:dyDescent="0.2">
      <c r="B37" s="437" t="s">
        <v>35</v>
      </c>
      <c r="C37" s="253">
        <v>0</v>
      </c>
      <c r="D37" s="257">
        <v>0</v>
      </c>
      <c r="E37" s="340">
        <v>0</v>
      </c>
      <c r="F37" s="256">
        <v>0</v>
      </c>
      <c r="G37" s="257">
        <v>2</v>
      </c>
      <c r="H37" s="257">
        <v>3</v>
      </c>
      <c r="I37" s="257">
        <v>1</v>
      </c>
      <c r="J37" s="257">
        <v>0</v>
      </c>
      <c r="K37" s="257">
        <v>0</v>
      </c>
      <c r="L37" s="258">
        <v>6</v>
      </c>
      <c r="M37" s="259">
        <v>6</v>
      </c>
      <c r="N37" s="253">
        <v>0</v>
      </c>
      <c r="O37" s="257">
        <v>0</v>
      </c>
      <c r="P37" s="254">
        <v>0</v>
      </c>
      <c r="Q37" s="256">
        <v>0</v>
      </c>
      <c r="R37" s="257">
        <v>0</v>
      </c>
      <c r="S37" s="257">
        <v>0</v>
      </c>
      <c r="T37" s="257">
        <v>0</v>
      </c>
      <c r="U37" s="257">
        <v>0</v>
      </c>
      <c r="V37" s="257">
        <v>0</v>
      </c>
      <c r="W37" s="254">
        <v>0</v>
      </c>
      <c r="X37" s="259">
        <v>0</v>
      </c>
      <c r="Y37" s="253">
        <v>0</v>
      </c>
      <c r="Z37" s="257">
        <v>1</v>
      </c>
      <c r="AA37" s="254">
        <v>1</v>
      </c>
      <c r="AB37" s="256">
        <v>0</v>
      </c>
      <c r="AC37" s="257">
        <v>3</v>
      </c>
      <c r="AD37" s="257">
        <v>3</v>
      </c>
      <c r="AE37" s="257">
        <v>3</v>
      </c>
      <c r="AF37" s="257">
        <v>0</v>
      </c>
      <c r="AG37" s="257">
        <v>1</v>
      </c>
      <c r="AH37" s="254">
        <v>10</v>
      </c>
      <c r="AI37" s="259">
        <v>11</v>
      </c>
      <c r="AJ37" s="253">
        <v>0</v>
      </c>
      <c r="AK37" s="257">
        <v>0</v>
      </c>
      <c r="AL37" s="254">
        <v>0</v>
      </c>
      <c r="AM37" s="256">
        <v>0</v>
      </c>
      <c r="AN37" s="257">
        <v>1</v>
      </c>
      <c r="AO37" s="257">
        <v>0</v>
      </c>
      <c r="AP37" s="257">
        <v>0</v>
      </c>
      <c r="AQ37" s="257">
        <v>1</v>
      </c>
      <c r="AR37" s="257">
        <v>0</v>
      </c>
      <c r="AS37" s="254">
        <v>2</v>
      </c>
      <c r="AT37" s="259">
        <v>2</v>
      </c>
      <c r="AU37" s="253">
        <v>3</v>
      </c>
      <c r="AV37" s="257">
        <v>4</v>
      </c>
      <c r="AW37" s="254">
        <v>7</v>
      </c>
      <c r="AX37" s="256">
        <v>0</v>
      </c>
      <c r="AY37" s="257">
        <v>5</v>
      </c>
      <c r="AZ37" s="257">
        <v>2</v>
      </c>
      <c r="BA37" s="257">
        <v>4</v>
      </c>
      <c r="BB37" s="257">
        <v>3</v>
      </c>
      <c r="BC37" s="257">
        <v>1</v>
      </c>
      <c r="BD37" s="258">
        <v>15</v>
      </c>
      <c r="BE37" s="259">
        <v>22</v>
      </c>
      <c r="BF37" s="253">
        <v>0</v>
      </c>
      <c r="BG37" s="257">
        <v>0</v>
      </c>
      <c r="BH37" s="254">
        <v>0</v>
      </c>
      <c r="BI37" s="256">
        <v>0</v>
      </c>
      <c r="BJ37" s="257">
        <v>0</v>
      </c>
      <c r="BK37" s="257">
        <v>1</v>
      </c>
      <c r="BL37" s="257">
        <v>1</v>
      </c>
      <c r="BM37" s="257">
        <v>1</v>
      </c>
      <c r="BN37" s="257">
        <v>1</v>
      </c>
      <c r="BO37" s="254">
        <v>4</v>
      </c>
      <c r="BP37" s="259">
        <v>4</v>
      </c>
      <c r="BQ37" s="253">
        <v>0</v>
      </c>
      <c r="BR37" s="257">
        <v>0</v>
      </c>
      <c r="BS37" s="254">
        <v>0</v>
      </c>
      <c r="BT37" s="256">
        <v>0</v>
      </c>
      <c r="BU37" s="257">
        <v>1</v>
      </c>
      <c r="BV37" s="257">
        <v>2</v>
      </c>
      <c r="BW37" s="257">
        <v>1</v>
      </c>
      <c r="BX37" s="257">
        <v>0</v>
      </c>
      <c r="BY37" s="257">
        <v>0</v>
      </c>
      <c r="BZ37" s="254">
        <v>4</v>
      </c>
      <c r="CA37" s="259">
        <v>4</v>
      </c>
      <c r="CB37" s="253">
        <v>0</v>
      </c>
      <c r="CC37" s="257">
        <v>0</v>
      </c>
      <c r="CD37" s="254">
        <v>0</v>
      </c>
      <c r="CE37" s="256">
        <v>0</v>
      </c>
      <c r="CF37" s="257">
        <v>0</v>
      </c>
      <c r="CG37" s="257">
        <v>0</v>
      </c>
      <c r="CH37" s="257">
        <v>0</v>
      </c>
      <c r="CI37" s="257">
        <v>0</v>
      </c>
      <c r="CJ37" s="257">
        <v>1</v>
      </c>
      <c r="CK37" s="254">
        <v>1</v>
      </c>
      <c r="CL37" s="259">
        <v>1</v>
      </c>
      <c r="CM37" s="253">
        <v>0</v>
      </c>
      <c r="CN37" s="257">
        <v>0</v>
      </c>
      <c r="CO37" s="254">
        <v>0</v>
      </c>
      <c r="CP37" s="256">
        <v>0</v>
      </c>
      <c r="CQ37" s="257">
        <v>0</v>
      </c>
      <c r="CR37" s="257">
        <v>0</v>
      </c>
      <c r="CS37" s="257">
        <v>0</v>
      </c>
      <c r="CT37" s="257">
        <v>0</v>
      </c>
      <c r="CU37" s="257">
        <v>0</v>
      </c>
      <c r="CV37" s="254">
        <v>0</v>
      </c>
      <c r="CW37" s="259">
        <v>0</v>
      </c>
      <c r="CX37" s="253">
        <v>0</v>
      </c>
      <c r="CY37" s="257">
        <v>0</v>
      </c>
      <c r="CZ37" s="254">
        <v>0</v>
      </c>
      <c r="DA37" s="256">
        <v>0</v>
      </c>
      <c r="DB37" s="257">
        <v>0</v>
      </c>
      <c r="DC37" s="257">
        <v>0</v>
      </c>
      <c r="DD37" s="257">
        <v>0</v>
      </c>
      <c r="DE37" s="257">
        <v>0</v>
      </c>
      <c r="DF37" s="257">
        <v>0</v>
      </c>
      <c r="DG37" s="254">
        <v>0</v>
      </c>
      <c r="DH37" s="259">
        <v>0</v>
      </c>
      <c r="DI37" s="253">
        <v>0</v>
      </c>
      <c r="DJ37" s="257">
        <v>0</v>
      </c>
      <c r="DK37" s="254">
        <v>0</v>
      </c>
      <c r="DL37" s="256">
        <v>0</v>
      </c>
      <c r="DM37" s="257">
        <v>0</v>
      </c>
      <c r="DN37" s="257">
        <v>0</v>
      </c>
      <c r="DO37" s="257">
        <v>0</v>
      </c>
      <c r="DP37" s="257">
        <v>0</v>
      </c>
      <c r="DQ37" s="257">
        <v>0</v>
      </c>
      <c r="DR37" s="254">
        <v>0</v>
      </c>
      <c r="DS37" s="259">
        <v>0</v>
      </c>
      <c r="DT37" s="253">
        <v>0</v>
      </c>
      <c r="DU37" s="257">
        <v>1</v>
      </c>
      <c r="DV37" s="254">
        <v>1</v>
      </c>
      <c r="DW37" s="256">
        <v>0</v>
      </c>
      <c r="DX37" s="257">
        <v>6</v>
      </c>
      <c r="DY37" s="257">
        <v>7</v>
      </c>
      <c r="DZ37" s="257">
        <v>4</v>
      </c>
      <c r="EA37" s="257">
        <v>1</v>
      </c>
      <c r="EB37" s="257">
        <v>1</v>
      </c>
      <c r="EC37" s="254">
        <v>19</v>
      </c>
      <c r="ED37" s="259">
        <v>20</v>
      </c>
      <c r="EE37" s="253">
        <v>4</v>
      </c>
      <c r="EF37" s="257">
        <v>1</v>
      </c>
      <c r="EG37" s="254">
        <v>5</v>
      </c>
      <c r="EH37" s="256">
        <v>0</v>
      </c>
      <c r="EI37" s="257">
        <v>2</v>
      </c>
      <c r="EJ37" s="257">
        <v>0</v>
      </c>
      <c r="EK37" s="257">
        <v>2</v>
      </c>
      <c r="EL37" s="257">
        <v>3</v>
      </c>
      <c r="EM37" s="257">
        <v>0</v>
      </c>
      <c r="EN37" s="254">
        <v>7</v>
      </c>
      <c r="EO37" s="259">
        <v>12</v>
      </c>
      <c r="EP37" s="253">
        <v>0</v>
      </c>
      <c r="EQ37" s="257">
        <v>1</v>
      </c>
      <c r="ER37" s="254">
        <v>1</v>
      </c>
      <c r="ES37" s="256">
        <v>0</v>
      </c>
      <c r="ET37" s="257">
        <v>9</v>
      </c>
      <c r="EU37" s="257">
        <v>7</v>
      </c>
      <c r="EV37" s="257">
        <v>4</v>
      </c>
      <c r="EW37" s="257">
        <v>1</v>
      </c>
      <c r="EX37" s="257">
        <v>1</v>
      </c>
      <c r="EY37" s="254">
        <v>22</v>
      </c>
      <c r="EZ37" s="259">
        <v>23</v>
      </c>
    </row>
    <row r="38" spans="2:156" ht="21" customHeight="1" x14ac:dyDescent="0.2">
      <c r="B38" s="437" t="s">
        <v>36</v>
      </c>
      <c r="C38" s="253">
        <v>0</v>
      </c>
      <c r="D38" s="257">
        <v>0</v>
      </c>
      <c r="E38" s="340">
        <v>0</v>
      </c>
      <c r="F38" s="256">
        <v>0</v>
      </c>
      <c r="G38" s="257">
        <v>2</v>
      </c>
      <c r="H38" s="257">
        <v>1</v>
      </c>
      <c r="I38" s="257">
        <v>1</v>
      </c>
      <c r="J38" s="257">
        <v>1</v>
      </c>
      <c r="K38" s="257">
        <v>2</v>
      </c>
      <c r="L38" s="258">
        <v>7</v>
      </c>
      <c r="M38" s="259">
        <v>7</v>
      </c>
      <c r="N38" s="253">
        <v>0</v>
      </c>
      <c r="O38" s="257">
        <v>0</v>
      </c>
      <c r="P38" s="254">
        <v>0</v>
      </c>
      <c r="Q38" s="256">
        <v>0</v>
      </c>
      <c r="R38" s="257">
        <v>0</v>
      </c>
      <c r="S38" s="257">
        <v>1</v>
      </c>
      <c r="T38" s="257">
        <v>0</v>
      </c>
      <c r="U38" s="257">
        <v>0</v>
      </c>
      <c r="V38" s="257">
        <v>0</v>
      </c>
      <c r="W38" s="254">
        <v>1</v>
      </c>
      <c r="X38" s="259">
        <v>1</v>
      </c>
      <c r="Y38" s="253">
        <v>1</v>
      </c>
      <c r="Z38" s="257">
        <v>2</v>
      </c>
      <c r="AA38" s="254">
        <v>3</v>
      </c>
      <c r="AB38" s="256">
        <v>0</v>
      </c>
      <c r="AC38" s="257">
        <v>1</v>
      </c>
      <c r="AD38" s="257">
        <v>1</v>
      </c>
      <c r="AE38" s="257">
        <v>0</v>
      </c>
      <c r="AF38" s="257">
        <v>1</v>
      </c>
      <c r="AG38" s="257">
        <v>2</v>
      </c>
      <c r="AH38" s="254">
        <v>5</v>
      </c>
      <c r="AI38" s="259">
        <v>8</v>
      </c>
      <c r="AJ38" s="253">
        <v>0</v>
      </c>
      <c r="AK38" s="257">
        <v>0</v>
      </c>
      <c r="AL38" s="254">
        <v>0</v>
      </c>
      <c r="AM38" s="256">
        <v>0</v>
      </c>
      <c r="AN38" s="257">
        <v>1</v>
      </c>
      <c r="AO38" s="257">
        <v>0</v>
      </c>
      <c r="AP38" s="257">
        <v>0</v>
      </c>
      <c r="AQ38" s="257">
        <v>0</v>
      </c>
      <c r="AR38" s="257">
        <v>0</v>
      </c>
      <c r="AS38" s="254">
        <v>1</v>
      </c>
      <c r="AT38" s="259">
        <v>1</v>
      </c>
      <c r="AU38" s="253">
        <v>0</v>
      </c>
      <c r="AV38" s="257">
        <v>0</v>
      </c>
      <c r="AW38" s="254">
        <v>0</v>
      </c>
      <c r="AX38" s="256">
        <v>0</v>
      </c>
      <c r="AY38" s="257">
        <v>1</v>
      </c>
      <c r="AZ38" s="257">
        <v>4</v>
      </c>
      <c r="BA38" s="257">
        <v>2</v>
      </c>
      <c r="BB38" s="257">
        <v>4</v>
      </c>
      <c r="BC38" s="257">
        <v>3</v>
      </c>
      <c r="BD38" s="258">
        <v>14</v>
      </c>
      <c r="BE38" s="259">
        <v>14</v>
      </c>
      <c r="BF38" s="253">
        <v>0</v>
      </c>
      <c r="BG38" s="257">
        <v>0</v>
      </c>
      <c r="BH38" s="254">
        <v>0</v>
      </c>
      <c r="BI38" s="256">
        <v>0</v>
      </c>
      <c r="BJ38" s="257">
        <v>0</v>
      </c>
      <c r="BK38" s="257">
        <v>5</v>
      </c>
      <c r="BL38" s="257">
        <v>0</v>
      </c>
      <c r="BM38" s="257">
        <v>1</v>
      </c>
      <c r="BN38" s="257">
        <v>0</v>
      </c>
      <c r="BO38" s="254">
        <v>6</v>
      </c>
      <c r="BP38" s="259">
        <v>6</v>
      </c>
      <c r="BQ38" s="253">
        <v>0</v>
      </c>
      <c r="BR38" s="257">
        <v>0</v>
      </c>
      <c r="BS38" s="254">
        <v>0</v>
      </c>
      <c r="BT38" s="256">
        <v>0</v>
      </c>
      <c r="BU38" s="257">
        <v>0</v>
      </c>
      <c r="BV38" s="257">
        <v>0</v>
      </c>
      <c r="BW38" s="257">
        <v>0</v>
      </c>
      <c r="BX38" s="257">
        <v>0</v>
      </c>
      <c r="BY38" s="257">
        <v>0</v>
      </c>
      <c r="BZ38" s="254">
        <v>0</v>
      </c>
      <c r="CA38" s="259">
        <v>0</v>
      </c>
      <c r="CB38" s="253">
        <v>0</v>
      </c>
      <c r="CC38" s="257">
        <v>0</v>
      </c>
      <c r="CD38" s="254">
        <v>0</v>
      </c>
      <c r="CE38" s="256">
        <v>0</v>
      </c>
      <c r="CF38" s="257">
        <v>0</v>
      </c>
      <c r="CG38" s="257">
        <v>2</v>
      </c>
      <c r="CH38" s="257">
        <v>0</v>
      </c>
      <c r="CI38" s="257">
        <v>1</v>
      </c>
      <c r="CJ38" s="257">
        <v>0</v>
      </c>
      <c r="CK38" s="254">
        <v>3</v>
      </c>
      <c r="CL38" s="259">
        <v>3</v>
      </c>
      <c r="CM38" s="253">
        <v>0</v>
      </c>
      <c r="CN38" s="257">
        <v>0</v>
      </c>
      <c r="CO38" s="254">
        <v>0</v>
      </c>
      <c r="CP38" s="256">
        <v>0</v>
      </c>
      <c r="CQ38" s="257">
        <v>0</v>
      </c>
      <c r="CR38" s="257">
        <v>0</v>
      </c>
      <c r="CS38" s="257">
        <v>0</v>
      </c>
      <c r="CT38" s="257">
        <v>0</v>
      </c>
      <c r="CU38" s="257">
        <v>0</v>
      </c>
      <c r="CV38" s="254">
        <v>0</v>
      </c>
      <c r="CW38" s="259">
        <v>0</v>
      </c>
      <c r="CX38" s="253">
        <v>0</v>
      </c>
      <c r="CY38" s="257">
        <v>0</v>
      </c>
      <c r="CZ38" s="254">
        <v>0</v>
      </c>
      <c r="DA38" s="256">
        <v>0</v>
      </c>
      <c r="DB38" s="257">
        <v>0</v>
      </c>
      <c r="DC38" s="257">
        <v>0</v>
      </c>
      <c r="DD38" s="257">
        <v>0</v>
      </c>
      <c r="DE38" s="257">
        <v>0</v>
      </c>
      <c r="DF38" s="257">
        <v>0</v>
      </c>
      <c r="DG38" s="254">
        <v>0</v>
      </c>
      <c r="DH38" s="259">
        <v>0</v>
      </c>
      <c r="DI38" s="253">
        <v>0</v>
      </c>
      <c r="DJ38" s="257">
        <v>0</v>
      </c>
      <c r="DK38" s="254">
        <v>0</v>
      </c>
      <c r="DL38" s="256">
        <v>0</v>
      </c>
      <c r="DM38" s="257">
        <v>0</v>
      </c>
      <c r="DN38" s="257">
        <v>0</v>
      </c>
      <c r="DO38" s="257">
        <v>0</v>
      </c>
      <c r="DP38" s="257">
        <v>0</v>
      </c>
      <c r="DQ38" s="257">
        <v>0</v>
      </c>
      <c r="DR38" s="254">
        <v>0</v>
      </c>
      <c r="DS38" s="259">
        <v>0</v>
      </c>
      <c r="DT38" s="253">
        <v>0</v>
      </c>
      <c r="DU38" s="257">
        <v>3</v>
      </c>
      <c r="DV38" s="254">
        <v>3</v>
      </c>
      <c r="DW38" s="256">
        <v>0</v>
      </c>
      <c r="DX38" s="257">
        <v>3</v>
      </c>
      <c r="DY38" s="257">
        <v>6</v>
      </c>
      <c r="DZ38" s="257">
        <v>2</v>
      </c>
      <c r="EA38" s="257">
        <v>2</v>
      </c>
      <c r="EB38" s="257">
        <v>1</v>
      </c>
      <c r="EC38" s="254">
        <v>14</v>
      </c>
      <c r="ED38" s="259">
        <v>17</v>
      </c>
      <c r="EE38" s="253">
        <v>0</v>
      </c>
      <c r="EF38" s="257">
        <v>0</v>
      </c>
      <c r="EG38" s="254">
        <v>0</v>
      </c>
      <c r="EH38" s="256">
        <v>0</v>
      </c>
      <c r="EI38" s="257">
        <v>0</v>
      </c>
      <c r="EJ38" s="257">
        <v>3</v>
      </c>
      <c r="EK38" s="257">
        <v>1</v>
      </c>
      <c r="EL38" s="257">
        <v>2</v>
      </c>
      <c r="EM38" s="257">
        <v>0</v>
      </c>
      <c r="EN38" s="254">
        <v>6</v>
      </c>
      <c r="EO38" s="259">
        <v>6</v>
      </c>
      <c r="EP38" s="253">
        <v>1</v>
      </c>
      <c r="EQ38" s="257">
        <v>5</v>
      </c>
      <c r="ER38" s="254">
        <v>6</v>
      </c>
      <c r="ES38" s="256">
        <v>0</v>
      </c>
      <c r="ET38" s="257">
        <v>5</v>
      </c>
      <c r="EU38" s="257">
        <v>8</v>
      </c>
      <c r="EV38" s="257">
        <v>3</v>
      </c>
      <c r="EW38" s="257">
        <v>2</v>
      </c>
      <c r="EX38" s="257">
        <v>2</v>
      </c>
      <c r="EY38" s="254">
        <v>20</v>
      </c>
      <c r="EZ38" s="259">
        <v>26</v>
      </c>
    </row>
    <row r="39" spans="2:156" ht="21" customHeight="1" thickBot="1" x14ac:dyDescent="0.25">
      <c r="B39" s="438" t="s">
        <v>37</v>
      </c>
      <c r="C39" s="260">
        <v>0</v>
      </c>
      <c r="D39" s="264">
        <v>0</v>
      </c>
      <c r="E39" s="341">
        <v>0</v>
      </c>
      <c r="F39" s="263">
        <v>0</v>
      </c>
      <c r="G39" s="264">
        <v>0</v>
      </c>
      <c r="H39" s="264">
        <v>0</v>
      </c>
      <c r="I39" s="264">
        <v>0</v>
      </c>
      <c r="J39" s="264">
        <v>0</v>
      </c>
      <c r="K39" s="264">
        <v>1</v>
      </c>
      <c r="L39" s="265">
        <v>1</v>
      </c>
      <c r="M39" s="266">
        <v>1</v>
      </c>
      <c r="N39" s="260">
        <v>0</v>
      </c>
      <c r="O39" s="264">
        <v>0</v>
      </c>
      <c r="P39" s="261">
        <v>0</v>
      </c>
      <c r="Q39" s="263">
        <v>0</v>
      </c>
      <c r="R39" s="264">
        <v>0</v>
      </c>
      <c r="S39" s="264">
        <v>0</v>
      </c>
      <c r="T39" s="264">
        <v>0</v>
      </c>
      <c r="U39" s="264">
        <v>0</v>
      </c>
      <c r="V39" s="264">
        <v>0</v>
      </c>
      <c r="W39" s="261">
        <v>0</v>
      </c>
      <c r="X39" s="266">
        <v>0</v>
      </c>
      <c r="Y39" s="260">
        <v>0</v>
      </c>
      <c r="Z39" s="264">
        <v>0</v>
      </c>
      <c r="AA39" s="261">
        <v>0</v>
      </c>
      <c r="AB39" s="263">
        <v>0</v>
      </c>
      <c r="AC39" s="264">
        <v>0</v>
      </c>
      <c r="AD39" s="264">
        <v>0</v>
      </c>
      <c r="AE39" s="264">
        <v>0</v>
      </c>
      <c r="AF39" s="264">
        <v>1</v>
      </c>
      <c r="AG39" s="264">
        <v>1</v>
      </c>
      <c r="AH39" s="261">
        <v>2</v>
      </c>
      <c r="AI39" s="266">
        <v>2</v>
      </c>
      <c r="AJ39" s="260">
        <v>0</v>
      </c>
      <c r="AK39" s="264">
        <v>0</v>
      </c>
      <c r="AL39" s="261">
        <v>0</v>
      </c>
      <c r="AM39" s="263">
        <v>0</v>
      </c>
      <c r="AN39" s="264">
        <v>0</v>
      </c>
      <c r="AO39" s="264">
        <v>0</v>
      </c>
      <c r="AP39" s="264">
        <v>0</v>
      </c>
      <c r="AQ39" s="264">
        <v>0</v>
      </c>
      <c r="AR39" s="264">
        <v>0</v>
      </c>
      <c r="AS39" s="261">
        <v>0</v>
      </c>
      <c r="AT39" s="266">
        <v>0</v>
      </c>
      <c r="AU39" s="260">
        <v>0</v>
      </c>
      <c r="AV39" s="264">
        <v>0</v>
      </c>
      <c r="AW39" s="261">
        <v>0</v>
      </c>
      <c r="AX39" s="263">
        <v>0</v>
      </c>
      <c r="AY39" s="264">
        <v>0</v>
      </c>
      <c r="AZ39" s="264">
        <v>0</v>
      </c>
      <c r="BA39" s="264">
        <v>0</v>
      </c>
      <c r="BB39" s="264">
        <v>0</v>
      </c>
      <c r="BC39" s="264">
        <v>1</v>
      </c>
      <c r="BD39" s="265">
        <v>1</v>
      </c>
      <c r="BE39" s="266">
        <v>1</v>
      </c>
      <c r="BF39" s="260">
        <v>0</v>
      </c>
      <c r="BG39" s="264">
        <v>0</v>
      </c>
      <c r="BH39" s="261">
        <v>0</v>
      </c>
      <c r="BI39" s="263">
        <v>0</v>
      </c>
      <c r="BJ39" s="264">
        <v>0</v>
      </c>
      <c r="BK39" s="264">
        <v>0</v>
      </c>
      <c r="BL39" s="264">
        <v>0</v>
      </c>
      <c r="BM39" s="264">
        <v>1</v>
      </c>
      <c r="BN39" s="264">
        <v>0</v>
      </c>
      <c r="BO39" s="261">
        <v>1</v>
      </c>
      <c r="BP39" s="266">
        <v>1</v>
      </c>
      <c r="BQ39" s="260">
        <v>1</v>
      </c>
      <c r="BR39" s="264">
        <v>0</v>
      </c>
      <c r="BS39" s="261">
        <v>1</v>
      </c>
      <c r="BT39" s="263">
        <v>0</v>
      </c>
      <c r="BU39" s="264">
        <v>0</v>
      </c>
      <c r="BV39" s="264">
        <v>0</v>
      </c>
      <c r="BW39" s="264">
        <v>0</v>
      </c>
      <c r="BX39" s="264">
        <v>0</v>
      </c>
      <c r="BY39" s="264">
        <v>0</v>
      </c>
      <c r="BZ39" s="261">
        <v>0</v>
      </c>
      <c r="CA39" s="266">
        <v>1</v>
      </c>
      <c r="CB39" s="260">
        <v>0</v>
      </c>
      <c r="CC39" s="264">
        <v>0</v>
      </c>
      <c r="CD39" s="261">
        <v>0</v>
      </c>
      <c r="CE39" s="263">
        <v>0</v>
      </c>
      <c r="CF39" s="264">
        <v>0</v>
      </c>
      <c r="CG39" s="264">
        <v>0</v>
      </c>
      <c r="CH39" s="264">
        <v>0</v>
      </c>
      <c r="CI39" s="264">
        <v>0</v>
      </c>
      <c r="CJ39" s="264">
        <v>0</v>
      </c>
      <c r="CK39" s="261">
        <v>0</v>
      </c>
      <c r="CL39" s="266">
        <v>0</v>
      </c>
      <c r="CM39" s="260">
        <v>0</v>
      </c>
      <c r="CN39" s="264">
        <v>0</v>
      </c>
      <c r="CO39" s="261">
        <v>0</v>
      </c>
      <c r="CP39" s="263">
        <v>0</v>
      </c>
      <c r="CQ39" s="264">
        <v>0</v>
      </c>
      <c r="CR39" s="264">
        <v>0</v>
      </c>
      <c r="CS39" s="264">
        <v>0</v>
      </c>
      <c r="CT39" s="264">
        <v>0</v>
      </c>
      <c r="CU39" s="264">
        <v>1</v>
      </c>
      <c r="CV39" s="261">
        <v>1</v>
      </c>
      <c r="CW39" s="266">
        <v>1</v>
      </c>
      <c r="CX39" s="260">
        <v>0</v>
      </c>
      <c r="CY39" s="264">
        <v>0</v>
      </c>
      <c r="CZ39" s="261">
        <v>0</v>
      </c>
      <c r="DA39" s="263">
        <v>0</v>
      </c>
      <c r="DB39" s="264">
        <v>0</v>
      </c>
      <c r="DC39" s="264">
        <v>0</v>
      </c>
      <c r="DD39" s="264">
        <v>0</v>
      </c>
      <c r="DE39" s="264">
        <v>0</v>
      </c>
      <c r="DF39" s="264">
        <v>0</v>
      </c>
      <c r="DG39" s="261">
        <v>0</v>
      </c>
      <c r="DH39" s="266">
        <v>0</v>
      </c>
      <c r="DI39" s="260">
        <v>0</v>
      </c>
      <c r="DJ39" s="264">
        <v>0</v>
      </c>
      <c r="DK39" s="261">
        <v>0</v>
      </c>
      <c r="DL39" s="263">
        <v>0</v>
      </c>
      <c r="DM39" s="264">
        <v>0</v>
      </c>
      <c r="DN39" s="264">
        <v>0</v>
      </c>
      <c r="DO39" s="264">
        <v>0</v>
      </c>
      <c r="DP39" s="264">
        <v>0</v>
      </c>
      <c r="DQ39" s="264">
        <v>0</v>
      </c>
      <c r="DR39" s="261">
        <v>0</v>
      </c>
      <c r="DS39" s="266">
        <v>0</v>
      </c>
      <c r="DT39" s="260">
        <v>0</v>
      </c>
      <c r="DU39" s="264">
        <v>0</v>
      </c>
      <c r="DV39" s="261">
        <v>0</v>
      </c>
      <c r="DW39" s="263">
        <v>0</v>
      </c>
      <c r="DX39" s="264">
        <v>0</v>
      </c>
      <c r="DY39" s="264">
        <v>0</v>
      </c>
      <c r="DZ39" s="264">
        <v>0</v>
      </c>
      <c r="EA39" s="264">
        <v>1</v>
      </c>
      <c r="EB39" s="264">
        <v>1</v>
      </c>
      <c r="EC39" s="261">
        <v>2</v>
      </c>
      <c r="ED39" s="266">
        <v>2</v>
      </c>
      <c r="EE39" s="260">
        <v>0</v>
      </c>
      <c r="EF39" s="264">
        <v>0</v>
      </c>
      <c r="EG39" s="261">
        <v>0</v>
      </c>
      <c r="EH39" s="263">
        <v>0</v>
      </c>
      <c r="EI39" s="264">
        <v>0</v>
      </c>
      <c r="EJ39" s="264">
        <v>0</v>
      </c>
      <c r="EK39" s="264">
        <v>0</v>
      </c>
      <c r="EL39" s="264">
        <v>0</v>
      </c>
      <c r="EM39" s="264">
        <v>0</v>
      </c>
      <c r="EN39" s="261">
        <v>0</v>
      </c>
      <c r="EO39" s="266">
        <v>0</v>
      </c>
      <c r="EP39" s="260">
        <v>1</v>
      </c>
      <c r="EQ39" s="264">
        <v>0</v>
      </c>
      <c r="ER39" s="261">
        <v>1</v>
      </c>
      <c r="ES39" s="263">
        <v>0</v>
      </c>
      <c r="ET39" s="264">
        <v>0</v>
      </c>
      <c r="EU39" s="264">
        <v>0</v>
      </c>
      <c r="EV39" s="264">
        <v>0</v>
      </c>
      <c r="EW39" s="264">
        <v>1</v>
      </c>
      <c r="EX39" s="264">
        <v>1</v>
      </c>
      <c r="EY39" s="261">
        <v>2</v>
      </c>
      <c r="EZ39" s="266">
        <v>3</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38" customWidth="1"/>
    <col min="3" max="5" width="9" style="238"/>
    <col min="6" max="6" width="7.77734375" style="238" customWidth="1"/>
    <col min="7" max="7" width="9" style="238"/>
    <col min="8" max="8" width="10.6640625" style="238" customWidth="1"/>
    <col min="9" max="16" width="9" style="238"/>
    <col min="17" max="17" width="7.77734375" style="238" customWidth="1"/>
    <col min="18" max="27" width="9" style="238"/>
    <col min="28" max="28" width="6.88671875" style="238" customWidth="1"/>
    <col min="29" max="38" width="9" style="238"/>
    <col min="39" max="39" width="7.21875" style="238" customWidth="1"/>
    <col min="40" max="49" width="9" style="238"/>
    <col min="50" max="50" width="7.44140625" style="238" customWidth="1"/>
    <col min="51" max="60" width="9" style="238"/>
    <col min="61" max="61" width="7.6640625" style="238" customWidth="1"/>
    <col min="62" max="71" width="9" style="238"/>
    <col min="72" max="72" width="7.88671875" style="238" customWidth="1"/>
    <col min="73" max="82" width="9" style="238"/>
    <col min="83" max="83" width="7" style="238" customWidth="1"/>
    <col min="84" max="93" width="9" style="238"/>
    <col min="94" max="94" width="7.6640625" style="238" customWidth="1"/>
    <col min="95" max="16384" width="9" style="238"/>
  </cols>
  <sheetData>
    <row r="1" spans="2:112" ht="24" customHeight="1" x14ac:dyDescent="0.2">
      <c r="B1" s="267" t="s">
        <v>122</v>
      </c>
      <c r="J1" s="495">
        <f>第１表!F2</f>
        <v>6</v>
      </c>
      <c r="K1" s="495"/>
      <c r="L1" s="231">
        <f>第１表!G2</f>
        <v>3</v>
      </c>
      <c r="M1" s="499">
        <f>IF(L1&lt;3,L1+12-2,L1-2)</f>
        <v>1</v>
      </c>
      <c r="N1" s="499"/>
    </row>
    <row r="2" spans="2:112" ht="24" customHeight="1" thickBot="1" x14ac:dyDescent="0.25">
      <c r="B2" s="267" t="s">
        <v>137</v>
      </c>
    </row>
    <row r="3" spans="2:112" ht="21" customHeight="1" thickBot="1" x14ac:dyDescent="0.25">
      <c r="B3" s="519"/>
      <c r="C3" s="522" t="s">
        <v>112</v>
      </c>
      <c r="D3" s="522"/>
      <c r="E3" s="522"/>
      <c r="F3" s="522"/>
      <c r="G3" s="522"/>
      <c r="H3" s="522"/>
      <c r="I3" s="522"/>
      <c r="J3" s="522"/>
      <c r="K3" s="522"/>
      <c r="L3" s="522"/>
      <c r="M3" s="523"/>
      <c r="N3" s="517" t="s">
        <v>111</v>
      </c>
      <c r="O3" s="517"/>
      <c r="P3" s="517"/>
      <c r="Q3" s="517"/>
      <c r="R3" s="517"/>
      <c r="S3" s="517"/>
      <c r="T3" s="517"/>
      <c r="U3" s="517"/>
      <c r="V3" s="517"/>
      <c r="W3" s="517"/>
      <c r="X3" s="518"/>
      <c r="Y3" s="516" t="s">
        <v>110</v>
      </c>
      <c r="Z3" s="517"/>
      <c r="AA3" s="517"/>
      <c r="AB3" s="517"/>
      <c r="AC3" s="517"/>
      <c r="AD3" s="517"/>
      <c r="AE3" s="517"/>
      <c r="AF3" s="517"/>
      <c r="AG3" s="517"/>
      <c r="AH3" s="517"/>
      <c r="AI3" s="518"/>
      <c r="AJ3" s="516" t="s">
        <v>109</v>
      </c>
      <c r="AK3" s="517"/>
      <c r="AL3" s="517"/>
      <c r="AM3" s="517"/>
      <c r="AN3" s="517"/>
      <c r="AO3" s="517"/>
      <c r="AP3" s="517"/>
      <c r="AQ3" s="517"/>
      <c r="AR3" s="517"/>
      <c r="AS3" s="517"/>
      <c r="AT3" s="518"/>
      <c r="AU3" s="516" t="s">
        <v>108</v>
      </c>
      <c r="AV3" s="517"/>
      <c r="AW3" s="517"/>
      <c r="AX3" s="517"/>
      <c r="AY3" s="517"/>
      <c r="AZ3" s="517"/>
      <c r="BA3" s="517"/>
      <c r="BB3" s="517"/>
      <c r="BC3" s="517"/>
      <c r="BD3" s="517"/>
      <c r="BE3" s="518"/>
      <c r="BF3" s="516" t="s">
        <v>107</v>
      </c>
      <c r="BG3" s="517"/>
      <c r="BH3" s="517"/>
      <c r="BI3" s="517"/>
      <c r="BJ3" s="517"/>
      <c r="BK3" s="517"/>
      <c r="BL3" s="517"/>
      <c r="BM3" s="517"/>
      <c r="BN3" s="517"/>
      <c r="BO3" s="517"/>
      <c r="BP3" s="518"/>
      <c r="BQ3" s="516" t="s">
        <v>106</v>
      </c>
      <c r="BR3" s="517"/>
      <c r="BS3" s="517"/>
      <c r="BT3" s="517"/>
      <c r="BU3" s="517"/>
      <c r="BV3" s="517"/>
      <c r="BW3" s="517"/>
      <c r="BX3" s="517"/>
      <c r="BY3" s="517"/>
      <c r="BZ3" s="517"/>
      <c r="CA3" s="518"/>
      <c r="CB3" s="516" t="s">
        <v>126</v>
      </c>
      <c r="CC3" s="517"/>
      <c r="CD3" s="517"/>
      <c r="CE3" s="517"/>
      <c r="CF3" s="517"/>
      <c r="CG3" s="517"/>
      <c r="CH3" s="517"/>
      <c r="CI3" s="517"/>
      <c r="CJ3" s="517"/>
      <c r="CK3" s="517"/>
      <c r="CL3" s="518"/>
      <c r="CM3" s="516" t="s">
        <v>105</v>
      </c>
      <c r="CN3" s="517"/>
      <c r="CO3" s="517"/>
      <c r="CP3" s="517"/>
      <c r="CQ3" s="517"/>
      <c r="CR3" s="517"/>
      <c r="CS3" s="517"/>
      <c r="CT3" s="517"/>
      <c r="CU3" s="517"/>
      <c r="CV3" s="517"/>
      <c r="CW3" s="518"/>
      <c r="CX3" s="516" t="s">
        <v>158</v>
      </c>
      <c r="CY3" s="517"/>
      <c r="CZ3" s="517"/>
      <c r="DA3" s="517"/>
      <c r="DB3" s="517"/>
      <c r="DC3" s="517"/>
      <c r="DD3" s="517"/>
      <c r="DE3" s="517"/>
      <c r="DF3" s="517"/>
      <c r="DG3" s="517"/>
      <c r="DH3" s="518"/>
    </row>
    <row r="4" spans="2:112" ht="21" customHeight="1" x14ac:dyDescent="0.2">
      <c r="B4" s="520"/>
      <c r="C4" s="524" t="s">
        <v>61</v>
      </c>
      <c r="D4" s="507"/>
      <c r="E4" s="508"/>
      <c r="F4" s="506" t="s">
        <v>62</v>
      </c>
      <c r="G4" s="507"/>
      <c r="H4" s="507"/>
      <c r="I4" s="507"/>
      <c r="J4" s="507"/>
      <c r="K4" s="507"/>
      <c r="L4" s="515"/>
      <c r="M4" s="509" t="s">
        <v>52</v>
      </c>
      <c r="N4" s="524" t="s">
        <v>61</v>
      </c>
      <c r="O4" s="507"/>
      <c r="P4" s="508"/>
      <c r="Q4" s="506" t="s">
        <v>62</v>
      </c>
      <c r="R4" s="507"/>
      <c r="S4" s="507"/>
      <c r="T4" s="507"/>
      <c r="U4" s="507"/>
      <c r="V4" s="507"/>
      <c r="W4" s="508"/>
      <c r="X4" s="509" t="s">
        <v>52</v>
      </c>
      <c r="Y4" s="511" t="s">
        <v>61</v>
      </c>
      <c r="Z4" s="507"/>
      <c r="AA4" s="515"/>
      <c r="AB4" s="506" t="s">
        <v>62</v>
      </c>
      <c r="AC4" s="507"/>
      <c r="AD4" s="507"/>
      <c r="AE4" s="507"/>
      <c r="AF4" s="507"/>
      <c r="AG4" s="507"/>
      <c r="AH4" s="508"/>
      <c r="AI4" s="509" t="s">
        <v>52</v>
      </c>
      <c r="AJ4" s="511" t="s">
        <v>61</v>
      </c>
      <c r="AK4" s="507"/>
      <c r="AL4" s="508"/>
      <c r="AM4" s="506" t="s">
        <v>62</v>
      </c>
      <c r="AN4" s="507"/>
      <c r="AO4" s="507"/>
      <c r="AP4" s="507"/>
      <c r="AQ4" s="507"/>
      <c r="AR4" s="507"/>
      <c r="AS4" s="508"/>
      <c r="AT4" s="509" t="s">
        <v>52</v>
      </c>
      <c r="AU4" s="511" t="s">
        <v>61</v>
      </c>
      <c r="AV4" s="507"/>
      <c r="AW4" s="515"/>
      <c r="AX4" s="506" t="s">
        <v>62</v>
      </c>
      <c r="AY4" s="507"/>
      <c r="AZ4" s="507"/>
      <c r="BA4" s="507"/>
      <c r="BB4" s="507"/>
      <c r="BC4" s="507"/>
      <c r="BD4" s="515"/>
      <c r="BE4" s="509" t="s">
        <v>52</v>
      </c>
      <c r="BF4" s="511" t="s">
        <v>61</v>
      </c>
      <c r="BG4" s="507"/>
      <c r="BH4" s="508"/>
      <c r="BI4" s="506" t="s">
        <v>62</v>
      </c>
      <c r="BJ4" s="507"/>
      <c r="BK4" s="507"/>
      <c r="BL4" s="507"/>
      <c r="BM4" s="507"/>
      <c r="BN4" s="507"/>
      <c r="BO4" s="508"/>
      <c r="BP4" s="509" t="s">
        <v>52</v>
      </c>
      <c r="BQ4" s="511" t="s">
        <v>61</v>
      </c>
      <c r="BR4" s="507"/>
      <c r="BS4" s="508"/>
      <c r="BT4" s="506" t="s">
        <v>62</v>
      </c>
      <c r="BU4" s="507"/>
      <c r="BV4" s="507"/>
      <c r="BW4" s="507"/>
      <c r="BX4" s="507"/>
      <c r="BY4" s="507"/>
      <c r="BZ4" s="508"/>
      <c r="CA4" s="509" t="s">
        <v>52</v>
      </c>
      <c r="CB4" s="511" t="s">
        <v>61</v>
      </c>
      <c r="CC4" s="507"/>
      <c r="CD4" s="508"/>
      <c r="CE4" s="506" t="s">
        <v>62</v>
      </c>
      <c r="CF4" s="507"/>
      <c r="CG4" s="507"/>
      <c r="CH4" s="507"/>
      <c r="CI4" s="507"/>
      <c r="CJ4" s="507"/>
      <c r="CK4" s="508"/>
      <c r="CL4" s="509" t="s">
        <v>52</v>
      </c>
      <c r="CM4" s="511" t="s">
        <v>61</v>
      </c>
      <c r="CN4" s="507"/>
      <c r="CO4" s="508"/>
      <c r="CP4" s="506" t="s">
        <v>62</v>
      </c>
      <c r="CQ4" s="507"/>
      <c r="CR4" s="507"/>
      <c r="CS4" s="507"/>
      <c r="CT4" s="507"/>
      <c r="CU4" s="507"/>
      <c r="CV4" s="508"/>
      <c r="CW4" s="509" t="s">
        <v>52</v>
      </c>
      <c r="CX4" s="511" t="s">
        <v>61</v>
      </c>
      <c r="CY4" s="507"/>
      <c r="CZ4" s="508"/>
      <c r="DA4" s="506" t="s">
        <v>62</v>
      </c>
      <c r="DB4" s="507"/>
      <c r="DC4" s="507"/>
      <c r="DD4" s="507"/>
      <c r="DE4" s="507"/>
      <c r="DF4" s="507"/>
      <c r="DG4" s="508"/>
      <c r="DH4" s="509" t="s">
        <v>52</v>
      </c>
    </row>
    <row r="5" spans="2:112" ht="30" customHeight="1" thickBot="1" x14ac:dyDescent="0.25">
      <c r="B5" s="521"/>
      <c r="C5" s="241" t="s">
        <v>43</v>
      </c>
      <c r="D5" s="239" t="s">
        <v>44</v>
      </c>
      <c r="E5" s="338" t="s">
        <v>45</v>
      </c>
      <c r="F5" s="244" t="s">
        <v>83</v>
      </c>
      <c r="G5" s="239" t="s">
        <v>47</v>
      </c>
      <c r="H5" s="239" t="s">
        <v>48</v>
      </c>
      <c r="I5" s="239" t="s">
        <v>49</v>
      </c>
      <c r="J5" s="239" t="s">
        <v>50</v>
      </c>
      <c r="K5" s="239" t="s">
        <v>51</v>
      </c>
      <c r="L5" s="245" t="s">
        <v>45</v>
      </c>
      <c r="M5" s="510"/>
      <c r="N5" s="241" t="s">
        <v>43</v>
      </c>
      <c r="O5" s="239" t="s">
        <v>44</v>
      </c>
      <c r="P5" s="242" t="s">
        <v>45</v>
      </c>
      <c r="Q5" s="244" t="s">
        <v>83</v>
      </c>
      <c r="R5" s="239" t="s">
        <v>47</v>
      </c>
      <c r="S5" s="239" t="s">
        <v>48</v>
      </c>
      <c r="T5" s="239" t="s">
        <v>49</v>
      </c>
      <c r="U5" s="239" t="s">
        <v>50</v>
      </c>
      <c r="V5" s="239" t="s">
        <v>51</v>
      </c>
      <c r="W5" s="242" t="s">
        <v>45</v>
      </c>
      <c r="X5" s="510"/>
      <c r="Y5" s="284" t="s">
        <v>43</v>
      </c>
      <c r="Z5" s="239" t="s">
        <v>44</v>
      </c>
      <c r="AA5" s="245" t="s">
        <v>45</v>
      </c>
      <c r="AB5" s="244" t="s">
        <v>83</v>
      </c>
      <c r="AC5" s="239" t="s">
        <v>47</v>
      </c>
      <c r="AD5" s="239" t="s">
        <v>48</v>
      </c>
      <c r="AE5" s="239" t="s">
        <v>49</v>
      </c>
      <c r="AF5" s="239" t="s">
        <v>50</v>
      </c>
      <c r="AG5" s="239" t="s">
        <v>51</v>
      </c>
      <c r="AH5" s="242" t="s">
        <v>45</v>
      </c>
      <c r="AI5" s="510"/>
      <c r="AJ5" s="240" t="s">
        <v>43</v>
      </c>
      <c r="AK5" s="239" t="s">
        <v>44</v>
      </c>
      <c r="AL5" s="242" t="s">
        <v>45</v>
      </c>
      <c r="AM5" s="244" t="s">
        <v>83</v>
      </c>
      <c r="AN5" s="239" t="s">
        <v>47</v>
      </c>
      <c r="AO5" s="239" t="s">
        <v>48</v>
      </c>
      <c r="AP5" s="239" t="s">
        <v>49</v>
      </c>
      <c r="AQ5" s="239" t="s">
        <v>50</v>
      </c>
      <c r="AR5" s="239" t="s">
        <v>51</v>
      </c>
      <c r="AS5" s="242" t="s">
        <v>45</v>
      </c>
      <c r="AT5" s="510"/>
      <c r="AU5" s="284" t="s">
        <v>43</v>
      </c>
      <c r="AV5" s="239" t="s">
        <v>44</v>
      </c>
      <c r="AW5" s="245" t="s">
        <v>45</v>
      </c>
      <c r="AX5" s="244" t="s">
        <v>83</v>
      </c>
      <c r="AY5" s="239" t="s">
        <v>47</v>
      </c>
      <c r="AZ5" s="239" t="s">
        <v>48</v>
      </c>
      <c r="BA5" s="239" t="s">
        <v>49</v>
      </c>
      <c r="BB5" s="239" t="s">
        <v>50</v>
      </c>
      <c r="BC5" s="239" t="s">
        <v>51</v>
      </c>
      <c r="BD5" s="245" t="s">
        <v>45</v>
      </c>
      <c r="BE5" s="510"/>
      <c r="BF5" s="284" t="s">
        <v>43</v>
      </c>
      <c r="BG5" s="239" t="s">
        <v>44</v>
      </c>
      <c r="BH5" s="242" t="s">
        <v>45</v>
      </c>
      <c r="BI5" s="244" t="s">
        <v>83</v>
      </c>
      <c r="BJ5" s="239" t="s">
        <v>47</v>
      </c>
      <c r="BK5" s="239" t="s">
        <v>48</v>
      </c>
      <c r="BL5" s="239" t="s">
        <v>49</v>
      </c>
      <c r="BM5" s="239" t="s">
        <v>50</v>
      </c>
      <c r="BN5" s="239" t="s">
        <v>51</v>
      </c>
      <c r="BO5" s="242" t="s">
        <v>45</v>
      </c>
      <c r="BP5" s="510"/>
      <c r="BQ5" s="284" t="s">
        <v>43</v>
      </c>
      <c r="BR5" s="239" t="s">
        <v>44</v>
      </c>
      <c r="BS5" s="242" t="s">
        <v>45</v>
      </c>
      <c r="BT5" s="244" t="s">
        <v>83</v>
      </c>
      <c r="BU5" s="239" t="s">
        <v>47</v>
      </c>
      <c r="BV5" s="239" t="s">
        <v>48</v>
      </c>
      <c r="BW5" s="239" t="s">
        <v>49</v>
      </c>
      <c r="BX5" s="239" t="s">
        <v>50</v>
      </c>
      <c r="BY5" s="239" t="s">
        <v>51</v>
      </c>
      <c r="BZ5" s="242" t="s">
        <v>45</v>
      </c>
      <c r="CA5" s="510"/>
      <c r="CB5" s="284" t="s">
        <v>43</v>
      </c>
      <c r="CC5" s="239" t="s">
        <v>44</v>
      </c>
      <c r="CD5" s="242" t="s">
        <v>45</v>
      </c>
      <c r="CE5" s="244" t="s">
        <v>83</v>
      </c>
      <c r="CF5" s="239" t="s">
        <v>47</v>
      </c>
      <c r="CG5" s="239" t="s">
        <v>48</v>
      </c>
      <c r="CH5" s="239" t="s">
        <v>49</v>
      </c>
      <c r="CI5" s="239" t="s">
        <v>50</v>
      </c>
      <c r="CJ5" s="239" t="s">
        <v>51</v>
      </c>
      <c r="CK5" s="242" t="s">
        <v>45</v>
      </c>
      <c r="CL5" s="510"/>
      <c r="CM5" s="284" t="s">
        <v>43</v>
      </c>
      <c r="CN5" s="239" t="s">
        <v>44</v>
      </c>
      <c r="CO5" s="242" t="s">
        <v>45</v>
      </c>
      <c r="CP5" s="244" t="s">
        <v>83</v>
      </c>
      <c r="CQ5" s="239" t="s">
        <v>47</v>
      </c>
      <c r="CR5" s="239" t="s">
        <v>48</v>
      </c>
      <c r="CS5" s="239" t="s">
        <v>49</v>
      </c>
      <c r="CT5" s="239" t="s">
        <v>50</v>
      </c>
      <c r="CU5" s="239" t="s">
        <v>51</v>
      </c>
      <c r="CV5" s="242" t="s">
        <v>45</v>
      </c>
      <c r="CW5" s="510"/>
      <c r="CX5" s="321" t="s">
        <v>43</v>
      </c>
      <c r="CY5" s="239" t="s">
        <v>44</v>
      </c>
      <c r="CZ5" s="242" t="s">
        <v>45</v>
      </c>
      <c r="DA5" s="244" t="s">
        <v>83</v>
      </c>
      <c r="DB5" s="239" t="s">
        <v>47</v>
      </c>
      <c r="DC5" s="239" t="s">
        <v>48</v>
      </c>
      <c r="DD5" s="239" t="s">
        <v>49</v>
      </c>
      <c r="DE5" s="239" t="s">
        <v>50</v>
      </c>
      <c r="DF5" s="239" t="s">
        <v>51</v>
      </c>
      <c r="DG5" s="242" t="s">
        <v>45</v>
      </c>
      <c r="DH5" s="510"/>
    </row>
    <row r="6" spans="2:112" ht="21" customHeight="1" x14ac:dyDescent="0.2">
      <c r="B6" s="435" t="s">
        <v>4</v>
      </c>
      <c r="C6" s="246">
        <v>0</v>
      </c>
      <c r="D6" s="250">
        <v>0</v>
      </c>
      <c r="E6" s="339">
        <v>0</v>
      </c>
      <c r="F6" s="249">
        <v>0</v>
      </c>
      <c r="G6" s="250">
        <v>208554</v>
      </c>
      <c r="H6" s="250">
        <v>346492</v>
      </c>
      <c r="I6" s="250">
        <v>368188</v>
      </c>
      <c r="J6" s="250">
        <v>450045</v>
      </c>
      <c r="K6" s="250">
        <v>424467</v>
      </c>
      <c r="L6" s="251">
        <v>1797746</v>
      </c>
      <c r="M6" s="252">
        <v>1797746</v>
      </c>
      <c r="N6" s="246">
        <v>6</v>
      </c>
      <c r="O6" s="250">
        <v>68</v>
      </c>
      <c r="P6" s="247">
        <v>74</v>
      </c>
      <c r="Q6" s="249">
        <v>0</v>
      </c>
      <c r="R6" s="250">
        <v>402</v>
      </c>
      <c r="S6" s="250">
        <v>1705</v>
      </c>
      <c r="T6" s="250">
        <v>3591</v>
      </c>
      <c r="U6" s="250">
        <v>9144</v>
      </c>
      <c r="V6" s="250">
        <v>17965</v>
      </c>
      <c r="W6" s="247">
        <v>32807</v>
      </c>
      <c r="X6" s="252">
        <v>32881</v>
      </c>
      <c r="Y6" s="246">
        <v>13192</v>
      </c>
      <c r="Z6" s="250">
        <v>44097</v>
      </c>
      <c r="AA6" s="247">
        <v>57289</v>
      </c>
      <c r="AB6" s="249">
        <v>0</v>
      </c>
      <c r="AC6" s="250">
        <v>106021</v>
      </c>
      <c r="AD6" s="250">
        <v>173720</v>
      </c>
      <c r="AE6" s="250">
        <v>106428</v>
      </c>
      <c r="AF6" s="250">
        <v>90678</v>
      </c>
      <c r="AG6" s="250">
        <v>75569</v>
      </c>
      <c r="AH6" s="247">
        <v>552416</v>
      </c>
      <c r="AI6" s="252">
        <v>609705</v>
      </c>
      <c r="AJ6" s="246">
        <v>2140</v>
      </c>
      <c r="AK6" s="250">
        <v>8626</v>
      </c>
      <c r="AL6" s="247">
        <v>10766</v>
      </c>
      <c r="AM6" s="249">
        <v>0</v>
      </c>
      <c r="AN6" s="250">
        <v>12518</v>
      </c>
      <c r="AO6" s="250">
        <v>21412</v>
      </c>
      <c r="AP6" s="250">
        <v>13105</v>
      </c>
      <c r="AQ6" s="250">
        <v>11487</v>
      </c>
      <c r="AR6" s="250">
        <v>7222</v>
      </c>
      <c r="AS6" s="247">
        <v>65744</v>
      </c>
      <c r="AT6" s="252">
        <v>76510</v>
      </c>
      <c r="AU6" s="246">
        <v>0</v>
      </c>
      <c r="AV6" s="250">
        <v>0</v>
      </c>
      <c r="AW6" s="247">
        <v>0</v>
      </c>
      <c r="AX6" s="249">
        <v>0</v>
      </c>
      <c r="AY6" s="250">
        <v>174834</v>
      </c>
      <c r="AZ6" s="250">
        <v>186031</v>
      </c>
      <c r="BA6" s="250">
        <v>112459</v>
      </c>
      <c r="BB6" s="250">
        <v>63939</v>
      </c>
      <c r="BC6" s="250">
        <v>30082</v>
      </c>
      <c r="BD6" s="251">
        <v>567345</v>
      </c>
      <c r="BE6" s="252">
        <v>567345</v>
      </c>
      <c r="BF6" s="246">
        <v>0</v>
      </c>
      <c r="BG6" s="250">
        <v>0</v>
      </c>
      <c r="BH6" s="247">
        <v>0</v>
      </c>
      <c r="BI6" s="249">
        <v>0</v>
      </c>
      <c r="BJ6" s="250">
        <v>28913</v>
      </c>
      <c r="BK6" s="250">
        <v>43874</v>
      </c>
      <c r="BL6" s="250">
        <v>26690</v>
      </c>
      <c r="BM6" s="250">
        <v>16046</v>
      </c>
      <c r="BN6" s="250">
        <v>5840</v>
      </c>
      <c r="BO6" s="247">
        <v>121363</v>
      </c>
      <c r="BP6" s="252">
        <v>121363</v>
      </c>
      <c r="BQ6" s="246">
        <v>265</v>
      </c>
      <c r="BR6" s="250">
        <v>1221</v>
      </c>
      <c r="BS6" s="247">
        <v>1486</v>
      </c>
      <c r="BT6" s="249">
        <v>0</v>
      </c>
      <c r="BU6" s="250">
        <v>15773</v>
      </c>
      <c r="BV6" s="250">
        <v>31166</v>
      </c>
      <c r="BW6" s="250">
        <v>52848</v>
      </c>
      <c r="BX6" s="250">
        <v>41175</v>
      </c>
      <c r="BY6" s="250">
        <v>20885</v>
      </c>
      <c r="BZ6" s="247">
        <v>161847</v>
      </c>
      <c r="CA6" s="252">
        <v>163333</v>
      </c>
      <c r="CB6" s="246">
        <v>14</v>
      </c>
      <c r="CC6" s="250">
        <v>89</v>
      </c>
      <c r="CD6" s="247">
        <v>103</v>
      </c>
      <c r="CE6" s="249">
        <v>0</v>
      </c>
      <c r="CF6" s="250">
        <v>1277</v>
      </c>
      <c r="CG6" s="250">
        <v>3314</v>
      </c>
      <c r="CH6" s="250">
        <v>4226</v>
      </c>
      <c r="CI6" s="250">
        <v>4131</v>
      </c>
      <c r="CJ6" s="250">
        <v>2464</v>
      </c>
      <c r="CK6" s="247">
        <v>15412</v>
      </c>
      <c r="CL6" s="252">
        <v>15515</v>
      </c>
      <c r="CM6" s="246">
        <v>0</v>
      </c>
      <c r="CN6" s="250">
        <v>0</v>
      </c>
      <c r="CO6" s="247">
        <v>0</v>
      </c>
      <c r="CP6" s="249">
        <v>0</v>
      </c>
      <c r="CQ6" s="250">
        <v>0</v>
      </c>
      <c r="CR6" s="250">
        <v>0</v>
      </c>
      <c r="CS6" s="250">
        <v>0</v>
      </c>
      <c r="CT6" s="250">
        <v>0</v>
      </c>
      <c r="CU6" s="250">
        <v>0</v>
      </c>
      <c r="CV6" s="247">
        <v>0</v>
      </c>
      <c r="CW6" s="252">
        <v>0</v>
      </c>
      <c r="CX6" s="246">
        <v>0</v>
      </c>
      <c r="CY6" s="250">
        <v>0</v>
      </c>
      <c r="CZ6" s="247">
        <v>0</v>
      </c>
      <c r="DA6" s="249">
        <v>0</v>
      </c>
      <c r="DB6" s="250">
        <v>0</v>
      </c>
      <c r="DC6" s="250">
        <v>0</v>
      </c>
      <c r="DD6" s="250">
        <v>0</v>
      </c>
      <c r="DE6" s="250">
        <v>0</v>
      </c>
      <c r="DF6" s="250">
        <v>0</v>
      </c>
      <c r="DG6" s="247">
        <v>0</v>
      </c>
      <c r="DH6" s="252">
        <v>0</v>
      </c>
    </row>
    <row r="7" spans="2:112" ht="21" customHeight="1" x14ac:dyDescent="0.2">
      <c r="B7" s="436" t="s">
        <v>5</v>
      </c>
      <c r="C7" s="253">
        <v>0</v>
      </c>
      <c r="D7" s="257">
        <v>0</v>
      </c>
      <c r="E7" s="340">
        <v>0</v>
      </c>
      <c r="F7" s="256">
        <v>0</v>
      </c>
      <c r="G7" s="257">
        <v>67739</v>
      </c>
      <c r="H7" s="257">
        <v>148282</v>
      </c>
      <c r="I7" s="257">
        <v>132506</v>
      </c>
      <c r="J7" s="257">
        <v>157838</v>
      </c>
      <c r="K7" s="257">
        <v>155624</v>
      </c>
      <c r="L7" s="258">
        <v>661989</v>
      </c>
      <c r="M7" s="259">
        <v>661989</v>
      </c>
      <c r="N7" s="253">
        <v>2</v>
      </c>
      <c r="O7" s="257">
        <v>33</v>
      </c>
      <c r="P7" s="254">
        <v>35</v>
      </c>
      <c r="Q7" s="256">
        <v>0</v>
      </c>
      <c r="R7" s="257">
        <v>97</v>
      </c>
      <c r="S7" s="257">
        <v>626</v>
      </c>
      <c r="T7" s="257">
        <v>1494</v>
      </c>
      <c r="U7" s="257">
        <v>3689</v>
      </c>
      <c r="V7" s="257">
        <v>8020</v>
      </c>
      <c r="W7" s="254">
        <v>13926</v>
      </c>
      <c r="X7" s="259">
        <v>13961</v>
      </c>
      <c r="Y7" s="253">
        <v>5771</v>
      </c>
      <c r="Z7" s="257">
        <v>23858</v>
      </c>
      <c r="AA7" s="254">
        <v>29629</v>
      </c>
      <c r="AB7" s="256">
        <v>0</v>
      </c>
      <c r="AC7" s="257">
        <v>37482</v>
      </c>
      <c r="AD7" s="257">
        <v>91539</v>
      </c>
      <c r="AE7" s="257">
        <v>54034</v>
      </c>
      <c r="AF7" s="257">
        <v>43468</v>
      </c>
      <c r="AG7" s="257">
        <v>34474</v>
      </c>
      <c r="AH7" s="254">
        <v>260997</v>
      </c>
      <c r="AI7" s="259">
        <v>290626</v>
      </c>
      <c r="AJ7" s="253">
        <v>742</v>
      </c>
      <c r="AK7" s="257">
        <v>4470</v>
      </c>
      <c r="AL7" s="254">
        <v>5212</v>
      </c>
      <c r="AM7" s="256">
        <v>0</v>
      </c>
      <c r="AN7" s="257">
        <v>2954</v>
      </c>
      <c r="AO7" s="257">
        <v>8519</v>
      </c>
      <c r="AP7" s="257">
        <v>5238</v>
      </c>
      <c r="AQ7" s="257">
        <v>4650</v>
      </c>
      <c r="AR7" s="257">
        <v>2801</v>
      </c>
      <c r="AS7" s="254">
        <v>24162</v>
      </c>
      <c r="AT7" s="259">
        <v>29374</v>
      </c>
      <c r="AU7" s="253">
        <v>0</v>
      </c>
      <c r="AV7" s="257">
        <v>0</v>
      </c>
      <c r="AW7" s="254">
        <v>0</v>
      </c>
      <c r="AX7" s="256">
        <v>0</v>
      </c>
      <c r="AY7" s="257">
        <v>53602</v>
      </c>
      <c r="AZ7" s="257">
        <v>73813</v>
      </c>
      <c r="BA7" s="257">
        <v>39097</v>
      </c>
      <c r="BB7" s="257">
        <v>21112</v>
      </c>
      <c r="BC7" s="257">
        <v>10423</v>
      </c>
      <c r="BD7" s="258">
        <v>198047</v>
      </c>
      <c r="BE7" s="259">
        <v>198047</v>
      </c>
      <c r="BF7" s="253">
        <v>0</v>
      </c>
      <c r="BG7" s="257">
        <v>0</v>
      </c>
      <c r="BH7" s="254">
        <v>0</v>
      </c>
      <c r="BI7" s="256">
        <v>0</v>
      </c>
      <c r="BJ7" s="257">
        <v>8461</v>
      </c>
      <c r="BK7" s="257">
        <v>19283</v>
      </c>
      <c r="BL7" s="257">
        <v>11505</v>
      </c>
      <c r="BM7" s="257">
        <v>7087</v>
      </c>
      <c r="BN7" s="257">
        <v>2470</v>
      </c>
      <c r="BO7" s="254">
        <v>48806</v>
      </c>
      <c r="BP7" s="259">
        <v>48806</v>
      </c>
      <c r="BQ7" s="253">
        <v>71</v>
      </c>
      <c r="BR7" s="257">
        <v>555</v>
      </c>
      <c r="BS7" s="254">
        <v>626</v>
      </c>
      <c r="BT7" s="256">
        <v>0</v>
      </c>
      <c r="BU7" s="257">
        <v>4501</v>
      </c>
      <c r="BV7" s="257">
        <v>11858</v>
      </c>
      <c r="BW7" s="257">
        <v>19328</v>
      </c>
      <c r="BX7" s="257">
        <v>14556</v>
      </c>
      <c r="BY7" s="257">
        <v>7769</v>
      </c>
      <c r="BZ7" s="254">
        <v>58012</v>
      </c>
      <c r="CA7" s="259">
        <v>58638</v>
      </c>
      <c r="CB7" s="253">
        <v>9</v>
      </c>
      <c r="CC7" s="257">
        <v>45</v>
      </c>
      <c r="CD7" s="254">
        <v>54</v>
      </c>
      <c r="CE7" s="256">
        <v>0</v>
      </c>
      <c r="CF7" s="257">
        <v>540</v>
      </c>
      <c r="CG7" s="257">
        <v>1989</v>
      </c>
      <c r="CH7" s="257">
        <v>2171</v>
      </c>
      <c r="CI7" s="257">
        <v>2301</v>
      </c>
      <c r="CJ7" s="257">
        <v>1445</v>
      </c>
      <c r="CK7" s="254">
        <v>8446</v>
      </c>
      <c r="CL7" s="259">
        <v>8500</v>
      </c>
      <c r="CM7" s="253">
        <v>0</v>
      </c>
      <c r="CN7" s="257">
        <v>0</v>
      </c>
      <c r="CO7" s="254">
        <v>0</v>
      </c>
      <c r="CP7" s="256">
        <v>0</v>
      </c>
      <c r="CQ7" s="257">
        <v>0</v>
      </c>
      <c r="CR7" s="257">
        <v>0</v>
      </c>
      <c r="CS7" s="257">
        <v>0</v>
      </c>
      <c r="CT7" s="257">
        <v>0</v>
      </c>
      <c r="CU7" s="257">
        <v>0</v>
      </c>
      <c r="CV7" s="254">
        <v>0</v>
      </c>
      <c r="CW7" s="259">
        <v>0</v>
      </c>
      <c r="CX7" s="253">
        <v>0</v>
      </c>
      <c r="CY7" s="257">
        <v>0</v>
      </c>
      <c r="CZ7" s="254">
        <v>0</v>
      </c>
      <c r="DA7" s="256">
        <v>0</v>
      </c>
      <c r="DB7" s="257">
        <v>0</v>
      </c>
      <c r="DC7" s="257">
        <v>0</v>
      </c>
      <c r="DD7" s="257">
        <v>0</v>
      </c>
      <c r="DE7" s="257">
        <v>0</v>
      </c>
      <c r="DF7" s="257">
        <v>0</v>
      </c>
      <c r="DG7" s="254">
        <v>0</v>
      </c>
      <c r="DH7" s="259">
        <v>0</v>
      </c>
    </row>
    <row r="8" spans="2:112" ht="21" customHeight="1" x14ac:dyDescent="0.2">
      <c r="B8" s="437" t="s">
        <v>6</v>
      </c>
      <c r="C8" s="253">
        <v>0</v>
      </c>
      <c r="D8" s="257">
        <v>0</v>
      </c>
      <c r="E8" s="340">
        <v>0</v>
      </c>
      <c r="F8" s="256">
        <v>0</v>
      </c>
      <c r="G8" s="257">
        <v>37919</v>
      </c>
      <c r="H8" s="257">
        <v>49917</v>
      </c>
      <c r="I8" s="257">
        <v>54635</v>
      </c>
      <c r="J8" s="257">
        <v>70873</v>
      </c>
      <c r="K8" s="257">
        <v>71374</v>
      </c>
      <c r="L8" s="258">
        <v>284718</v>
      </c>
      <c r="M8" s="259">
        <v>284718</v>
      </c>
      <c r="N8" s="253">
        <v>2</v>
      </c>
      <c r="O8" s="257">
        <v>2</v>
      </c>
      <c r="P8" s="254">
        <v>4</v>
      </c>
      <c r="Q8" s="256">
        <v>0</v>
      </c>
      <c r="R8" s="257">
        <v>61</v>
      </c>
      <c r="S8" s="257">
        <v>205</v>
      </c>
      <c r="T8" s="257">
        <v>476</v>
      </c>
      <c r="U8" s="257">
        <v>1109</v>
      </c>
      <c r="V8" s="257">
        <v>2554</v>
      </c>
      <c r="W8" s="254">
        <v>4405</v>
      </c>
      <c r="X8" s="259">
        <v>4409</v>
      </c>
      <c r="Y8" s="253">
        <v>2147</v>
      </c>
      <c r="Z8" s="257">
        <v>6149</v>
      </c>
      <c r="AA8" s="254">
        <v>8296</v>
      </c>
      <c r="AB8" s="256">
        <v>0</v>
      </c>
      <c r="AC8" s="257">
        <v>23733</v>
      </c>
      <c r="AD8" s="257">
        <v>26132</v>
      </c>
      <c r="AE8" s="257">
        <v>15708</v>
      </c>
      <c r="AF8" s="257">
        <v>13281</v>
      </c>
      <c r="AG8" s="257">
        <v>11875</v>
      </c>
      <c r="AH8" s="254">
        <v>90729</v>
      </c>
      <c r="AI8" s="259">
        <v>99025</v>
      </c>
      <c r="AJ8" s="253">
        <v>174</v>
      </c>
      <c r="AK8" s="257">
        <v>521</v>
      </c>
      <c r="AL8" s="254">
        <v>695</v>
      </c>
      <c r="AM8" s="256">
        <v>0</v>
      </c>
      <c r="AN8" s="257">
        <v>2248</v>
      </c>
      <c r="AO8" s="257">
        <v>2377</v>
      </c>
      <c r="AP8" s="257">
        <v>1364</v>
      </c>
      <c r="AQ8" s="257">
        <v>1359</v>
      </c>
      <c r="AR8" s="257">
        <v>978</v>
      </c>
      <c r="AS8" s="254">
        <v>8326</v>
      </c>
      <c r="AT8" s="259">
        <v>9021</v>
      </c>
      <c r="AU8" s="253">
        <v>0</v>
      </c>
      <c r="AV8" s="257">
        <v>0</v>
      </c>
      <c r="AW8" s="254">
        <v>0</v>
      </c>
      <c r="AX8" s="256">
        <v>0</v>
      </c>
      <c r="AY8" s="257">
        <v>29029</v>
      </c>
      <c r="AZ8" s="257">
        <v>25792</v>
      </c>
      <c r="BA8" s="257">
        <v>15460</v>
      </c>
      <c r="BB8" s="257">
        <v>9181</v>
      </c>
      <c r="BC8" s="257">
        <v>4131</v>
      </c>
      <c r="BD8" s="258">
        <v>83593</v>
      </c>
      <c r="BE8" s="259">
        <v>83593</v>
      </c>
      <c r="BF8" s="253">
        <v>0</v>
      </c>
      <c r="BG8" s="257">
        <v>0</v>
      </c>
      <c r="BH8" s="254">
        <v>0</v>
      </c>
      <c r="BI8" s="256">
        <v>0</v>
      </c>
      <c r="BJ8" s="257">
        <v>4334</v>
      </c>
      <c r="BK8" s="257">
        <v>5093</v>
      </c>
      <c r="BL8" s="257">
        <v>3419</v>
      </c>
      <c r="BM8" s="257">
        <v>2024</v>
      </c>
      <c r="BN8" s="257">
        <v>858</v>
      </c>
      <c r="BO8" s="254">
        <v>15728</v>
      </c>
      <c r="BP8" s="259">
        <v>15728</v>
      </c>
      <c r="BQ8" s="253">
        <v>9</v>
      </c>
      <c r="BR8" s="257">
        <v>76</v>
      </c>
      <c r="BS8" s="254">
        <v>85</v>
      </c>
      <c r="BT8" s="256">
        <v>0</v>
      </c>
      <c r="BU8" s="257">
        <v>1770</v>
      </c>
      <c r="BV8" s="257">
        <v>3306</v>
      </c>
      <c r="BW8" s="257">
        <v>5752</v>
      </c>
      <c r="BX8" s="257">
        <v>4911</v>
      </c>
      <c r="BY8" s="257">
        <v>2833</v>
      </c>
      <c r="BZ8" s="254">
        <v>18572</v>
      </c>
      <c r="CA8" s="259">
        <v>18657</v>
      </c>
      <c r="CB8" s="253">
        <v>0</v>
      </c>
      <c r="CC8" s="257">
        <v>5</v>
      </c>
      <c r="CD8" s="254">
        <v>5</v>
      </c>
      <c r="CE8" s="256">
        <v>0</v>
      </c>
      <c r="CF8" s="257">
        <v>164</v>
      </c>
      <c r="CG8" s="257">
        <v>309</v>
      </c>
      <c r="CH8" s="257">
        <v>622</v>
      </c>
      <c r="CI8" s="257">
        <v>587</v>
      </c>
      <c r="CJ8" s="257">
        <v>391</v>
      </c>
      <c r="CK8" s="254">
        <v>2073</v>
      </c>
      <c r="CL8" s="259">
        <v>2078</v>
      </c>
      <c r="CM8" s="253">
        <v>0</v>
      </c>
      <c r="CN8" s="257">
        <v>0</v>
      </c>
      <c r="CO8" s="254">
        <v>0</v>
      </c>
      <c r="CP8" s="256">
        <v>0</v>
      </c>
      <c r="CQ8" s="257">
        <v>0</v>
      </c>
      <c r="CR8" s="257">
        <v>0</v>
      </c>
      <c r="CS8" s="257">
        <v>0</v>
      </c>
      <c r="CT8" s="257">
        <v>0</v>
      </c>
      <c r="CU8" s="257">
        <v>0</v>
      </c>
      <c r="CV8" s="254">
        <v>0</v>
      </c>
      <c r="CW8" s="259">
        <v>0</v>
      </c>
      <c r="CX8" s="253">
        <v>0</v>
      </c>
      <c r="CY8" s="257">
        <v>0</v>
      </c>
      <c r="CZ8" s="254">
        <v>0</v>
      </c>
      <c r="DA8" s="256">
        <v>0</v>
      </c>
      <c r="DB8" s="257">
        <v>0</v>
      </c>
      <c r="DC8" s="257">
        <v>0</v>
      </c>
      <c r="DD8" s="257">
        <v>0</v>
      </c>
      <c r="DE8" s="257">
        <v>0</v>
      </c>
      <c r="DF8" s="257">
        <v>0</v>
      </c>
      <c r="DG8" s="254">
        <v>0</v>
      </c>
      <c r="DH8" s="259">
        <v>0</v>
      </c>
    </row>
    <row r="9" spans="2:112" ht="21" customHeight="1" x14ac:dyDescent="0.2">
      <c r="B9" s="437" t="s">
        <v>14</v>
      </c>
      <c r="C9" s="253">
        <v>0</v>
      </c>
      <c r="D9" s="257">
        <v>0</v>
      </c>
      <c r="E9" s="340">
        <v>0</v>
      </c>
      <c r="F9" s="256">
        <v>0</v>
      </c>
      <c r="G9" s="257">
        <v>13568</v>
      </c>
      <c r="H9" s="257">
        <v>26997</v>
      </c>
      <c r="I9" s="257">
        <v>32285</v>
      </c>
      <c r="J9" s="257">
        <v>36829</v>
      </c>
      <c r="K9" s="257">
        <v>30934</v>
      </c>
      <c r="L9" s="258">
        <v>140613</v>
      </c>
      <c r="M9" s="259">
        <v>140613</v>
      </c>
      <c r="N9" s="253">
        <v>1</v>
      </c>
      <c r="O9" s="257">
        <v>9</v>
      </c>
      <c r="P9" s="254">
        <v>10</v>
      </c>
      <c r="Q9" s="256">
        <v>0</v>
      </c>
      <c r="R9" s="257">
        <v>10</v>
      </c>
      <c r="S9" s="257">
        <v>90</v>
      </c>
      <c r="T9" s="257">
        <v>236</v>
      </c>
      <c r="U9" s="257">
        <v>686</v>
      </c>
      <c r="V9" s="257">
        <v>1161</v>
      </c>
      <c r="W9" s="254">
        <v>2183</v>
      </c>
      <c r="X9" s="259">
        <v>2193</v>
      </c>
      <c r="Y9" s="253">
        <v>636</v>
      </c>
      <c r="Z9" s="257">
        <v>2968</v>
      </c>
      <c r="AA9" s="254">
        <v>3604</v>
      </c>
      <c r="AB9" s="256">
        <v>0</v>
      </c>
      <c r="AC9" s="257">
        <v>5559</v>
      </c>
      <c r="AD9" s="257">
        <v>11510</v>
      </c>
      <c r="AE9" s="257">
        <v>8338</v>
      </c>
      <c r="AF9" s="257">
        <v>6774</v>
      </c>
      <c r="AG9" s="257">
        <v>5404</v>
      </c>
      <c r="AH9" s="254">
        <v>37585</v>
      </c>
      <c r="AI9" s="259">
        <v>41189</v>
      </c>
      <c r="AJ9" s="253">
        <v>44</v>
      </c>
      <c r="AK9" s="257">
        <v>428</v>
      </c>
      <c r="AL9" s="254">
        <v>472</v>
      </c>
      <c r="AM9" s="256">
        <v>0</v>
      </c>
      <c r="AN9" s="257">
        <v>301</v>
      </c>
      <c r="AO9" s="257">
        <v>943</v>
      </c>
      <c r="AP9" s="257">
        <v>572</v>
      </c>
      <c r="AQ9" s="257">
        <v>509</v>
      </c>
      <c r="AR9" s="257">
        <v>245</v>
      </c>
      <c r="AS9" s="254">
        <v>2570</v>
      </c>
      <c r="AT9" s="259">
        <v>3042</v>
      </c>
      <c r="AU9" s="253">
        <v>0</v>
      </c>
      <c r="AV9" s="257">
        <v>0</v>
      </c>
      <c r="AW9" s="254">
        <v>0</v>
      </c>
      <c r="AX9" s="256">
        <v>0</v>
      </c>
      <c r="AY9" s="257">
        <v>13376</v>
      </c>
      <c r="AZ9" s="257">
        <v>16393</v>
      </c>
      <c r="BA9" s="257">
        <v>11657</v>
      </c>
      <c r="BB9" s="257">
        <v>6465</v>
      </c>
      <c r="BC9" s="257">
        <v>2939</v>
      </c>
      <c r="BD9" s="258">
        <v>50830</v>
      </c>
      <c r="BE9" s="259">
        <v>50830</v>
      </c>
      <c r="BF9" s="253">
        <v>0</v>
      </c>
      <c r="BG9" s="257">
        <v>0</v>
      </c>
      <c r="BH9" s="254">
        <v>0</v>
      </c>
      <c r="BI9" s="256">
        <v>0</v>
      </c>
      <c r="BJ9" s="257">
        <v>968</v>
      </c>
      <c r="BK9" s="257">
        <v>2789</v>
      </c>
      <c r="BL9" s="257">
        <v>1739</v>
      </c>
      <c r="BM9" s="257">
        <v>982</v>
      </c>
      <c r="BN9" s="257">
        <v>330</v>
      </c>
      <c r="BO9" s="254">
        <v>6808</v>
      </c>
      <c r="BP9" s="259">
        <v>6808</v>
      </c>
      <c r="BQ9" s="253">
        <v>7</v>
      </c>
      <c r="BR9" s="257">
        <v>90</v>
      </c>
      <c r="BS9" s="254">
        <v>97</v>
      </c>
      <c r="BT9" s="256">
        <v>0</v>
      </c>
      <c r="BU9" s="257">
        <v>1052</v>
      </c>
      <c r="BV9" s="257">
        <v>2633</v>
      </c>
      <c r="BW9" s="257">
        <v>5033</v>
      </c>
      <c r="BX9" s="257">
        <v>4025</v>
      </c>
      <c r="BY9" s="257">
        <v>1636</v>
      </c>
      <c r="BZ9" s="254">
        <v>14379</v>
      </c>
      <c r="CA9" s="259">
        <v>14476</v>
      </c>
      <c r="CB9" s="253">
        <v>0</v>
      </c>
      <c r="CC9" s="257">
        <v>0</v>
      </c>
      <c r="CD9" s="254">
        <v>0</v>
      </c>
      <c r="CE9" s="256">
        <v>0</v>
      </c>
      <c r="CF9" s="257">
        <v>15</v>
      </c>
      <c r="CG9" s="257">
        <v>64</v>
      </c>
      <c r="CH9" s="257">
        <v>101</v>
      </c>
      <c r="CI9" s="257">
        <v>94</v>
      </c>
      <c r="CJ9" s="257">
        <v>41</v>
      </c>
      <c r="CK9" s="254">
        <v>315</v>
      </c>
      <c r="CL9" s="259">
        <v>315</v>
      </c>
      <c r="CM9" s="253">
        <v>0</v>
      </c>
      <c r="CN9" s="257">
        <v>0</v>
      </c>
      <c r="CO9" s="254">
        <v>0</v>
      </c>
      <c r="CP9" s="256">
        <v>0</v>
      </c>
      <c r="CQ9" s="257">
        <v>0</v>
      </c>
      <c r="CR9" s="257">
        <v>0</v>
      </c>
      <c r="CS9" s="257">
        <v>0</v>
      </c>
      <c r="CT9" s="257">
        <v>0</v>
      </c>
      <c r="CU9" s="257">
        <v>0</v>
      </c>
      <c r="CV9" s="254">
        <v>0</v>
      </c>
      <c r="CW9" s="259">
        <v>0</v>
      </c>
      <c r="CX9" s="253">
        <v>0</v>
      </c>
      <c r="CY9" s="257">
        <v>0</v>
      </c>
      <c r="CZ9" s="254">
        <v>0</v>
      </c>
      <c r="DA9" s="256">
        <v>0</v>
      </c>
      <c r="DB9" s="257">
        <v>0</v>
      </c>
      <c r="DC9" s="257">
        <v>0</v>
      </c>
      <c r="DD9" s="257">
        <v>0</v>
      </c>
      <c r="DE9" s="257">
        <v>0</v>
      </c>
      <c r="DF9" s="257">
        <v>0</v>
      </c>
      <c r="DG9" s="254">
        <v>0</v>
      </c>
      <c r="DH9" s="259">
        <v>0</v>
      </c>
    </row>
    <row r="10" spans="2:112" ht="21" customHeight="1" x14ac:dyDescent="0.2">
      <c r="B10" s="437" t="s">
        <v>7</v>
      </c>
      <c r="C10" s="253">
        <v>0</v>
      </c>
      <c r="D10" s="257">
        <v>0</v>
      </c>
      <c r="E10" s="340">
        <v>0</v>
      </c>
      <c r="F10" s="256">
        <v>0</v>
      </c>
      <c r="G10" s="257">
        <v>16652</v>
      </c>
      <c r="H10" s="257">
        <v>18568</v>
      </c>
      <c r="I10" s="257">
        <v>21550</v>
      </c>
      <c r="J10" s="257">
        <v>27979</v>
      </c>
      <c r="K10" s="257">
        <v>21095</v>
      </c>
      <c r="L10" s="258">
        <v>105844</v>
      </c>
      <c r="M10" s="259">
        <v>105844</v>
      </c>
      <c r="N10" s="253">
        <v>0</v>
      </c>
      <c r="O10" s="257">
        <v>0</v>
      </c>
      <c r="P10" s="254">
        <v>0</v>
      </c>
      <c r="Q10" s="256">
        <v>0</v>
      </c>
      <c r="R10" s="257">
        <v>31</v>
      </c>
      <c r="S10" s="257">
        <v>142</v>
      </c>
      <c r="T10" s="257">
        <v>251</v>
      </c>
      <c r="U10" s="257">
        <v>626</v>
      </c>
      <c r="V10" s="257">
        <v>982</v>
      </c>
      <c r="W10" s="254">
        <v>2032</v>
      </c>
      <c r="X10" s="259">
        <v>2032</v>
      </c>
      <c r="Y10" s="253">
        <v>141</v>
      </c>
      <c r="Z10" s="257">
        <v>251</v>
      </c>
      <c r="AA10" s="254">
        <v>392</v>
      </c>
      <c r="AB10" s="256">
        <v>0</v>
      </c>
      <c r="AC10" s="257">
        <v>4353</v>
      </c>
      <c r="AD10" s="257">
        <v>4592</v>
      </c>
      <c r="AE10" s="257">
        <v>2876</v>
      </c>
      <c r="AF10" s="257">
        <v>2973</v>
      </c>
      <c r="AG10" s="257">
        <v>3052</v>
      </c>
      <c r="AH10" s="254">
        <v>17846</v>
      </c>
      <c r="AI10" s="259">
        <v>18238</v>
      </c>
      <c r="AJ10" s="253">
        <v>57</v>
      </c>
      <c r="AK10" s="257">
        <v>91</v>
      </c>
      <c r="AL10" s="254">
        <v>148</v>
      </c>
      <c r="AM10" s="256">
        <v>0</v>
      </c>
      <c r="AN10" s="257">
        <v>787</v>
      </c>
      <c r="AO10" s="257">
        <v>979</v>
      </c>
      <c r="AP10" s="257">
        <v>590</v>
      </c>
      <c r="AQ10" s="257">
        <v>630</v>
      </c>
      <c r="AR10" s="257">
        <v>326</v>
      </c>
      <c r="AS10" s="254">
        <v>3312</v>
      </c>
      <c r="AT10" s="259">
        <v>3460</v>
      </c>
      <c r="AU10" s="253">
        <v>0</v>
      </c>
      <c r="AV10" s="257">
        <v>0</v>
      </c>
      <c r="AW10" s="254">
        <v>0</v>
      </c>
      <c r="AX10" s="256">
        <v>0</v>
      </c>
      <c r="AY10" s="257">
        <v>13348</v>
      </c>
      <c r="AZ10" s="257">
        <v>8964</v>
      </c>
      <c r="BA10" s="257">
        <v>4798</v>
      </c>
      <c r="BB10" s="257">
        <v>2715</v>
      </c>
      <c r="BC10" s="257">
        <v>1396</v>
      </c>
      <c r="BD10" s="258">
        <v>31221</v>
      </c>
      <c r="BE10" s="259">
        <v>31221</v>
      </c>
      <c r="BF10" s="253">
        <v>0</v>
      </c>
      <c r="BG10" s="257">
        <v>0</v>
      </c>
      <c r="BH10" s="254">
        <v>0</v>
      </c>
      <c r="BI10" s="256">
        <v>0</v>
      </c>
      <c r="BJ10" s="257">
        <v>1816</v>
      </c>
      <c r="BK10" s="257">
        <v>1525</v>
      </c>
      <c r="BL10" s="257">
        <v>1032</v>
      </c>
      <c r="BM10" s="257">
        <v>444</v>
      </c>
      <c r="BN10" s="257">
        <v>185</v>
      </c>
      <c r="BO10" s="254">
        <v>5002</v>
      </c>
      <c r="BP10" s="259">
        <v>5002</v>
      </c>
      <c r="BQ10" s="253">
        <v>2</v>
      </c>
      <c r="BR10" s="257">
        <v>32</v>
      </c>
      <c r="BS10" s="254">
        <v>34</v>
      </c>
      <c r="BT10" s="256">
        <v>0</v>
      </c>
      <c r="BU10" s="257">
        <v>1800</v>
      </c>
      <c r="BV10" s="257">
        <v>2504</v>
      </c>
      <c r="BW10" s="257">
        <v>2816</v>
      </c>
      <c r="BX10" s="257">
        <v>2208</v>
      </c>
      <c r="BY10" s="257">
        <v>1200</v>
      </c>
      <c r="BZ10" s="254">
        <v>10528</v>
      </c>
      <c r="CA10" s="259">
        <v>10562</v>
      </c>
      <c r="CB10" s="253">
        <v>0</v>
      </c>
      <c r="CC10" s="257">
        <v>0</v>
      </c>
      <c r="CD10" s="254">
        <v>0</v>
      </c>
      <c r="CE10" s="256">
        <v>0</v>
      </c>
      <c r="CF10" s="257">
        <v>102</v>
      </c>
      <c r="CG10" s="257">
        <v>99</v>
      </c>
      <c r="CH10" s="257">
        <v>182</v>
      </c>
      <c r="CI10" s="257">
        <v>195</v>
      </c>
      <c r="CJ10" s="257">
        <v>44</v>
      </c>
      <c r="CK10" s="254">
        <v>622</v>
      </c>
      <c r="CL10" s="259">
        <v>622</v>
      </c>
      <c r="CM10" s="253">
        <v>0</v>
      </c>
      <c r="CN10" s="257">
        <v>0</v>
      </c>
      <c r="CO10" s="254">
        <v>0</v>
      </c>
      <c r="CP10" s="256">
        <v>0</v>
      </c>
      <c r="CQ10" s="257">
        <v>0</v>
      </c>
      <c r="CR10" s="257">
        <v>0</v>
      </c>
      <c r="CS10" s="257">
        <v>0</v>
      </c>
      <c r="CT10" s="257">
        <v>0</v>
      </c>
      <c r="CU10" s="257">
        <v>0</v>
      </c>
      <c r="CV10" s="254">
        <v>0</v>
      </c>
      <c r="CW10" s="259">
        <v>0</v>
      </c>
      <c r="CX10" s="253">
        <v>0</v>
      </c>
      <c r="CY10" s="257">
        <v>0</v>
      </c>
      <c r="CZ10" s="254">
        <v>0</v>
      </c>
      <c r="DA10" s="256">
        <v>0</v>
      </c>
      <c r="DB10" s="257">
        <v>0</v>
      </c>
      <c r="DC10" s="257">
        <v>0</v>
      </c>
      <c r="DD10" s="257">
        <v>0</v>
      </c>
      <c r="DE10" s="257">
        <v>0</v>
      </c>
      <c r="DF10" s="257">
        <v>0</v>
      </c>
      <c r="DG10" s="254">
        <v>0</v>
      </c>
      <c r="DH10" s="259">
        <v>0</v>
      </c>
    </row>
    <row r="11" spans="2:112" ht="21" customHeight="1" x14ac:dyDescent="0.2">
      <c r="B11" s="437" t="s">
        <v>8</v>
      </c>
      <c r="C11" s="253">
        <v>0</v>
      </c>
      <c r="D11" s="257">
        <v>0</v>
      </c>
      <c r="E11" s="340">
        <v>0</v>
      </c>
      <c r="F11" s="256">
        <v>0</v>
      </c>
      <c r="G11" s="257">
        <v>6129</v>
      </c>
      <c r="H11" s="257">
        <v>11774</v>
      </c>
      <c r="I11" s="257">
        <v>14290</v>
      </c>
      <c r="J11" s="257">
        <v>16656</v>
      </c>
      <c r="K11" s="257">
        <v>16557</v>
      </c>
      <c r="L11" s="258">
        <v>65406</v>
      </c>
      <c r="M11" s="259">
        <v>65406</v>
      </c>
      <c r="N11" s="253">
        <v>0</v>
      </c>
      <c r="O11" s="257">
        <v>0</v>
      </c>
      <c r="P11" s="254">
        <v>0</v>
      </c>
      <c r="Q11" s="256">
        <v>0</v>
      </c>
      <c r="R11" s="257">
        <v>20</v>
      </c>
      <c r="S11" s="257">
        <v>68</v>
      </c>
      <c r="T11" s="257">
        <v>105</v>
      </c>
      <c r="U11" s="257">
        <v>239</v>
      </c>
      <c r="V11" s="257">
        <v>444</v>
      </c>
      <c r="W11" s="254">
        <v>876</v>
      </c>
      <c r="X11" s="259">
        <v>876</v>
      </c>
      <c r="Y11" s="253">
        <v>245</v>
      </c>
      <c r="Z11" s="257">
        <v>363</v>
      </c>
      <c r="AA11" s="254">
        <v>608</v>
      </c>
      <c r="AB11" s="256">
        <v>0</v>
      </c>
      <c r="AC11" s="257">
        <v>1798</v>
      </c>
      <c r="AD11" s="257">
        <v>2640</v>
      </c>
      <c r="AE11" s="257">
        <v>1917</v>
      </c>
      <c r="AF11" s="257">
        <v>1671</v>
      </c>
      <c r="AG11" s="257">
        <v>1607</v>
      </c>
      <c r="AH11" s="254">
        <v>9633</v>
      </c>
      <c r="AI11" s="259">
        <v>10241</v>
      </c>
      <c r="AJ11" s="253">
        <v>116</v>
      </c>
      <c r="AK11" s="257">
        <v>228</v>
      </c>
      <c r="AL11" s="254">
        <v>344</v>
      </c>
      <c r="AM11" s="256">
        <v>0</v>
      </c>
      <c r="AN11" s="257">
        <v>766</v>
      </c>
      <c r="AO11" s="257">
        <v>1111</v>
      </c>
      <c r="AP11" s="257">
        <v>592</v>
      </c>
      <c r="AQ11" s="257">
        <v>619</v>
      </c>
      <c r="AR11" s="257">
        <v>273</v>
      </c>
      <c r="AS11" s="254">
        <v>3361</v>
      </c>
      <c r="AT11" s="259">
        <v>3705</v>
      </c>
      <c r="AU11" s="253">
        <v>0</v>
      </c>
      <c r="AV11" s="257">
        <v>0</v>
      </c>
      <c r="AW11" s="254">
        <v>0</v>
      </c>
      <c r="AX11" s="256">
        <v>0</v>
      </c>
      <c r="AY11" s="257">
        <v>4750</v>
      </c>
      <c r="AZ11" s="257">
        <v>6041</v>
      </c>
      <c r="BA11" s="257">
        <v>3887</v>
      </c>
      <c r="BB11" s="257">
        <v>2335</v>
      </c>
      <c r="BC11" s="257">
        <v>1275</v>
      </c>
      <c r="BD11" s="258">
        <v>18288</v>
      </c>
      <c r="BE11" s="259">
        <v>18288</v>
      </c>
      <c r="BF11" s="253">
        <v>0</v>
      </c>
      <c r="BG11" s="257">
        <v>0</v>
      </c>
      <c r="BH11" s="254">
        <v>0</v>
      </c>
      <c r="BI11" s="256">
        <v>0</v>
      </c>
      <c r="BJ11" s="257">
        <v>1036</v>
      </c>
      <c r="BK11" s="257">
        <v>1133</v>
      </c>
      <c r="BL11" s="257">
        <v>690</v>
      </c>
      <c r="BM11" s="257">
        <v>427</v>
      </c>
      <c r="BN11" s="257">
        <v>161</v>
      </c>
      <c r="BO11" s="254">
        <v>3447</v>
      </c>
      <c r="BP11" s="259">
        <v>3447</v>
      </c>
      <c r="BQ11" s="253">
        <v>13</v>
      </c>
      <c r="BR11" s="257">
        <v>54</v>
      </c>
      <c r="BS11" s="254">
        <v>67</v>
      </c>
      <c r="BT11" s="256">
        <v>0</v>
      </c>
      <c r="BU11" s="257">
        <v>645</v>
      </c>
      <c r="BV11" s="257">
        <v>1180</v>
      </c>
      <c r="BW11" s="257">
        <v>3017</v>
      </c>
      <c r="BX11" s="257">
        <v>1515</v>
      </c>
      <c r="BY11" s="257">
        <v>723</v>
      </c>
      <c r="BZ11" s="254">
        <v>7080</v>
      </c>
      <c r="CA11" s="259">
        <v>7147</v>
      </c>
      <c r="CB11" s="253">
        <v>0</v>
      </c>
      <c r="CC11" s="257">
        <v>0</v>
      </c>
      <c r="CD11" s="254">
        <v>0</v>
      </c>
      <c r="CE11" s="256">
        <v>0</v>
      </c>
      <c r="CF11" s="257">
        <v>14</v>
      </c>
      <c r="CG11" s="257">
        <v>57</v>
      </c>
      <c r="CH11" s="257">
        <v>46</v>
      </c>
      <c r="CI11" s="257">
        <v>31</v>
      </c>
      <c r="CJ11" s="257">
        <v>11</v>
      </c>
      <c r="CK11" s="254">
        <v>159</v>
      </c>
      <c r="CL11" s="259">
        <v>159</v>
      </c>
      <c r="CM11" s="253">
        <v>0</v>
      </c>
      <c r="CN11" s="257">
        <v>0</v>
      </c>
      <c r="CO11" s="254">
        <v>0</v>
      </c>
      <c r="CP11" s="256">
        <v>0</v>
      </c>
      <c r="CQ11" s="257">
        <v>0</v>
      </c>
      <c r="CR11" s="257">
        <v>0</v>
      </c>
      <c r="CS11" s="257">
        <v>0</v>
      </c>
      <c r="CT11" s="257">
        <v>0</v>
      </c>
      <c r="CU11" s="257">
        <v>0</v>
      </c>
      <c r="CV11" s="254">
        <v>0</v>
      </c>
      <c r="CW11" s="259">
        <v>0</v>
      </c>
      <c r="CX11" s="253">
        <v>0</v>
      </c>
      <c r="CY11" s="257">
        <v>0</v>
      </c>
      <c r="CZ11" s="254">
        <v>0</v>
      </c>
      <c r="DA11" s="256">
        <v>0</v>
      </c>
      <c r="DB11" s="257">
        <v>0</v>
      </c>
      <c r="DC11" s="257">
        <v>0</v>
      </c>
      <c r="DD11" s="257">
        <v>0</v>
      </c>
      <c r="DE11" s="257">
        <v>0</v>
      </c>
      <c r="DF11" s="257">
        <v>0</v>
      </c>
      <c r="DG11" s="254">
        <v>0</v>
      </c>
      <c r="DH11" s="259">
        <v>0</v>
      </c>
    </row>
    <row r="12" spans="2:112" ht="21" customHeight="1" x14ac:dyDescent="0.2">
      <c r="B12" s="437" t="s">
        <v>9</v>
      </c>
      <c r="C12" s="253">
        <v>0</v>
      </c>
      <c r="D12" s="257">
        <v>0</v>
      </c>
      <c r="E12" s="340">
        <v>0</v>
      </c>
      <c r="F12" s="256">
        <v>0</v>
      </c>
      <c r="G12" s="257">
        <v>6644</v>
      </c>
      <c r="H12" s="257">
        <v>8130</v>
      </c>
      <c r="I12" s="257">
        <v>11508</v>
      </c>
      <c r="J12" s="257">
        <v>15746</v>
      </c>
      <c r="K12" s="257">
        <v>14358</v>
      </c>
      <c r="L12" s="258">
        <v>56386</v>
      </c>
      <c r="M12" s="259">
        <v>56386</v>
      </c>
      <c r="N12" s="253">
        <v>0</v>
      </c>
      <c r="O12" s="257">
        <v>0</v>
      </c>
      <c r="P12" s="254">
        <v>0</v>
      </c>
      <c r="Q12" s="256">
        <v>0</v>
      </c>
      <c r="R12" s="257">
        <v>8</v>
      </c>
      <c r="S12" s="257">
        <v>22</v>
      </c>
      <c r="T12" s="257">
        <v>69</v>
      </c>
      <c r="U12" s="257">
        <v>245</v>
      </c>
      <c r="V12" s="257">
        <v>506</v>
      </c>
      <c r="W12" s="254">
        <v>850</v>
      </c>
      <c r="X12" s="259">
        <v>850</v>
      </c>
      <c r="Y12" s="253">
        <v>372</v>
      </c>
      <c r="Z12" s="257">
        <v>677</v>
      </c>
      <c r="AA12" s="254">
        <v>1049</v>
      </c>
      <c r="AB12" s="256">
        <v>0</v>
      </c>
      <c r="AC12" s="257">
        <v>3328</v>
      </c>
      <c r="AD12" s="257">
        <v>3084</v>
      </c>
      <c r="AE12" s="257">
        <v>2232</v>
      </c>
      <c r="AF12" s="257">
        <v>2142</v>
      </c>
      <c r="AG12" s="257">
        <v>2301</v>
      </c>
      <c r="AH12" s="254">
        <v>13087</v>
      </c>
      <c r="AI12" s="259">
        <v>14136</v>
      </c>
      <c r="AJ12" s="253">
        <v>68</v>
      </c>
      <c r="AK12" s="257">
        <v>168</v>
      </c>
      <c r="AL12" s="254">
        <v>236</v>
      </c>
      <c r="AM12" s="256">
        <v>0</v>
      </c>
      <c r="AN12" s="257">
        <v>445</v>
      </c>
      <c r="AO12" s="257">
        <v>551</v>
      </c>
      <c r="AP12" s="257">
        <v>450</v>
      </c>
      <c r="AQ12" s="257">
        <v>467</v>
      </c>
      <c r="AR12" s="257">
        <v>288</v>
      </c>
      <c r="AS12" s="254">
        <v>2201</v>
      </c>
      <c r="AT12" s="259">
        <v>2437</v>
      </c>
      <c r="AU12" s="253">
        <v>0</v>
      </c>
      <c r="AV12" s="257">
        <v>0</v>
      </c>
      <c r="AW12" s="254">
        <v>0</v>
      </c>
      <c r="AX12" s="256">
        <v>0</v>
      </c>
      <c r="AY12" s="257">
        <v>4122</v>
      </c>
      <c r="AZ12" s="257">
        <v>3313</v>
      </c>
      <c r="BA12" s="257">
        <v>2396</v>
      </c>
      <c r="BB12" s="257">
        <v>1517</v>
      </c>
      <c r="BC12" s="257">
        <v>435</v>
      </c>
      <c r="BD12" s="258">
        <v>11783</v>
      </c>
      <c r="BE12" s="259">
        <v>11783</v>
      </c>
      <c r="BF12" s="253">
        <v>0</v>
      </c>
      <c r="BG12" s="257">
        <v>0</v>
      </c>
      <c r="BH12" s="254">
        <v>0</v>
      </c>
      <c r="BI12" s="256">
        <v>0</v>
      </c>
      <c r="BJ12" s="257">
        <v>839</v>
      </c>
      <c r="BK12" s="257">
        <v>931</v>
      </c>
      <c r="BL12" s="257">
        <v>574</v>
      </c>
      <c r="BM12" s="257">
        <v>483</v>
      </c>
      <c r="BN12" s="257">
        <v>132</v>
      </c>
      <c r="BO12" s="254">
        <v>2959</v>
      </c>
      <c r="BP12" s="259">
        <v>2959</v>
      </c>
      <c r="BQ12" s="253">
        <v>3</v>
      </c>
      <c r="BR12" s="257">
        <v>12</v>
      </c>
      <c r="BS12" s="254">
        <v>15</v>
      </c>
      <c r="BT12" s="256">
        <v>0</v>
      </c>
      <c r="BU12" s="257">
        <v>607</v>
      </c>
      <c r="BV12" s="257">
        <v>840</v>
      </c>
      <c r="BW12" s="257">
        <v>1568</v>
      </c>
      <c r="BX12" s="257">
        <v>1193</v>
      </c>
      <c r="BY12" s="257">
        <v>690</v>
      </c>
      <c r="BZ12" s="254">
        <v>4898</v>
      </c>
      <c r="CA12" s="259">
        <v>4913</v>
      </c>
      <c r="CB12" s="253">
        <v>0</v>
      </c>
      <c r="CC12" s="257">
        <v>12</v>
      </c>
      <c r="CD12" s="254">
        <v>12</v>
      </c>
      <c r="CE12" s="256">
        <v>0</v>
      </c>
      <c r="CF12" s="257">
        <v>50</v>
      </c>
      <c r="CG12" s="257">
        <v>76</v>
      </c>
      <c r="CH12" s="257">
        <v>295</v>
      </c>
      <c r="CI12" s="257">
        <v>162</v>
      </c>
      <c r="CJ12" s="257">
        <v>87</v>
      </c>
      <c r="CK12" s="254">
        <v>670</v>
      </c>
      <c r="CL12" s="259">
        <v>682</v>
      </c>
      <c r="CM12" s="253">
        <v>0</v>
      </c>
      <c r="CN12" s="257">
        <v>0</v>
      </c>
      <c r="CO12" s="254">
        <v>0</v>
      </c>
      <c r="CP12" s="256">
        <v>0</v>
      </c>
      <c r="CQ12" s="257">
        <v>0</v>
      </c>
      <c r="CR12" s="257">
        <v>0</v>
      </c>
      <c r="CS12" s="257">
        <v>0</v>
      </c>
      <c r="CT12" s="257">
        <v>0</v>
      </c>
      <c r="CU12" s="257">
        <v>0</v>
      </c>
      <c r="CV12" s="254">
        <v>0</v>
      </c>
      <c r="CW12" s="259">
        <v>0</v>
      </c>
      <c r="CX12" s="253">
        <v>0</v>
      </c>
      <c r="CY12" s="257">
        <v>0</v>
      </c>
      <c r="CZ12" s="254">
        <v>0</v>
      </c>
      <c r="DA12" s="256">
        <v>0</v>
      </c>
      <c r="DB12" s="257">
        <v>0</v>
      </c>
      <c r="DC12" s="257">
        <v>0</v>
      </c>
      <c r="DD12" s="257">
        <v>0</v>
      </c>
      <c r="DE12" s="257">
        <v>0</v>
      </c>
      <c r="DF12" s="257">
        <v>0</v>
      </c>
      <c r="DG12" s="254">
        <v>0</v>
      </c>
      <c r="DH12" s="259">
        <v>0</v>
      </c>
    </row>
    <row r="13" spans="2:112" ht="21" customHeight="1" x14ac:dyDescent="0.2">
      <c r="B13" s="437" t="s">
        <v>10</v>
      </c>
      <c r="C13" s="253">
        <v>0</v>
      </c>
      <c r="D13" s="257">
        <v>0</v>
      </c>
      <c r="E13" s="340">
        <v>0</v>
      </c>
      <c r="F13" s="256">
        <v>0</v>
      </c>
      <c r="G13" s="257">
        <v>16440</v>
      </c>
      <c r="H13" s="257">
        <v>17256</v>
      </c>
      <c r="I13" s="257">
        <v>23069</v>
      </c>
      <c r="J13" s="257">
        <v>28753</v>
      </c>
      <c r="K13" s="257">
        <v>23239</v>
      </c>
      <c r="L13" s="258">
        <v>108757</v>
      </c>
      <c r="M13" s="259">
        <v>108757</v>
      </c>
      <c r="N13" s="253">
        <v>0</v>
      </c>
      <c r="O13" s="257">
        <v>4</v>
      </c>
      <c r="P13" s="254">
        <v>4</v>
      </c>
      <c r="Q13" s="256">
        <v>0</v>
      </c>
      <c r="R13" s="257">
        <v>26</v>
      </c>
      <c r="S13" s="257">
        <v>119</v>
      </c>
      <c r="T13" s="257">
        <v>153</v>
      </c>
      <c r="U13" s="257">
        <v>381</v>
      </c>
      <c r="V13" s="257">
        <v>876</v>
      </c>
      <c r="W13" s="254">
        <v>1555</v>
      </c>
      <c r="X13" s="259">
        <v>1559</v>
      </c>
      <c r="Y13" s="253">
        <v>1025</v>
      </c>
      <c r="Z13" s="257">
        <v>1985</v>
      </c>
      <c r="AA13" s="254">
        <v>3010</v>
      </c>
      <c r="AB13" s="256">
        <v>0</v>
      </c>
      <c r="AC13" s="257">
        <v>7846</v>
      </c>
      <c r="AD13" s="257">
        <v>5746</v>
      </c>
      <c r="AE13" s="257">
        <v>3221</v>
      </c>
      <c r="AF13" s="257">
        <v>3530</v>
      </c>
      <c r="AG13" s="257">
        <v>3298</v>
      </c>
      <c r="AH13" s="254">
        <v>23641</v>
      </c>
      <c r="AI13" s="259">
        <v>26651</v>
      </c>
      <c r="AJ13" s="253">
        <v>201</v>
      </c>
      <c r="AK13" s="257">
        <v>484</v>
      </c>
      <c r="AL13" s="254">
        <v>685</v>
      </c>
      <c r="AM13" s="256">
        <v>0</v>
      </c>
      <c r="AN13" s="257">
        <v>960</v>
      </c>
      <c r="AO13" s="257">
        <v>1095</v>
      </c>
      <c r="AP13" s="257">
        <v>691</v>
      </c>
      <c r="AQ13" s="257">
        <v>433</v>
      </c>
      <c r="AR13" s="257">
        <v>629</v>
      </c>
      <c r="AS13" s="254">
        <v>3808</v>
      </c>
      <c r="AT13" s="259">
        <v>4493</v>
      </c>
      <c r="AU13" s="253">
        <v>0</v>
      </c>
      <c r="AV13" s="257">
        <v>0</v>
      </c>
      <c r="AW13" s="254">
        <v>0</v>
      </c>
      <c r="AX13" s="256">
        <v>0</v>
      </c>
      <c r="AY13" s="257">
        <v>13049</v>
      </c>
      <c r="AZ13" s="257">
        <v>8198</v>
      </c>
      <c r="BA13" s="257">
        <v>5256</v>
      </c>
      <c r="BB13" s="257">
        <v>3237</v>
      </c>
      <c r="BC13" s="257">
        <v>1173</v>
      </c>
      <c r="BD13" s="258">
        <v>30913</v>
      </c>
      <c r="BE13" s="259">
        <v>30913</v>
      </c>
      <c r="BF13" s="253">
        <v>0</v>
      </c>
      <c r="BG13" s="257">
        <v>0</v>
      </c>
      <c r="BH13" s="254">
        <v>0</v>
      </c>
      <c r="BI13" s="256">
        <v>0</v>
      </c>
      <c r="BJ13" s="257">
        <v>1813</v>
      </c>
      <c r="BK13" s="257">
        <v>1370</v>
      </c>
      <c r="BL13" s="257">
        <v>691</v>
      </c>
      <c r="BM13" s="257">
        <v>436</v>
      </c>
      <c r="BN13" s="257">
        <v>192</v>
      </c>
      <c r="BO13" s="254">
        <v>4502</v>
      </c>
      <c r="BP13" s="259">
        <v>4502</v>
      </c>
      <c r="BQ13" s="253">
        <v>36</v>
      </c>
      <c r="BR13" s="257">
        <v>117</v>
      </c>
      <c r="BS13" s="254">
        <v>153</v>
      </c>
      <c r="BT13" s="256">
        <v>0</v>
      </c>
      <c r="BU13" s="257">
        <v>1090</v>
      </c>
      <c r="BV13" s="257">
        <v>1625</v>
      </c>
      <c r="BW13" s="257">
        <v>2207</v>
      </c>
      <c r="BX13" s="257">
        <v>1820</v>
      </c>
      <c r="BY13" s="257">
        <v>877</v>
      </c>
      <c r="BZ13" s="254">
        <v>7619</v>
      </c>
      <c r="CA13" s="259">
        <v>7772</v>
      </c>
      <c r="CB13" s="253">
        <v>0</v>
      </c>
      <c r="CC13" s="257">
        <v>10</v>
      </c>
      <c r="CD13" s="254">
        <v>10</v>
      </c>
      <c r="CE13" s="256">
        <v>0</v>
      </c>
      <c r="CF13" s="257">
        <v>65</v>
      </c>
      <c r="CG13" s="257">
        <v>94</v>
      </c>
      <c r="CH13" s="257">
        <v>87</v>
      </c>
      <c r="CI13" s="257">
        <v>107</v>
      </c>
      <c r="CJ13" s="257">
        <v>49</v>
      </c>
      <c r="CK13" s="254">
        <v>402</v>
      </c>
      <c r="CL13" s="259">
        <v>412</v>
      </c>
      <c r="CM13" s="253">
        <v>0</v>
      </c>
      <c r="CN13" s="257">
        <v>0</v>
      </c>
      <c r="CO13" s="254">
        <v>0</v>
      </c>
      <c r="CP13" s="256">
        <v>0</v>
      </c>
      <c r="CQ13" s="257">
        <v>0</v>
      </c>
      <c r="CR13" s="257">
        <v>0</v>
      </c>
      <c r="CS13" s="257">
        <v>0</v>
      </c>
      <c r="CT13" s="257">
        <v>0</v>
      </c>
      <c r="CU13" s="257">
        <v>0</v>
      </c>
      <c r="CV13" s="254">
        <v>0</v>
      </c>
      <c r="CW13" s="259">
        <v>0</v>
      </c>
      <c r="CX13" s="253">
        <v>0</v>
      </c>
      <c r="CY13" s="257">
        <v>0</v>
      </c>
      <c r="CZ13" s="254">
        <v>0</v>
      </c>
      <c r="DA13" s="256">
        <v>0</v>
      </c>
      <c r="DB13" s="257">
        <v>0</v>
      </c>
      <c r="DC13" s="257">
        <v>0</v>
      </c>
      <c r="DD13" s="257">
        <v>0</v>
      </c>
      <c r="DE13" s="257">
        <v>0</v>
      </c>
      <c r="DF13" s="257">
        <v>0</v>
      </c>
      <c r="DG13" s="254">
        <v>0</v>
      </c>
      <c r="DH13" s="259">
        <v>0</v>
      </c>
    </row>
    <row r="14" spans="2:112" ht="21" customHeight="1" x14ac:dyDescent="0.2">
      <c r="B14" s="437" t="s">
        <v>11</v>
      </c>
      <c r="C14" s="253">
        <v>0</v>
      </c>
      <c r="D14" s="257">
        <v>0</v>
      </c>
      <c r="E14" s="340">
        <v>0</v>
      </c>
      <c r="F14" s="256">
        <v>0</v>
      </c>
      <c r="G14" s="257">
        <v>5209</v>
      </c>
      <c r="H14" s="257">
        <v>6344</v>
      </c>
      <c r="I14" s="257">
        <v>8686</v>
      </c>
      <c r="J14" s="257">
        <v>10903</v>
      </c>
      <c r="K14" s="257">
        <v>9807</v>
      </c>
      <c r="L14" s="258">
        <v>40949</v>
      </c>
      <c r="M14" s="259">
        <v>40949</v>
      </c>
      <c r="N14" s="253">
        <v>0</v>
      </c>
      <c r="O14" s="257">
        <v>0</v>
      </c>
      <c r="P14" s="254">
        <v>0</v>
      </c>
      <c r="Q14" s="256">
        <v>0</v>
      </c>
      <c r="R14" s="257">
        <v>14</v>
      </c>
      <c r="S14" s="257">
        <v>29</v>
      </c>
      <c r="T14" s="257">
        <v>107</v>
      </c>
      <c r="U14" s="257">
        <v>314</v>
      </c>
      <c r="V14" s="257">
        <v>338</v>
      </c>
      <c r="W14" s="254">
        <v>802</v>
      </c>
      <c r="X14" s="259">
        <v>802</v>
      </c>
      <c r="Y14" s="253">
        <v>241</v>
      </c>
      <c r="Z14" s="257">
        <v>386</v>
      </c>
      <c r="AA14" s="254">
        <v>627</v>
      </c>
      <c r="AB14" s="256">
        <v>0</v>
      </c>
      <c r="AC14" s="257">
        <v>2730</v>
      </c>
      <c r="AD14" s="257">
        <v>1975</v>
      </c>
      <c r="AE14" s="257">
        <v>1805</v>
      </c>
      <c r="AF14" s="257">
        <v>2229</v>
      </c>
      <c r="AG14" s="257">
        <v>1359</v>
      </c>
      <c r="AH14" s="254">
        <v>10098</v>
      </c>
      <c r="AI14" s="259">
        <v>10725</v>
      </c>
      <c r="AJ14" s="253">
        <v>46</v>
      </c>
      <c r="AK14" s="257">
        <v>68</v>
      </c>
      <c r="AL14" s="254">
        <v>114</v>
      </c>
      <c r="AM14" s="256">
        <v>0</v>
      </c>
      <c r="AN14" s="257">
        <v>285</v>
      </c>
      <c r="AO14" s="257">
        <v>297</v>
      </c>
      <c r="AP14" s="257">
        <v>303</v>
      </c>
      <c r="AQ14" s="257">
        <v>355</v>
      </c>
      <c r="AR14" s="257">
        <v>76</v>
      </c>
      <c r="AS14" s="254">
        <v>1316</v>
      </c>
      <c r="AT14" s="259">
        <v>1430</v>
      </c>
      <c r="AU14" s="253">
        <v>0</v>
      </c>
      <c r="AV14" s="257">
        <v>0</v>
      </c>
      <c r="AW14" s="254">
        <v>0</v>
      </c>
      <c r="AX14" s="256">
        <v>0</v>
      </c>
      <c r="AY14" s="257">
        <v>5692</v>
      </c>
      <c r="AZ14" s="257">
        <v>3675</v>
      </c>
      <c r="BA14" s="257">
        <v>2907</v>
      </c>
      <c r="BB14" s="257">
        <v>2190</v>
      </c>
      <c r="BC14" s="257">
        <v>819</v>
      </c>
      <c r="BD14" s="258">
        <v>15283</v>
      </c>
      <c r="BE14" s="259">
        <v>15283</v>
      </c>
      <c r="BF14" s="253">
        <v>0</v>
      </c>
      <c r="BG14" s="257">
        <v>0</v>
      </c>
      <c r="BH14" s="254">
        <v>0</v>
      </c>
      <c r="BI14" s="256">
        <v>0</v>
      </c>
      <c r="BJ14" s="257">
        <v>1229</v>
      </c>
      <c r="BK14" s="257">
        <v>878</v>
      </c>
      <c r="BL14" s="257">
        <v>577</v>
      </c>
      <c r="BM14" s="257">
        <v>456</v>
      </c>
      <c r="BN14" s="257">
        <v>159</v>
      </c>
      <c r="BO14" s="254">
        <v>3299</v>
      </c>
      <c r="BP14" s="259">
        <v>3299</v>
      </c>
      <c r="BQ14" s="253">
        <v>32</v>
      </c>
      <c r="BR14" s="257">
        <v>23</v>
      </c>
      <c r="BS14" s="254">
        <v>55</v>
      </c>
      <c r="BT14" s="256">
        <v>0</v>
      </c>
      <c r="BU14" s="257">
        <v>521</v>
      </c>
      <c r="BV14" s="257">
        <v>497</v>
      </c>
      <c r="BW14" s="257">
        <v>1304</v>
      </c>
      <c r="BX14" s="257">
        <v>1009</v>
      </c>
      <c r="BY14" s="257">
        <v>568</v>
      </c>
      <c r="BZ14" s="254">
        <v>3899</v>
      </c>
      <c r="CA14" s="259">
        <v>3954</v>
      </c>
      <c r="CB14" s="253">
        <v>0</v>
      </c>
      <c r="CC14" s="257">
        <v>8</v>
      </c>
      <c r="CD14" s="254">
        <v>8</v>
      </c>
      <c r="CE14" s="256">
        <v>0</v>
      </c>
      <c r="CF14" s="257">
        <v>40</v>
      </c>
      <c r="CG14" s="257">
        <v>14</v>
      </c>
      <c r="CH14" s="257">
        <v>34</v>
      </c>
      <c r="CI14" s="257">
        <v>48</v>
      </c>
      <c r="CJ14" s="257">
        <v>69</v>
      </c>
      <c r="CK14" s="254">
        <v>205</v>
      </c>
      <c r="CL14" s="259">
        <v>213</v>
      </c>
      <c r="CM14" s="253">
        <v>0</v>
      </c>
      <c r="CN14" s="257">
        <v>0</v>
      </c>
      <c r="CO14" s="254">
        <v>0</v>
      </c>
      <c r="CP14" s="256">
        <v>0</v>
      </c>
      <c r="CQ14" s="257">
        <v>0</v>
      </c>
      <c r="CR14" s="257">
        <v>0</v>
      </c>
      <c r="CS14" s="257">
        <v>0</v>
      </c>
      <c r="CT14" s="257">
        <v>0</v>
      </c>
      <c r="CU14" s="257">
        <v>0</v>
      </c>
      <c r="CV14" s="254">
        <v>0</v>
      </c>
      <c r="CW14" s="259">
        <v>0</v>
      </c>
      <c r="CX14" s="253">
        <v>0</v>
      </c>
      <c r="CY14" s="257">
        <v>0</v>
      </c>
      <c r="CZ14" s="254">
        <v>0</v>
      </c>
      <c r="DA14" s="256">
        <v>0</v>
      </c>
      <c r="DB14" s="257">
        <v>0</v>
      </c>
      <c r="DC14" s="257">
        <v>0</v>
      </c>
      <c r="DD14" s="257">
        <v>0</v>
      </c>
      <c r="DE14" s="257">
        <v>0</v>
      </c>
      <c r="DF14" s="257">
        <v>0</v>
      </c>
      <c r="DG14" s="254">
        <v>0</v>
      </c>
      <c r="DH14" s="259">
        <v>0</v>
      </c>
    </row>
    <row r="15" spans="2:112" ht="21" customHeight="1" x14ac:dyDescent="0.2">
      <c r="B15" s="437" t="s">
        <v>12</v>
      </c>
      <c r="C15" s="253">
        <v>0</v>
      </c>
      <c r="D15" s="257">
        <v>0</v>
      </c>
      <c r="E15" s="340">
        <v>0</v>
      </c>
      <c r="F15" s="256">
        <v>0</v>
      </c>
      <c r="G15" s="257">
        <v>6034</v>
      </c>
      <c r="H15" s="257">
        <v>8638</v>
      </c>
      <c r="I15" s="257">
        <v>9650</v>
      </c>
      <c r="J15" s="257">
        <v>13744</v>
      </c>
      <c r="K15" s="257">
        <v>13422</v>
      </c>
      <c r="L15" s="258">
        <v>51488</v>
      </c>
      <c r="M15" s="259">
        <v>51488</v>
      </c>
      <c r="N15" s="253">
        <v>0</v>
      </c>
      <c r="O15" s="257">
        <v>17</v>
      </c>
      <c r="P15" s="254">
        <v>17</v>
      </c>
      <c r="Q15" s="256">
        <v>0</v>
      </c>
      <c r="R15" s="257">
        <v>14</v>
      </c>
      <c r="S15" s="257">
        <v>71</v>
      </c>
      <c r="T15" s="257">
        <v>103</v>
      </c>
      <c r="U15" s="257">
        <v>283</v>
      </c>
      <c r="V15" s="257">
        <v>407</v>
      </c>
      <c r="W15" s="254">
        <v>878</v>
      </c>
      <c r="X15" s="259">
        <v>895</v>
      </c>
      <c r="Y15" s="253">
        <v>668</v>
      </c>
      <c r="Z15" s="257">
        <v>1925</v>
      </c>
      <c r="AA15" s="254">
        <v>2593</v>
      </c>
      <c r="AB15" s="256">
        <v>0</v>
      </c>
      <c r="AC15" s="257">
        <v>1948</v>
      </c>
      <c r="AD15" s="257">
        <v>3361</v>
      </c>
      <c r="AE15" s="257">
        <v>1775</v>
      </c>
      <c r="AF15" s="257">
        <v>1889</v>
      </c>
      <c r="AG15" s="257">
        <v>1777</v>
      </c>
      <c r="AH15" s="254">
        <v>10750</v>
      </c>
      <c r="AI15" s="259">
        <v>13343</v>
      </c>
      <c r="AJ15" s="253">
        <v>56</v>
      </c>
      <c r="AK15" s="257">
        <v>261</v>
      </c>
      <c r="AL15" s="254">
        <v>317</v>
      </c>
      <c r="AM15" s="256">
        <v>0</v>
      </c>
      <c r="AN15" s="257">
        <v>129</v>
      </c>
      <c r="AO15" s="257">
        <v>460</v>
      </c>
      <c r="AP15" s="257">
        <v>290</v>
      </c>
      <c r="AQ15" s="257">
        <v>257</v>
      </c>
      <c r="AR15" s="257">
        <v>150</v>
      </c>
      <c r="AS15" s="254">
        <v>1286</v>
      </c>
      <c r="AT15" s="259">
        <v>1603</v>
      </c>
      <c r="AU15" s="253">
        <v>0</v>
      </c>
      <c r="AV15" s="257">
        <v>0</v>
      </c>
      <c r="AW15" s="254">
        <v>0</v>
      </c>
      <c r="AX15" s="256">
        <v>0</v>
      </c>
      <c r="AY15" s="257">
        <v>5469</v>
      </c>
      <c r="AZ15" s="257">
        <v>4325</v>
      </c>
      <c r="BA15" s="257">
        <v>3261</v>
      </c>
      <c r="BB15" s="257">
        <v>2139</v>
      </c>
      <c r="BC15" s="257">
        <v>1094</v>
      </c>
      <c r="BD15" s="258">
        <v>16288</v>
      </c>
      <c r="BE15" s="259">
        <v>16288</v>
      </c>
      <c r="BF15" s="253">
        <v>0</v>
      </c>
      <c r="BG15" s="257">
        <v>0</v>
      </c>
      <c r="BH15" s="254">
        <v>0</v>
      </c>
      <c r="BI15" s="256">
        <v>0</v>
      </c>
      <c r="BJ15" s="257">
        <v>835</v>
      </c>
      <c r="BK15" s="257">
        <v>1200</v>
      </c>
      <c r="BL15" s="257">
        <v>932</v>
      </c>
      <c r="BM15" s="257">
        <v>499</v>
      </c>
      <c r="BN15" s="257">
        <v>142</v>
      </c>
      <c r="BO15" s="254">
        <v>3608</v>
      </c>
      <c r="BP15" s="259">
        <v>3608</v>
      </c>
      <c r="BQ15" s="253">
        <v>25</v>
      </c>
      <c r="BR15" s="257">
        <v>69</v>
      </c>
      <c r="BS15" s="254">
        <v>94</v>
      </c>
      <c r="BT15" s="256">
        <v>0</v>
      </c>
      <c r="BU15" s="257">
        <v>689</v>
      </c>
      <c r="BV15" s="257">
        <v>872</v>
      </c>
      <c r="BW15" s="257">
        <v>1302</v>
      </c>
      <c r="BX15" s="257">
        <v>1213</v>
      </c>
      <c r="BY15" s="257">
        <v>638</v>
      </c>
      <c r="BZ15" s="254">
        <v>4714</v>
      </c>
      <c r="CA15" s="259">
        <v>4808</v>
      </c>
      <c r="CB15" s="253">
        <v>0</v>
      </c>
      <c r="CC15" s="257">
        <v>0</v>
      </c>
      <c r="CD15" s="254">
        <v>0</v>
      </c>
      <c r="CE15" s="256">
        <v>0</v>
      </c>
      <c r="CF15" s="257">
        <v>42</v>
      </c>
      <c r="CG15" s="257">
        <v>26</v>
      </c>
      <c r="CH15" s="257">
        <v>22</v>
      </c>
      <c r="CI15" s="257">
        <v>16</v>
      </c>
      <c r="CJ15" s="257">
        <v>29</v>
      </c>
      <c r="CK15" s="254">
        <v>135</v>
      </c>
      <c r="CL15" s="259">
        <v>135</v>
      </c>
      <c r="CM15" s="253">
        <v>0</v>
      </c>
      <c r="CN15" s="257">
        <v>0</v>
      </c>
      <c r="CO15" s="254">
        <v>0</v>
      </c>
      <c r="CP15" s="256">
        <v>0</v>
      </c>
      <c r="CQ15" s="257">
        <v>0</v>
      </c>
      <c r="CR15" s="257">
        <v>0</v>
      </c>
      <c r="CS15" s="257">
        <v>0</v>
      </c>
      <c r="CT15" s="257">
        <v>0</v>
      </c>
      <c r="CU15" s="257">
        <v>0</v>
      </c>
      <c r="CV15" s="254">
        <v>0</v>
      </c>
      <c r="CW15" s="259">
        <v>0</v>
      </c>
      <c r="CX15" s="253">
        <v>0</v>
      </c>
      <c r="CY15" s="257">
        <v>0</v>
      </c>
      <c r="CZ15" s="254">
        <v>0</v>
      </c>
      <c r="DA15" s="256">
        <v>0</v>
      </c>
      <c r="DB15" s="257">
        <v>0</v>
      </c>
      <c r="DC15" s="257">
        <v>0</v>
      </c>
      <c r="DD15" s="257">
        <v>0</v>
      </c>
      <c r="DE15" s="257">
        <v>0</v>
      </c>
      <c r="DF15" s="257">
        <v>0</v>
      </c>
      <c r="DG15" s="254">
        <v>0</v>
      </c>
      <c r="DH15" s="259">
        <v>0</v>
      </c>
    </row>
    <row r="16" spans="2:112" ht="21" customHeight="1" x14ac:dyDescent="0.2">
      <c r="B16" s="437" t="s">
        <v>13</v>
      </c>
      <c r="C16" s="253">
        <v>0</v>
      </c>
      <c r="D16" s="257">
        <v>0</v>
      </c>
      <c r="E16" s="340">
        <v>0</v>
      </c>
      <c r="F16" s="256">
        <v>0</v>
      </c>
      <c r="G16" s="257">
        <v>2009</v>
      </c>
      <c r="H16" s="257">
        <v>3825</v>
      </c>
      <c r="I16" s="257">
        <v>3597</v>
      </c>
      <c r="J16" s="257">
        <v>4163</v>
      </c>
      <c r="K16" s="257">
        <v>6526</v>
      </c>
      <c r="L16" s="258">
        <v>20120</v>
      </c>
      <c r="M16" s="259">
        <v>20120</v>
      </c>
      <c r="N16" s="253">
        <v>0</v>
      </c>
      <c r="O16" s="257">
        <v>0</v>
      </c>
      <c r="P16" s="254">
        <v>0</v>
      </c>
      <c r="Q16" s="256">
        <v>0</v>
      </c>
      <c r="R16" s="257">
        <v>1</v>
      </c>
      <c r="S16" s="257">
        <v>2</v>
      </c>
      <c r="T16" s="257">
        <v>19</v>
      </c>
      <c r="U16" s="257">
        <v>54</v>
      </c>
      <c r="V16" s="257">
        <v>193</v>
      </c>
      <c r="W16" s="254">
        <v>269</v>
      </c>
      <c r="X16" s="259">
        <v>269</v>
      </c>
      <c r="Y16" s="253">
        <v>42</v>
      </c>
      <c r="Z16" s="257">
        <v>181</v>
      </c>
      <c r="AA16" s="254">
        <v>223</v>
      </c>
      <c r="AB16" s="256">
        <v>0</v>
      </c>
      <c r="AC16" s="257">
        <v>911</v>
      </c>
      <c r="AD16" s="257">
        <v>1506</v>
      </c>
      <c r="AE16" s="257">
        <v>825</v>
      </c>
      <c r="AF16" s="257">
        <v>636</v>
      </c>
      <c r="AG16" s="257">
        <v>693</v>
      </c>
      <c r="AH16" s="254">
        <v>4571</v>
      </c>
      <c r="AI16" s="259">
        <v>4794</v>
      </c>
      <c r="AJ16" s="253">
        <v>8</v>
      </c>
      <c r="AK16" s="257">
        <v>62</v>
      </c>
      <c r="AL16" s="254">
        <v>70</v>
      </c>
      <c r="AM16" s="256">
        <v>0</v>
      </c>
      <c r="AN16" s="257">
        <v>175</v>
      </c>
      <c r="AO16" s="257">
        <v>181</v>
      </c>
      <c r="AP16" s="257">
        <v>88</v>
      </c>
      <c r="AQ16" s="257">
        <v>92</v>
      </c>
      <c r="AR16" s="257">
        <v>109</v>
      </c>
      <c r="AS16" s="254">
        <v>645</v>
      </c>
      <c r="AT16" s="259">
        <v>715</v>
      </c>
      <c r="AU16" s="253">
        <v>0</v>
      </c>
      <c r="AV16" s="257">
        <v>0</v>
      </c>
      <c r="AW16" s="254">
        <v>0</v>
      </c>
      <c r="AX16" s="256">
        <v>0</v>
      </c>
      <c r="AY16" s="257">
        <v>1274</v>
      </c>
      <c r="AZ16" s="257">
        <v>1632</v>
      </c>
      <c r="BA16" s="257">
        <v>944</v>
      </c>
      <c r="BB16" s="257">
        <v>610</v>
      </c>
      <c r="BC16" s="257">
        <v>315</v>
      </c>
      <c r="BD16" s="258">
        <v>4775</v>
      </c>
      <c r="BE16" s="259">
        <v>4775</v>
      </c>
      <c r="BF16" s="253">
        <v>0</v>
      </c>
      <c r="BG16" s="257">
        <v>0</v>
      </c>
      <c r="BH16" s="254">
        <v>0</v>
      </c>
      <c r="BI16" s="256">
        <v>0</v>
      </c>
      <c r="BJ16" s="257">
        <v>203</v>
      </c>
      <c r="BK16" s="257">
        <v>252</v>
      </c>
      <c r="BL16" s="257">
        <v>166</v>
      </c>
      <c r="BM16" s="257">
        <v>197</v>
      </c>
      <c r="BN16" s="257">
        <v>102</v>
      </c>
      <c r="BO16" s="254">
        <v>920</v>
      </c>
      <c r="BP16" s="259">
        <v>920</v>
      </c>
      <c r="BQ16" s="253">
        <v>0</v>
      </c>
      <c r="BR16" s="257">
        <v>4</v>
      </c>
      <c r="BS16" s="254">
        <v>4</v>
      </c>
      <c r="BT16" s="256">
        <v>0</v>
      </c>
      <c r="BU16" s="257">
        <v>103</v>
      </c>
      <c r="BV16" s="257">
        <v>220</v>
      </c>
      <c r="BW16" s="257">
        <v>622</v>
      </c>
      <c r="BX16" s="257">
        <v>648</v>
      </c>
      <c r="BY16" s="257">
        <v>377</v>
      </c>
      <c r="BZ16" s="254">
        <v>1970</v>
      </c>
      <c r="CA16" s="259">
        <v>1974</v>
      </c>
      <c r="CB16" s="253">
        <v>0</v>
      </c>
      <c r="CC16" s="257">
        <v>0</v>
      </c>
      <c r="CD16" s="254">
        <v>0</v>
      </c>
      <c r="CE16" s="256">
        <v>0</v>
      </c>
      <c r="CF16" s="257">
        <v>18</v>
      </c>
      <c r="CG16" s="257">
        <v>49</v>
      </c>
      <c r="CH16" s="257">
        <v>23</v>
      </c>
      <c r="CI16" s="257">
        <v>29</v>
      </c>
      <c r="CJ16" s="257">
        <v>24</v>
      </c>
      <c r="CK16" s="254">
        <v>143</v>
      </c>
      <c r="CL16" s="259">
        <v>143</v>
      </c>
      <c r="CM16" s="253">
        <v>0</v>
      </c>
      <c r="CN16" s="257">
        <v>0</v>
      </c>
      <c r="CO16" s="254">
        <v>0</v>
      </c>
      <c r="CP16" s="256">
        <v>0</v>
      </c>
      <c r="CQ16" s="257">
        <v>0</v>
      </c>
      <c r="CR16" s="257">
        <v>0</v>
      </c>
      <c r="CS16" s="257">
        <v>0</v>
      </c>
      <c r="CT16" s="257">
        <v>0</v>
      </c>
      <c r="CU16" s="257">
        <v>0</v>
      </c>
      <c r="CV16" s="254">
        <v>0</v>
      </c>
      <c r="CW16" s="259">
        <v>0</v>
      </c>
      <c r="CX16" s="253">
        <v>0</v>
      </c>
      <c r="CY16" s="257">
        <v>0</v>
      </c>
      <c r="CZ16" s="254">
        <v>0</v>
      </c>
      <c r="DA16" s="256">
        <v>0</v>
      </c>
      <c r="DB16" s="257">
        <v>0</v>
      </c>
      <c r="DC16" s="257">
        <v>0</v>
      </c>
      <c r="DD16" s="257">
        <v>0</v>
      </c>
      <c r="DE16" s="257">
        <v>0</v>
      </c>
      <c r="DF16" s="257">
        <v>0</v>
      </c>
      <c r="DG16" s="254">
        <v>0</v>
      </c>
      <c r="DH16" s="259">
        <v>0</v>
      </c>
    </row>
    <row r="17" spans="2:112" ht="21" customHeight="1" x14ac:dyDescent="0.2">
      <c r="B17" s="437" t="s">
        <v>15</v>
      </c>
      <c r="C17" s="253">
        <v>0</v>
      </c>
      <c r="D17" s="257">
        <v>0</v>
      </c>
      <c r="E17" s="340">
        <v>0</v>
      </c>
      <c r="F17" s="256">
        <v>0</v>
      </c>
      <c r="G17" s="257">
        <v>1096</v>
      </c>
      <c r="H17" s="257">
        <v>2490</v>
      </c>
      <c r="I17" s="257">
        <v>1772</v>
      </c>
      <c r="J17" s="257">
        <v>2192</v>
      </c>
      <c r="K17" s="257">
        <v>2187</v>
      </c>
      <c r="L17" s="258">
        <v>9737</v>
      </c>
      <c r="M17" s="259">
        <v>9737</v>
      </c>
      <c r="N17" s="253">
        <v>0</v>
      </c>
      <c r="O17" s="257">
        <v>0</v>
      </c>
      <c r="P17" s="254">
        <v>0</v>
      </c>
      <c r="Q17" s="256">
        <v>0</v>
      </c>
      <c r="R17" s="257">
        <v>0</v>
      </c>
      <c r="S17" s="257">
        <v>17</v>
      </c>
      <c r="T17" s="257">
        <v>25</v>
      </c>
      <c r="U17" s="257">
        <v>63</v>
      </c>
      <c r="V17" s="257">
        <v>104</v>
      </c>
      <c r="W17" s="254">
        <v>209</v>
      </c>
      <c r="X17" s="259">
        <v>209</v>
      </c>
      <c r="Y17" s="253">
        <v>24</v>
      </c>
      <c r="Z17" s="257">
        <v>118</v>
      </c>
      <c r="AA17" s="254">
        <v>142</v>
      </c>
      <c r="AB17" s="256">
        <v>0</v>
      </c>
      <c r="AC17" s="257">
        <v>401</v>
      </c>
      <c r="AD17" s="257">
        <v>664</v>
      </c>
      <c r="AE17" s="257">
        <v>339</v>
      </c>
      <c r="AF17" s="257">
        <v>259</v>
      </c>
      <c r="AG17" s="257">
        <v>384</v>
      </c>
      <c r="AH17" s="254">
        <v>2047</v>
      </c>
      <c r="AI17" s="259">
        <v>2189</v>
      </c>
      <c r="AJ17" s="253">
        <v>0</v>
      </c>
      <c r="AK17" s="257">
        <v>44</v>
      </c>
      <c r="AL17" s="254">
        <v>44</v>
      </c>
      <c r="AM17" s="256">
        <v>0</v>
      </c>
      <c r="AN17" s="257">
        <v>98</v>
      </c>
      <c r="AO17" s="257">
        <v>139</v>
      </c>
      <c r="AP17" s="257">
        <v>58</v>
      </c>
      <c r="AQ17" s="257">
        <v>44</v>
      </c>
      <c r="AR17" s="257">
        <v>56</v>
      </c>
      <c r="AS17" s="254">
        <v>395</v>
      </c>
      <c r="AT17" s="259">
        <v>439</v>
      </c>
      <c r="AU17" s="253">
        <v>0</v>
      </c>
      <c r="AV17" s="257">
        <v>0</v>
      </c>
      <c r="AW17" s="254">
        <v>0</v>
      </c>
      <c r="AX17" s="256">
        <v>0</v>
      </c>
      <c r="AY17" s="257">
        <v>957</v>
      </c>
      <c r="AZ17" s="257">
        <v>1040</v>
      </c>
      <c r="BA17" s="257">
        <v>652</v>
      </c>
      <c r="BB17" s="257">
        <v>227</v>
      </c>
      <c r="BC17" s="257">
        <v>95</v>
      </c>
      <c r="BD17" s="258">
        <v>2971</v>
      </c>
      <c r="BE17" s="259">
        <v>2971</v>
      </c>
      <c r="BF17" s="253">
        <v>0</v>
      </c>
      <c r="BG17" s="257">
        <v>0</v>
      </c>
      <c r="BH17" s="254">
        <v>0</v>
      </c>
      <c r="BI17" s="256">
        <v>0</v>
      </c>
      <c r="BJ17" s="257">
        <v>207</v>
      </c>
      <c r="BK17" s="257">
        <v>239</v>
      </c>
      <c r="BL17" s="257">
        <v>150</v>
      </c>
      <c r="BM17" s="257">
        <v>96</v>
      </c>
      <c r="BN17" s="257">
        <v>35</v>
      </c>
      <c r="BO17" s="254">
        <v>727</v>
      </c>
      <c r="BP17" s="259">
        <v>727</v>
      </c>
      <c r="BQ17" s="253">
        <v>0</v>
      </c>
      <c r="BR17" s="257">
        <v>3</v>
      </c>
      <c r="BS17" s="254">
        <v>3</v>
      </c>
      <c r="BT17" s="256">
        <v>0</v>
      </c>
      <c r="BU17" s="257">
        <v>165</v>
      </c>
      <c r="BV17" s="257">
        <v>198</v>
      </c>
      <c r="BW17" s="257">
        <v>750</v>
      </c>
      <c r="BX17" s="257">
        <v>670</v>
      </c>
      <c r="BY17" s="257">
        <v>169</v>
      </c>
      <c r="BZ17" s="254">
        <v>1952</v>
      </c>
      <c r="CA17" s="259">
        <v>1955</v>
      </c>
      <c r="CB17" s="253">
        <v>0</v>
      </c>
      <c r="CC17" s="257">
        <v>0</v>
      </c>
      <c r="CD17" s="254">
        <v>0</v>
      </c>
      <c r="CE17" s="256">
        <v>0</v>
      </c>
      <c r="CF17" s="257">
        <v>17</v>
      </c>
      <c r="CG17" s="257">
        <v>54</v>
      </c>
      <c r="CH17" s="257">
        <v>46</v>
      </c>
      <c r="CI17" s="257">
        <v>19</v>
      </c>
      <c r="CJ17" s="257">
        <v>0</v>
      </c>
      <c r="CK17" s="254">
        <v>136</v>
      </c>
      <c r="CL17" s="259">
        <v>136</v>
      </c>
      <c r="CM17" s="253">
        <v>0</v>
      </c>
      <c r="CN17" s="257">
        <v>0</v>
      </c>
      <c r="CO17" s="254">
        <v>0</v>
      </c>
      <c r="CP17" s="256">
        <v>0</v>
      </c>
      <c r="CQ17" s="257">
        <v>0</v>
      </c>
      <c r="CR17" s="257">
        <v>0</v>
      </c>
      <c r="CS17" s="257">
        <v>0</v>
      </c>
      <c r="CT17" s="257">
        <v>0</v>
      </c>
      <c r="CU17" s="257">
        <v>0</v>
      </c>
      <c r="CV17" s="254">
        <v>0</v>
      </c>
      <c r="CW17" s="259">
        <v>0</v>
      </c>
      <c r="CX17" s="253">
        <v>0</v>
      </c>
      <c r="CY17" s="257">
        <v>0</v>
      </c>
      <c r="CZ17" s="254">
        <v>0</v>
      </c>
      <c r="DA17" s="256">
        <v>0</v>
      </c>
      <c r="DB17" s="257">
        <v>0</v>
      </c>
      <c r="DC17" s="257">
        <v>0</v>
      </c>
      <c r="DD17" s="257">
        <v>0</v>
      </c>
      <c r="DE17" s="257">
        <v>0</v>
      </c>
      <c r="DF17" s="257">
        <v>0</v>
      </c>
      <c r="DG17" s="254">
        <v>0</v>
      </c>
      <c r="DH17" s="259">
        <v>0</v>
      </c>
    </row>
    <row r="18" spans="2:112" ht="21" customHeight="1" x14ac:dyDescent="0.2">
      <c r="B18" s="437" t="s">
        <v>16</v>
      </c>
      <c r="C18" s="253">
        <v>0</v>
      </c>
      <c r="D18" s="257">
        <v>0</v>
      </c>
      <c r="E18" s="340">
        <v>0</v>
      </c>
      <c r="F18" s="256">
        <v>0</v>
      </c>
      <c r="G18" s="257">
        <v>2173</v>
      </c>
      <c r="H18" s="257">
        <v>4136</v>
      </c>
      <c r="I18" s="257">
        <v>3944</v>
      </c>
      <c r="J18" s="257">
        <v>5608</v>
      </c>
      <c r="K18" s="257">
        <v>4416</v>
      </c>
      <c r="L18" s="258">
        <v>20277</v>
      </c>
      <c r="M18" s="259">
        <v>20277</v>
      </c>
      <c r="N18" s="253">
        <v>0</v>
      </c>
      <c r="O18" s="257">
        <v>0</v>
      </c>
      <c r="P18" s="254">
        <v>0</v>
      </c>
      <c r="Q18" s="256">
        <v>0</v>
      </c>
      <c r="R18" s="257">
        <v>4</v>
      </c>
      <c r="S18" s="257">
        <v>33</v>
      </c>
      <c r="T18" s="257">
        <v>39</v>
      </c>
      <c r="U18" s="257">
        <v>102</v>
      </c>
      <c r="V18" s="257">
        <v>217</v>
      </c>
      <c r="W18" s="254">
        <v>395</v>
      </c>
      <c r="X18" s="259">
        <v>395</v>
      </c>
      <c r="Y18" s="253">
        <v>67</v>
      </c>
      <c r="Z18" s="257">
        <v>323</v>
      </c>
      <c r="AA18" s="254">
        <v>390</v>
      </c>
      <c r="AB18" s="256">
        <v>0</v>
      </c>
      <c r="AC18" s="257">
        <v>1200</v>
      </c>
      <c r="AD18" s="257">
        <v>2742</v>
      </c>
      <c r="AE18" s="257">
        <v>1517</v>
      </c>
      <c r="AF18" s="257">
        <v>1503</v>
      </c>
      <c r="AG18" s="257">
        <v>949</v>
      </c>
      <c r="AH18" s="254">
        <v>7911</v>
      </c>
      <c r="AI18" s="259">
        <v>8301</v>
      </c>
      <c r="AJ18" s="253">
        <v>46</v>
      </c>
      <c r="AK18" s="257">
        <v>121</v>
      </c>
      <c r="AL18" s="254">
        <v>167</v>
      </c>
      <c r="AM18" s="256">
        <v>0</v>
      </c>
      <c r="AN18" s="257">
        <v>84</v>
      </c>
      <c r="AO18" s="257">
        <v>533</v>
      </c>
      <c r="AP18" s="257">
        <v>150</v>
      </c>
      <c r="AQ18" s="257">
        <v>64</v>
      </c>
      <c r="AR18" s="257">
        <v>145</v>
      </c>
      <c r="AS18" s="254">
        <v>976</v>
      </c>
      <c r="AT18" s="259">
        <v>1143</v>
      </c>
      <c r="AU18" s="253">
        <v>0</v>
      </c>
      <c r="AV18" s="257">
        <v>0</v>
      </c>
      <c r="AW18" s="254">
        <v>0</v>
      </c>
      <c r="AX18" s="256">
        <v>0</v>
      </c>
      <c r="AY18" s="257">
        <v>2802</v>
      </c>
      <c r="AZ18" s="257">
        <v>4303</v>
      </c>
      <c r="BA18" s="257">
        <v>2831</v>
      </c>
      <c r="BB18" s="257">
        <v>1658</v>
      </c>
      <c r="BC18" s="257">
        <v>1043</v>
      </c>
      <c r="BD18" s="258">
        <v>12637</v>
      </c>
      <c r="BE18" s="259">
        <v>12637</v>
      </c>
      <c r="BF18" s="253">
        <v>0</v>
      </c>
      <c r="BG18" s="257">
        <v>0</v>
      </c>
      <c r="BH18" s="254">
        <v>0</v>
      </c>
      <c r="BI18" s="256">
        <v>0</v>
      </c>
      <c r="BJ18" s="257">
        <v>1227</v>
      </c>
      <c r="BK18" s="257">
        <v>1967</v>
      </c>
      <c r="BL18" s="257">
        <v>847</v>
      </c>
      <c r="BM18" s="257">
        <v>476</v>
      </c>
      <c r="BN18" s="257">
        <v>120</v>
      </c>
      <c r="BO18" s="254">
        <v>4637</v>
      </c>
      <c r="BP18" s="259">
        <v>4637</v>
      </c>
      <c r="BQ18" s="253">
        <v>4</v>
      </c>
      <c r="BR18" s="257">
        <v>13</v>
      </c>
      <c r="BS18" s="254">
        <v>17</v>
      </c>
      <c r="BT18" s="256">
        <v>0</v>
      </c>
      <c r="BU18" s="257">
        <v>307</v>
      </c>
      <c r="BV18" s="257">
        <v>592</v>
      </c>
      <c r="BW18" s="257">
        <v>682</v>
      </c>
      <c r="BX18" s="257">
        <v>577</v>
      </c>
      <c r="BY18" s="257">
        <v>226</v>
      </c>
      <c r="BZ18" s="254">
        <v>2384</v>
      </c>
      <c r="CA18" s="259">
        <v>2401</v>
      </c>
      <c r="CB18" s="253">
        <v>0</v>
      </c>
      <c r="CC18" s="257">
        <v>0</v>
      </c>
      <c r="CD18" s="254">
        <v>0</v>
      </c>
      <c r="CE18" s="256">
        <v>0</v>
      </c>
      <c r="CF18" s="257">
        <v>19</v>
      </c>
      <c r="CG18" s="257">
        <v>40</v>
      </c>
      <c r="CH18" s="257">
        <v>83</v>
      </c>
      <c r="CI18" s="257">
        <v>37</v>
      </c>
      <c r="CJ18" s="257">
        <v>18</v>
      </c>
      <c r="CK18" s="254">
        <v>197</v>
      </c>
      <c r="CL18" s="259">
        <v>197</v>
      </c>
      <c r="CM18" s="253">
        <v>0</v>
      </c>
      <c r="CN18" s="257">
        <v>0</v>
      </c>
      <c r="CO18" s="254">
        <v>0</v>
      </c>
      <c r="CP18" s="256">
        <v>0</v>
      </c>
      <c r="CQ18" s="257">
        <v>0</v>
      </c>
      <c r="CR18" s="257">
        <v>0</v>
      </c>
      <c r="CS18" s="257">
        <v>0</v>
      </c>
      <c r="CT18" s="257">
        <v>0</v>
      </c>
      <c r="CU18" s="257">
        <v>0</v>
      </c>
      <c r="CV18" s="254">
        <v>0</v>
      </c>
      <c r="CW18" s="259">
        <v>0</v>
      </c>
      <c r="CX18" s="253">
        <v>0</v>
      </c>
      <c r="CY18" s="257">
        <v>0</v>
      </c>
      <c r="CZ18" s="254">
        <v>0</v>
      </c>
      <c r="DA18" s="256">
        <v>0</v>
      </c>
      <c r="DB18" s="257">
        <v>0</v>
      </c>
      <c r="DC18" s="257">
        <v>0</v>
      </c>
      <c r="DD18" s="257">
        <v>0</v>
      </c>
      <c r="DE18" s="257">
        <v>0</v>
      </c>
      <c r="DF18" s="257">
        <v>0</v>
      </c>
      <c r="DG18" s="254">
        <v>0</v>
      </c>
      <c r="DH18" s="259">
        <v>0</v>
      </c>
    </row>
    <row r="19" spans="2:112" ht="21" customHeight="1" x14ac:dyDescent="0.2">
      <c r="B19" s="437" t="s">
        <v>17</v>
      </c>
      <c r="C19" s="253">
        <v>0</v>
      </c>
      <c r="D19" s="257">
        <v>0</v>
      </c>
      <c r="E19" s="340">
        <v>0</v>
      </c>
      <c r="F19" s="256">
        <v>0</v>
      </c>
      <c r="G19" s="257">
        <v>2559</v>
      </c>
      <c r="H19" s="257">
        <v>6842</v>
      </c>
      <c r="I19" s="257">
        <v>9913</v>
      </c>
      <c r="J19" s="257">
        <v>11279</v>
      </c>
      <c r="K19" s="257">
        <v>9704</v>
      </c>
      <c r="L19" s="258">
        <v>40297</v>
      </c>
      <c r="M19" s="259">
        <v>40297</v>
      </c>
      <c r="N19" s="253">
        <v>0</v>
      </c>
      <c r="O19" s="257">
        <v>0</v>
      </c>
      <c r="P19" s="254">
        <v>0</v>
      </c>
      <c r="Q19" s="256">
        <v>0</v>
      </c>
      <c r="R19" s="257">
        <v>6</v>
      </c>
      <c r="S19" s="257">
        <v>12</v>
      </c>
      <c r="T19" s="257">
        <v>60</v>
      </c>
      <c r="U19" s="257">
        <v>235</v>
      </c>
      <c r="V19" s="257">
        <v>357</v>
      </c>
      <c r="W19" s="254">
        <v>670</v>
      </c>
      <c r="X19" s="259">
        <v>670</v>
      </c>
      <c r="Y19" s="253">
        <v>157</v>
      </c>
      <c r="Z19" s="257">
        <v>564</v>
      </c>
      <c r="AA19" s="254">
        <v>721</v>
      </c>
      <c r="AB19" s="256">
        <v>0</v>
      </c>
      <c r="AC19" s="257">
        <v>1268</v>
      </c>
      <c r="AD19" s="257">
        <v>2913</v>
      </c>
      <c r="AE19" s="257">
        <v>1915</v>
      </c>
      <c r="AF19" s="257">
        <v>1695</v>
      </c>
      <c r="AG19" s="257">
        <v>1448</v>
      </c>
      <c r="AH19" s="254">
        <v>9239</v>
      </c>
      <c r="AI19" s="259">
        <v>9960</v>
      </c>
      <c r="AJ19" s="253">
        <v>37</v>
      </c>
      <c r="AK19" s="257">
        <v>94</v>
      </c>
      <c r="AL19" s="254">
        <v>131</v>
      </c>
      <c r="AM19" s="256">
        <v>0</v>
      </c>
      <c r="AN19" s="257">
        <v>107</v>
      </c>
      <c r="AO19" s="257">
        <v>529</v>
      </c>
      <c r="AP19" s="257">
        <v>341</v>
      </c>
      <c r="AQ19" s="257">
        <v>189</v>
      </c>
      <c r="AR19" s="257">
        <v>232</v>
      </c>
      <c r="AS19" s="254">
        <v>1398</v>
      </c>
      <c r="AT19" s="259">
        <v>1529</v>
      </c>
      <c r="AU19" s="253">
        <v>0</v>
      </c>
      <c r="AV19" s="257">
        <v>0</v>
      </c>
      <c r="AW19" s="254">
        <v>0</v>
      </c>
      <c r="AX19" s="256">
        <v>0</v>
      </c>
      <c r="AY19" s="257">
        <v>2888</v>
      </c>
      <c r="AZ19" s="257">
        <v>5021</v>
      </c>
      <c r="BA19" s="257">
        <v>3554</v>
      </c>
      <c r="BB19" s="257">
        <v>1862</v>
      </c>
      <c r="BC19" s="257">
        <v>1142</v>
      </c>
      <c r="BD19" s="258">
        <v>14467</v>
      </c>
      <c r="BE19" s="259">
        <v>14467</v>
      </c>
      <c r="BF19" s="253">
        <v>0</v>
      </c>
      <c r="BG19" s="257">
        <v>0</v>
      </c>
      <c r="BH19" s="254">
        <v>0</v>
      </c>
      <c r="BI19" s="256">
        <v>0</v>
      </c>
      <c r="BJ19" s="257">
        <v>353</v>
      </c>
      <c r="BK19" s="257">
        <v>1446</v>
      </c>
      <c r="BL19" s="257">
        <v>779</v>
      </c>
      <c r="BM19" s="257">
        <v>410</v>
      </c>
      <c r="BN19" s="257">
        <v>149</v>
      </c>
      <c r="BO19" s="254">
        <v>3137</v>
      </c>
      <c r="BP19" s="259">
        <v>3137</v>
      </c>
      <c r="BQ19" s="253">
        <v>27</v>
      </c>
      <c r="BR19" s="257">
        <v>16</v>
      </c>
      <c r="BS19" s="254">
        <v>43</v>
      </c>
      <c r="BT19" s="256">
        <v>0</v>
      </c>
      <c r="BU19" s="257">
        <v>297</v>
      </c>
      <c r="BV19" s="257">
        <v>849</v>
      </c>
      <c r="BW19" s="257">
        <v>1067</v>
      </c>
      <c r="BX19" s="257">
        <v>1208</v>
      </c>
      <c r="BY19" s="257">
        <v>378</v>
      </c>
      <c r="BZ19" s="254">
        <v>3799</v>
      </c>
      <c r="CA19" s="259">
        <v>3842</v>
      </c>
      <c r="CB19" s="253">
        <v>0</v>
      </c>
      <c r="CC19" s="257">
        <v>0</v>
      </c>
      <c r="CD19" s="254">
        <v>0</v>
      </c>
      <c r="CE19" s="256">
        <v>0</v>
      </c>
      <c r="CF19" s="257">
        <v>26</v>
      </c>
      <c r="CG19" s="257">
        <v>139</v>
      </c>
      <c r="CH19" s="257">
        <v>119</v>
      </c>
      <c r="CI19" s="257">
        <v>45</v>
      </c>
      <c r="CJ19" s="257">
        <v>82</v>
      </c>
      <c r="CK19" s="254">
        <v>411</v>
      </c>
      <c r="CL19" s="259">
        <v>411</v>
      </c>
      <c r="CM19" s="253">
        <v>0</v>
      </c>
      <c r="CN19" s="257">
        <v>0</v>
      </c>
      <c r="CO19" s="254">
        <v>0</v>
      </c>
      <c r="CP19" s="256">
        <v>0</v>
      </c>
      <c r="CQ19" s="257">
        <v>0</v>
      </c>
      <c r="CR19" s="257">
        <v>0</v>
      </c>
      <c r="CS19" s="257">
        <v>0</v>
      </c>
      <c r="CT19" s="257">
        <v>0</v>
      </c>
      <c r="CU19" s="257">
        <v>0</v>
      </c>
      <c r="CV19" s="254">
        <v>0</v>
      </c>
      <c r="CW19" s="259">
        <v>0</v>
      </c>
      <c r="CX19" s="253">
        <v>0</v>
      </c>
      <c r="CY19" s="257">
        <v>0</v>
      </c>
      <c r="CZ19" s="254">
        <v>0</v>
      </c>
      <c r="DA19" s="256">
        <v>0</v>
      </c>
      <c r="DB19" s="257">
        <v>0</v>
      </c>
      <c r="DC19" s="257">
        <v>0</v>
      </c>
      <c r="DD19" s="257">
        <v>0</v>
      </c>
      <c r="DE19" s="257">
        <v>0</v>
      </c>
      <c r="DF19" s="257">
        <v>0</v>
      </c>
      <c r="DG19" s="254">
        <v>0</v>
      </c>
      <c r="DH19" s="259">
        <v>0</v>
      </c>
    </row>
    <row r="20" spans="2:112" ht="21" customHeight="1" x14ac:dyDescent="0.2">
      <c r="B20" s="437" t="s">
        <v>18</v>
      </c>
      <c r="C20" s="253">
        <v>0</v>
      </c>
      <c r="D20" s="257">
        <v>0</v>
      </c>
      <c r="E20" s="340">
        <v>0</v>
      </c>
      <c r="F20" s="256">
        <v>0</v>
      </c>
      <c r="G20" s="257">
        <v>6107</v>
      </c>
      <c r="H20" s="257">
        <v>8035</v>
      </c>
      <c r="I20" s="257">
        <v>9974</v>
      </c>
      <c r="J20" s="257">
        <v>14143</v>
      </c>
      <c r="K20" s="257">
        <v>12215</v>
      </c>
      <c r="L20" s="258">
        <v>50474</v>
      </c>
      <c r="M20" s="259">
        <v>50474</v>
      </c>
      <c r="N20" s="253">
        <v>1</v>
      </c>
      <c r="O20" s="257">
        <v>0</v>
      </c>
      <c r="P20" s="254">
        <v>1</v>
      </c>
      <c r="Q20" s="256">
        <v>0</v>
      </c>
      <c r="R20" s="257">
        <v>7</v>
      </c>
      <c r="S20" s="257">
        <v>33</v>
      </c>
      <c r="T20" s="257">
        <v>59</v>
      </c>
      <c r="U20" s="257">
        <v>218</v>
      </c>
      <c r="V20" s="257">
        <v>396</v>
      </c>
      <c r="W20" s="254">
        <v>713</v>
      </c>
      <c r="X20" s="259">
        <v>714</v>
      </c>
      <c r="Y20" s="253">
        <v>283</v>
      </c>
      <c r="Z20" s="257">
        <v>783</v>
      </c>
      <c r="AA20" s="254">
        <v>1066</v>
      </c>
      <c r="AB20" s="256">
        <v>0</v>
      </c>
      <c r="AC20" s="257">
        <v>2715</v>
      </c>
      <c r="AD20" s="257">
        <v>3200</v>
      </c>
      <c r="AE20" s="257">
        <v>2115</v>
      </c>
      <c r="AF20" s="257">
        <v>1888</v>
      </c>
      <c r="AG20" s="257">
        <v>1488</v>
      </c>
      <c r="AH20" s="254">
        <v>11406</v>
      </c>
      <c r="AI20" s="259">
        <v>12472</v>
      </c>
      <c r="AJ20" s="253">
        <v>80</v>
      </c>
      <c r="AK20" s="257">
        <v>167</v>
      </c>
      <c r="AL20" s="254">
        <v>247</v>
      </c>
      <c r="AM20" s="256">
        <v>0</v>
      </c>
      <c r="AN20" s="257">
        <v>542</v>
      </c>
      <c r="AO20" s="257">
        <v>790</v>
      </c>
      <c r="AP20" s="257">
        <v>533</v>
      </c>
      <c r="AQ20" s="257">
        <v>275</v>
      </c>
      <c r="AR20" s="257">
        <v>214</v>
      </c>
      <c r="AS20" s="254">
        <v>2354</v>
      </c>
      <c r="AT20" s="259">
        <v>2601</v>
      </c>
      <c r="AU20" s="253">
        <v>0</v>
      </c>
      <c r="AV20" s="257">
        <v>0</v>
      </c>
      <c r="AW20" s="254">
        <v>0</v>
      </c>
      <c r="AX20" s="256">
        <v>0</v>
      </c>
      <c r="AY20" s="257">
        <v>5907</v>
      </c>
      <c r="AZ20" s="257">
        <v>5343</v>
      </c>
      <c r="BA20" s="257">
        <v>3877</v>
      </c>
      <c r="BB20" s="257">
        <v>2372</v>
      </c>
      <c r="BC20" s="257">
        <v>944</v>
      </c>
      <c r="BD20" s="258">
        <v>18443</v>
      </c>
      <c r="BE20" s="259">
        <v>18443</v>
      </c>
      <c r="BF20" s="253">
        <v>0</v>
      </c>
      <c r="BG20" s="257">
        <v>0</v>
      </c>
      <c r="BH20" s="254">
        <v>0</v>
      </c>
      <c r="BI20" s="256">
        <v>0</v>
      </c>
      <c r="BJ20" s="257">
        <v>1244</v>
      </c>
      <c r="BK20" s="257">
        <v>1400</v>
      </c>
      <c r="BL20" s="257">
        <v>919</v>
      </c>
      <c r="BM20" s="257">
        <v>483</v>
      </c>
      <c r="BN20" s="257">
        <v>185</v>
      </c>
      <c r="BO20" s="254">
        <v>4231</v>
      </c>
      <c r="BP20" s="259">
        <v>4231</v>
      </c>
      <c r="BQ20" s="253">
        <v>6</v>
      </c>
      <c r="BR20" s="257">
        <v>47</v>
      </c>
      <c r="BS20" s="254">
        <v>53</v>
      </c>
      <c r="BT20" s="256">
        <v>0</v>
      </c>
      <c r="BU20" s="257">
        <v>475</v>
      </c>
      <c r="BV20" s="257">
        <v>1161</v>
      </c>
      <c r="BW20" s="257">
        <v>1703</v>
      </c>
      <c r="BX20" s="257">
        <v>1535</v>
      </c>
      <c r="BY20" s="257">
        <v>595</v>
      </c>
      <c r="BZ20" s="254">
        <v>5469</v>
      </c>
      <c r="CA20" s="259">
        <v>5522</v>
      </c>
      <c r="CB20" s="253">
        <v>3</v>
      </c>
      <c r="CC20" s="257">
        <v>0</v>
      </c>
      <c r="CD20" s="254">
        <v>3</v>
      </c>
      <c r="CE20" s="256">
        <v>0</v>
      </c>
      <c r="CF20" s="257">
        <v>8</v>
      </c>
      <c r="CG20" s="257">
        <v>31</v>
      </c>
      <c r="CH20" s="257">
        <v>53</v>
      </c>
      <c r="CI20" s="257">
        <v>10</v>
      </c>
      <c r="CJ20" s="257">
        <v>7</v>
      </c>
      <c r="CK20" s="254">
        <v>109</v>
      </c>
      <c r="CL20" s="259">
        <v>112</v>
      </c>
      <c r="CM20" s="253">
        <v>0</v>
      </c>
      <c r="CN20" s="257">
        <v>0</v>
      </c>
      <c r="CO20" s="254">
        <v>0</v>
      </c>
      <c r="CP20" s="256">
        <v>0</v>
      </c>
      <c r="CQ20" s="257">
        <v>0</v>
      </c>
      <c r="CR20" s="257">
        <v>0</v>
      </c>
      <c r="CS20" s="257">
        <v>0</v>
      </c>
      <c r="CT20" s="257">
        <v>0</v>
      </c>
      <c r="CU20" s="257">
        <v>0</v>
      </c>
      <c r="CV20" s="254">
        <v>0</v>
      </c>
      <c r="CW20" s="259">
        <v>0</v>
      </c>
      <c r="CX20" s="253">
        <v>0</v>
      </c>
      <c r="CY20" s="257">
        <v>0</v>
      </c>
      <c r="CZ20" s="254">
        <v>0</v>
      </c>
      <c r="DA20" s="256">
        <v>0</v>
      </c>
      <c r="DB20" s="257">
        <v>0</v>
      </c>
      <c r="DC20" s="257">
        <v>0</v>
      </c>
      <c r="DD20" s="257">
        <v>0</v>
      </c>
      <c r="DE20" s="257">
        <v>0</v>
      </c>
      <c r="DF20" s="257">
        <v>0</v>
      </c>
      <c r="DG20" s="254">
        <v>0</v>
      </c>
      <c r="DH20" s="259">
        <v>0</v>
      </c>
    </row>
    <row r="21" spans="2:112" ht="21" customHeight="1" x14ac:dyDescent="0.2">
      <c r="B21" s="437" t="s">
        <v>19</v>
      </c>
      <c r="C21" s="253">
        <v>0</v>
      </c>
      <c r="D21" s="257">
        <v>0</v>
      </c>
      <c r="E21" s="340">
        <v>0</v>
      </c>
      <c r="F21" s="256">
        <v>0</v>
      </c>
      <c r="G21" s="257">
        <v>2067</v>
      </c>
      <c r="H21" s="257">
        <v>2489</v>
      </c>
      <c r="I21" s="257">
        <v>3441</v>
      </c>
      <c r="J21" s="257">
        <v>3388</v>
      </c>
      <c r="K21" s="257">
        <v>3583</v>
      </c>
      <c r="L21" s="258">
        <v>14968</v>
      </c>
      <c r="M21" s="259">
        <v>14968</v>
      </c>
      <c r="N21" s="253">
        <v>0</v>
      </c>
      <c r="O21" s="257">
        <v>0</v>
      </c>
      <c r="P21" s="254">
        <v>0</v>
      </c>
      <c r="Q21" s="256">
        <v>0</v>
      </c>
      <c r="R21" s="257">
        <v>15</v>
      </c>
      <c r="S21" s="257">
        <v>21</v>
      </c>
      <c r="T21" s="257">
        <v>44</v>
      </c>
      <c r="U21" s="257">
        <v>70</v>
      </c>
      <c r="V21" s="257">
        <v>123</v>
      </c>
      <c r="W21" s="254">
        <v>273</v>
      </c>
      <c r="X21" s="259">
        <v>273</v>
      </c>
      <c r="Y21" s="253">
        <v>208</v>
      </c>
      <c r="Z21" s="257">
        <v>296</v>
      </c>
      <c r="AA21" s="254">
        <v>504</v>
      </c>
      <c r="AB21" s="256">
        <v>0</v>
      </c>
      <c r="AC21" s="257">
        <v>1587</v>
      </c>
      <c r="AD21" s="257">
        <v>1260</v>
      </c>
      <c r="AE21" s="257">
        <v>1161</v>
      </c>
      <c r="AF21" s="257">
        <v>781</v>
      </c>
      <c r="AG21" s="257">
        <v>760</v>
      </c>
      <c r="AH21" s="254">
        <v>5549</v>
      </c>
      <c r="AI21" s="259">
        <v>6053</v>
      </c>
      <c r="AJ21" s="253">
        <v>24</v>
      </c>
      <c r="AK21" s="257">
        <v>40</v>
      </c>
      <c r="AL21" s="254">
        <v>64</v>
      </c>
      <c r="AM21" s="256">
        <v>0</v>
      </c>
      <c r="AN21" s="257">
        <v>222</v>
      </c>
      <c r="AO21" s="257">
        <v>156</v>
      </c>
      <c r="AP21" s="257">
        <v>118</v>
      </c>
      <c r="AQ21" s="257">
        <v>142</v>
      </c>
      <c r="AR21" s="257">
        <v>33</v>
      </c>
      <c r="AS21" s="254">
        <v>671</v>
      </c>
      <c r="AT21" s="259">
        <v>735</v>
      </c>
      <c r="AU21" s="253">
        <v>0</v>
      </c>
      <c r="AV21" s="257">
        <v>0</v>
      </c>
      <c r="AW21" s="254">
        <v>0</v>
      </c>
      <c r="AX21" s="256">
        <v>0</v>
      </c>
      <c r="AY21" s="257">
        <v>2232</v>
      </c>
      <c r="AZ21" s="257">
        <v>2354</v>
      </c>
      <c r="BA21" s="257">
        <v>1353</v>
      </c>
      <c r="BB21" s="257">
        <v>629</v>
      </c>
      <c r="BC21" s="257">
        <v>470</v>
      </c>
      <c r="BD21" s="258">
        <v>7038</v>
      </c>
      <c r="BE21" s="259">
        <v>7038</v>
      </c>
      <c r="BF21" s="253">
        <v>0</v>
      </c>
      <c r="BG21" s="257">
        <v>0</v>
      </c>
      <c r="BH21" s="254">
        <v>0</v>
      </c>
      <c r="BI21" s="256">
        <v>0</v>
      </c>
      <c r="BJ21" s="257">
        <v>794</v>
      </c>
      <c r="BK21" s="257">
        <v>689</v>
      </c>
      <c r="BL21" s="257">
        <v>457</v>
      </c>
      <c r="BM21" s="257">
        <v>199</v>
      </c>
      <c r="BN21" s="257">
        <v>106</v>
      </c>
      <c r="BO21" s="254">
        <v>2245</v>
      </c>
      <c r="BP21" s="259">
        <v>2245</v>
      </c>
      <c r="BQ21" s="253">
        <v>0</v>
      </c>
      <c r="BR21" s="257">
        <v>18</v>
      </c>
      <c r="BS21" s="254">
        <v>18</v>
      </c>
      <c r="BT21" s="256">
        <v>0</v>
      </c>
      <c r="BU21" s="257">
        <v>111</v>
      </c>
      <c r="BV21" s="257">
        <v>376</v>
      </c>
      <c r="BW21" s="257">
        <v>516</v>
      </c>
      <c r="BX21" s="257">
        <v>293</v>
      </c>
      <c r="BY21" s="257">
        <v>137</v>
      </c>
      <c r="BZ21" s="254">
        <v>1433</v>
      </c>
      <c r="CA21" s="259">
        <v>1451</v>
      </c>
      <c r="CB21" s="253">
        <v>0</v>
      </c>
      <c r="CC21" s="257">
        <v>0</v>
      </c>
      <c r="CD21" s="254">
        <v>0</v>
      </c>
      <c r="CE21" s="256">
        <v>0</v>
      </c>
      <c r="CF21" s="257">
        <v>22</v>
      </c>
      <c r="CG21" s="257">
        <v>54</v>
      </c>
      <c r="CH21" s="257">
        <v>79</v>
      </c>
      <c r="CI21" s="257">
        <v>108</v>
      </c>
      <c r="CJ21" s="257">
        <v>19</v>
      </c>
      <c r="CK21" s="254">
        <v>282</v>
      </c>
      <c r="CL21" s="259">
        <v>282</v>
      </c>
      <c r="CM21" s="253">
        <v>0</v>
      </c>
      <c r="CN21" s="257">
        <v>0</v>
      </c>
      <c r="CO21" s="254">
        <v>0</v>
      </c>
      <c r="CP21" s="256">
        <v>0</v>
      </c>
      <c r="CQ21" s="257">
        <v>0</v>
      </c>
      <c r="CR21" s="257">
        <v>0</v>
      </c>
      <c r="CS21" s="257">
        <v>0</v>
      </c>
      <c r="CT21" s="257">
        <v>0</v>
      </c>
      <c r="CU21" s="257">
        <v>0</v>
      </c>
      <c r="CV21" s="254">
        <v>0</v>
      </c>
      <c r="CW21" s="259">
        <v>0</v>
      </c>
      <c r="CX21" s="253">
        <v>0</v>
      </c>
      <c r="CY21" s="257">
        <v>0</v>
      </c>
      <c r="CZ21" s="254">
        <v>0</v>
      </c>
      <c r="DA21" s="256">
        <v>0</v>
      </c>
      <c r="DB21" s="257">
        <v>0</v>
      </c>
      <c r="DC21" s="257">
        <v>0</v>
      </c>
      <c r="DD21" s="257">
        <v>0</v>
      </c>
      <c r="DE21" s="257">
        <v>0</v>
      </c>
      <c r="DF21" s="257">
        <v>0</v>
      </c>
      <c r="DG21" s="254">
        <v>0</v>
      </c>
      <c r="DH21" s="259">
        <v>0</v>
      </c>
    </row>
    <row r="22" spans="2:112" ht="21" customHeight="1" x14ac:dyDescent="0.2">
      <c r="B22" s="437" t="s">
        <v>20</v>
      </c>
      <c r="C22" s="253">
        <v>0</v>
      </c>
      <c r="D22" s="257">
        <v>0</v>
      </c>
      <c r="E22" s="340">
        <v>0</v>
      </c>
      <c r="F22" s="256">
        <v>0</v>
      </c>
      <c r="G22" s="257">
        <v>3663</v>
      </c>
      <c r="H22" s="257">
        <v>3657</v>
      </c>
      <c r="I22" s="257">
        <v>5317</v>
      </c>
      <c r="J22" s="257">
        <v>5350</v>
      </c>
      <c r="K22" s="257">
        <v>5242</v>
      </c>
      <c r="L22" s="258">
        <v>23229</v>
      </c>
      <c r="M22" s="259">
        <v>23229</v>
      </c>
      <c r="N22" s="253">
        <v>0</v>
      </c>
      <c r="O22" s="257">
        <v>0</v>
      </c>
      <c r="P22" s="254">
        <v>0</v>
      </c>
      <c r="Q22" s="256">
        <v>0</v>
      </c>
      <c r="R22" s="257">
        <v>12</v>
      </c>
      <c r="S22" s="257">
        <v>19</v>
      </c>
      <c r="T22" s="257">
        <v>67</v>
      </c>
      <c r="U22" s="257">
        <v>120</v>
      </c>
      <c r="V22" s="257">
        <v>201</v>
      </c>
      <c r="W22" s="254">
        <v>419</v>
      </c>
      <c r="X22" s="259">
        <v>419</v>
      </c>
      <c r="Y22" s="253">
        <v>247</v>
      </c>
      <c r="Z22" s="257">
        <v>727</v>
      </c>
      <c r="AA22" s="254">
        <v>974</v>
      </c>
      <c r="AB22" s="256">
        <v>0</v>
      </c>
      <c r="AC22" s="257">
        <v>2276</v>
      </c>
      <c r="AD22" s="257">
        <v>2058</v>
      </c>
      <c r="AE22" s="257">
        <v>1178</v>
      </c>
      <c r="AF22" s="257">
        <v>1034</v>
      </c>
      <c r="AG22" s="257">
        <v>521</v>
      </c>
      <c r="AH22" s="254">
        <v>7067</v>
      </c>
      <c r="AI22" s="259">
        <v>8041</v>
      </c>
      <c r="AJ22" s="253">
        <v>104</v>
      </c>
      <c r="AK22" s="257">
        <v>433</v>
      </c>
      <c r="AL22" s="254">
        <v>537</v>
      </c>
      <c r="AM22" s="256">
        <v>0</v>
      </c>
      <c r="AN22" s="257">
        <v>609</v>
      </c>
      <c r="AO22" s="257">
        <v>704</v>
      </c>
      <c r="AP22" s="257">
        <v>586</v>
      </c>
      <c r="AQ22" s="257">
        <v>402</v>
      </c>
      <c r="AR22" s="257">
        <v>158</v>
      </c>
      <c r="AS22" s="254">
        <v>2459</v>
      </c>
      <c r="AT22" s="259">
        <v>2996</v>
      </c>
      <c r="AU22" s="253">
        <v>0</v>
      </c>
      <c r="AV22" s="257">
        <v>0</v>
      </c>
      <c r="AW22" s="254">
        <v>0</v>
      </c>
      <c r="AX22" s="256">
        <v>0</v>
      </c>
      <c r="AY22" s="257">
        <v>2759</v>
      </c>
      <c r="AZ22" s="257">
        <v>2614</v>
      </c>
      <c r="BA22" s="257">
        <v>1727</v>
      </c>
      <c r="BB22" s="257">
        <v>841</v>
      </c>
      <c r="BC22" s="257">
        <v>364</v>
      </c>
      <c r="BD22" s="258">
        <v>8305</v>
      </c>
      <c r="BE22" s="259">
        <v>8305</v>
      </c>
      <c r="BF22" s="253">
        <v>0</v>
      </c>
      <c r="BG22" s="257">
        <v>0</v>
      </c>
      <c r="BH22" s="254">
        <v>0</v>
      </c>
      <c r="BI22" s="256">
        <v>0</v>
      </c>
      <c r="BJ22" s="257">
        <v>808</v>
      </c>
      <c r="BK22" s="257">
        <v>704</v>
      </c>
      <c r="BL22" s="257">
        <v>336</v>
      </c>
      <c r="BM22" s="257">
        <v>274</v>
      </c>
      <c r="BN22" s="257">
        <v>116</v>
      </c>
      <c r="BO22" s="254">
        <v>2238</v>
      </c>
      <c r="BP22" s="259">
        <v>2238</v>
      </c>
      <c r="BQ22" s="253">
        <v>0</v>
      </c>
      <c r="BR22" s="257">
        <v>23</v>
      </c>
      <c r="BS22" s="254">
        <v>23</v>
      </c>
      <c r="BT22" s="256">
        <v>0</v>
      </c>
      <c r="BU22" s="257">
        <v>351</v>
      </c>
      <c r="BV22" s="257">
        <v>306</v>
      </c>
      <c r="BW22" s="257">
        <v>1149</v>
      </c>
      <c r="BX22" s="257">
        <v>686</v>
      </c>
      <c r="BY22" s="257">
        <v>419</v>
      </c>
      <c r="BZ22" s="254">
        <v>2911</v>
      </c>
      <c r="CA22" s="259">
        <v>2934</v>
      </c>
      <c r="CB22" s="253">
        <v>0</v>
      </c>
      <c r="CC22" s="257">
        <v>0</v>
      </c>
      <c r="CD22" s="254">
        <v>0</v>
      </c>
      <c r="CE22" s="256">
        <v>0</v>
      </c>
      <c r="CF22" s="257">
        <v>11</v>
      </c>
      <c r="CG22" s="257">
        <v>10</v>
      </c>
      <c r="CH22" s="257">
        <v>45</v>
      </c>
      <c r="CI22" s="257">
        <v>83</v>
      </c>
      <c r="CJ22" s="257">
        <v>19</v>
      </c>
      <c r="CK22" s="254">
        <v>168</v>
      </c>
      <c r="CL22" s="259">
        <v>168</v>
      </c>
      <c r="CM22" s="253">
        <v>0</v>
      </c>
      <c r="CN22" s="257">
        <v>0</v>
      </c>
      <c r="CO22" s="254">
        <v>0</v>
      </c>
      <c r="CP22" s="256">
        <v>0</v>
      </c>
      <c r="CQ22" s="257">
        <v>0</v>
      </c>
      <c r="CR22" s="257">
        <v>0</v>
      </c>
      <c r="CS22" s="257">
        <v>0</v>
      </c>
      <c r="CT22" s="257">
        <v>0</v>
      </c>
      <c r="CU22" s="257">
        <v>0</v>
      </c>
      <c r="CV22" s="254">
        <v>0</v>
      </c>
      <c r="CW22" s="259">
        <v>0</v>
      </c>
      <c r="CX22" s="253">
        <v>0</v>
      </c>
      <c r="CY22" s="257">
        <v>0</v>
      </c>
      <c r="CZ22" s="254">
        <v>0</v>
      </c>
      <c r="DA22" s="256">
        <v>0</v>
      </c>
      <c r="DB22" s="257">
        <v>0</v>
      </c>
      <c r="DC22" s="257">
        <v>0</v>
      </c>
      <c r="DD22" s="257">
        <v>0</v>
      </c>
      <c r="DE22" s="257">
        <v>0</v>
      </c>
      <c r="DF22" s="257">
        <v>0</v>
      </c>
      <c r="DG22" s="254">
        <v>0</v>
      </c>
      <c r="DH22" s="259">
        <v>0</v>
      </c>
    </row>
    <row r="23" spans="2:112" ht="21" customHeight="1" x14ac:dyDescent="0.2">
      <c r="B23" s="437" t="s">
        <v>21</v>
      </c>
      <c r="C23" s="253">
        <v>0</v>
      </c>
      <c r="D23" s="257">
        <v>0</v>
      </c>
      <c r="E23" s="340">
        <v>0</v>
      </c>
      <c r="F23" s="256">
        <v>0</v>
      </c>
      <c r="G23" s="257">
        <v>3272</v>
      </c>
      <c r="H23" s="257">
        <v>6102</v>
      </c>
      <c r="I23" s="257">
        <v>7563</v>
      </c>
      <c r="J23" s="257">
        <v>6826</v>
      </c>
      <c r="K23" s="257">
        <v>6282</v>
      </c>
      <c r="L23" s="258">
        <v>30045</v>
      </c>
      <c r="M23" s="259">
        <v>30045</v>
      </c>
      <c r="N23" s="253">
        <v>0</v>
      </c>
      <c r="O23" s="257">
        <v>0</v>
      </c>
      <c r="P23" s="254">
        <v>0</v>
      </c>
      <c r="Q23" s="256">
        <v>0</v>
      </c>
      <c r="R23" s="257">
        <v>0</v>
      </c>
      <c r="S23" s="257">
        <v>30</v>
      </c>
      <c r="T23" s="257">
        <v>41</v>
      </c>
      <c r="U23" s="257">
        <v>145</v>
      </c>
      <c r="V23" s="257">
        <v>197</v>
      </c>
      <c r="W23" s="254">
        <v>413</v>
      </c>
      <c r="X23" s="259">
        <v>413</v>
      </c>
      <c r="Y23" s="253">
        <v>267</v>
      </c>
      <c r="Z23" s="257">
        <v>696</v>
      </c>
      <c r="AA23" s="254">
        <v>963</v>
      </c>
      <c r="AB23" s="256">
        <v>0</v>
      </c>
      <c r="AC23" s="257">
        <v>1692</v>
      </c>
      <c r="AD23" s="257">
        <v>2706</v>
      </c>
      <c r="AE23" s="257">
        <v>1600</v>
      </c>
      <c r="AF23" s="257">
        <v>1342</v>
      </c>
      <c r="AG23" s="257">
        <v>891</v>
      </c>
      <c r="AH23" s="254">
        <v>8231</v>
      </c>
      <c r="AI23" s="259">
        <v>9194</v>
      </c>
      <c r="AJ23" s="253">
        <v>147</v>
      </c>
      <c r="AK23" s="257">
        <v>319</v>
      </c>
      <c r="AL23" s="254">
        <v>466</v>
      </c>
      <c r="AM23" s="256">
        <v>0</v>
      </c>
      <c r="AN23" s="257">
        <v>269</v>
      </c>
      <c r="AO23" s="257">
        <v>496</v>
      </c>
      <c r="AP23" s="257">
        <v>297</v>
      </c>
      <c r="AQ23" s="257">
        <v>183</v>
      </c>
      <c r="AR23" s="257">
        <v>57</v>
      </c>
      <c r="AS23" s="254">
        <v>1302</v>
      </c>
      <c r="AT23" s="259">
        <v>1768</v>
      </c>
      <c r="AU23" s="253">
        <v>0</v>
      </c>
      <c r="AV23" s="257">
        <v>0</v>
      </c>
      <c r="AW23" s="254">
        <v>0</v>
      </c>
      <c r="AX23" s="256">
        <v>0</v>
      </c>
      <c r="AY23" s="257">
        <v>2599</v>
      </c>
      <c r="AZ23" s="257">
        <v>2990</v>
      </c>
      <c r="BA23" s="257">
        <v>2115</v>
      </c>
      <c r="BB23" s="257">
        <v>918</v>
      </c>
      <c r="BC23" s="257">
        <v>264</v>
      </c>
      <c r="BD23" s="258">
        <v>8886</v>
      </c>
      <c r="BE23" s="259">
        <v>8886</v>
      </c>
      <c r="BF23" s="253">
        <v>0</v>
      </c>
      <c r="BG23" s="257">
        <v>0</v>
      </c>
      <c r="BH23" s="254">
        <v>0</v>
      </c>
      <c r="BI23" s="256">
        <v>0</v>
      </c>
      <c r="BJ23" s="257">
        <v>377</v>
      </c>
      <c r="BK23" s="257">
        <v>432</v>
      </c>
      <c r="BL23" s="257">
        <v>242</v>
      </c>
      <c r="BM23" s="257">
        <v>160</v>
      </c>
      <c r="BN23" s="257">
        <v>29</v>
      </c>
      <c r="BO23" s="254">
        <v>1240</v>
      </c>
      <c r="BP23" s="259">
        <v>1240</v>
      </c>
      <c r="BQ23" s="253">
        <v>8</v>
      </c>
      <c r="BR23" s="257">
        <v>16</v>
      </c>
      <c r="BS23" s="254">
        <v>24</v>
      </c>
      <c r="BT23" s="256">
        <v>0</v>
      </c>
      <c r="BU23" s="257">
        <v>276</v>
      </c>
      <c r="BV23" s="257">
        <v>395</v>
      </c>
      <c r="BW23" s="257">
        <v>871</v>
      </c>
      <c r="BX23" s="257">
        <v>837</v>
      </c>
      <c r="BY23" s="257">
        <v>470</v>
      </c>
      <c r="BZ23" s="254">
        <v>2849</v>
      </c>
      <c r="CA23" s="259">
        <v>2873</v>
      </c>
      <c r="CB23" s="253">
        <v>0</v>
      </c>
      <c r="CC23" s="257">
        <v>9</v>
      </c>
      <c r="CD23" s="254">
        <v>9</v>
      </c>
      <c r="CE23" s="256">
        <v>0</v>
      </c>
      <c r="CF23" s="257">
        <v>17</v>
      </c>
      <c r="CG23" s="257">
        <v>56</v>
      </c>
      <c r="CH23" s="257">
        <v>11</v>
      </c>
      <c r="CI23" s="257">
        <v>42</v>
      </c>
      <c r="CJ23" s="257">
        <v>22</v>
      </c>
      <c r="CK23" s="254">
        <v>148</v>
      </c>
      <c r="CL23" s="259">
        <v>157</v>
      </c>
      <c r="CM23" s="253">
        <v>0</v>
      </c>
      <c r="CN23" s="257">
        <v>0</v>
      </c>
      <c r="CO23" s="254">
        <v>0</v>
      </c>
      <c r="CP23" s="256">
        <v>0</v>
      </c>
      <c r="CQ23" s="257">
        <v>0</v>
      </c>
      <c r="CR23" s="257">
        <v>0</v>
      </c>
      <c r="CS23" s="257">
        <v>0</v>
      </c>
      <c r="CT23" s="257">
        <v>0</v>
      </c>
      <c r="CU23" s="257">
        <v>0</v>
      </c>
      <c r="CV23" s="254">
        <v>0</v>
      </c>
      <c r="CW23" s="259">
        <v>0</v>
      </c>
      <c r="CX23" s="253">
        <v>0</v>
      </c>
      <c r="CY23" s="257">
        <v>0</v>
      </c>
      <c r="CZ23" s="254">
        <v>0</v>
      </c>
      <c r="DA23" s="256">
        <v>0</v>
      </c>
      <c r="DB23" s="257">
        <v>0</v>
      </c>
      <c r="DC23" s="257">
        <v>0</v>
      </c>
      <c r="DD23" s="257">
        <v>0</v>
      </c>
      <c r="DE23" s="257">
        <v>0</v>
      </c>
      <c r="DF23" s="257">
        <v>0</v>
      </c>
      <c r="DG23" s="254">
        <v>0</v>
      </c>
      <c r="DH23" s="259">
        <v>0</v>
      </c>
    </row>
    <row r="24" spans="2:112" ht="21" customHeight="1" x14ac:dyDescent="0.2">
      <c r="B24" s="437" t="s">
        <v>22</v>
      </c>
      <c r="C24" s="253">
        <v>0</v>
      </c>
      <c r="D24" s="257">
        <v>0</v>
      </c>
      <c r="E24" s="340">
        <v>0</v>
      </c>
      <c r="F24" s="256">
        <v>0</v>
      </c>
      <c r="G24" s="257">
        <v>868</v>
      </c>
      <c r="H24" s="257">
        <v>1310</v>
      </c>
      <c r="I24" s="257">
        <v>602</v>
      </c>
      <c r="J24" s="257">
        <v>1675</v>
      </c>
      <c r="K24" s="257">
        <v>1408</v>
      </c>
      <c r="L24" s="258">
        <v>5863</v>
      </c>
      <c r="M24" s="259">
        <v>5863</v>
      </c>
      <c r="N24" s="253">
        <v>0</v>
      </c>
      <c r="O24" s="257">
        <v>0</v>
      </c>
      <c r="P24" s="254">
        <v>0</v>
      </c>
      <c r="Q24" s="256">
        <v>0</v>
      </c>
      <c r="R24" s="257">
        <v>20</v>
      </c>
      <c r="S24" s="257">
        <v>16</v>
      </c>
      <c r="T24" s="257">
        <v>0</v>
      </c>
      <c r="U24" s="257">
        <v>41</v>
      </c>
      <c r="V24" s="257">
        <v>111</v>
      </c>
      <c r="W24" s="254">
        <v>188</v>
      </c>
      <c r="X24" s="259">
        <v>188</v>
      </c>
      <c r="Y24" s="253">
        <v>28</v>
      </c>
      <c r="Z24" s="257">
        <v>77</v>
      </c>
      <c r="AA24" s="254">
        <v>105</v>
      </c>
      <c r="AB24" s="256">
        <v>0</v>
      </c>
      <c r="AC24" s="257">
        <v>353</v>
      </c>
      <c r="AD24" s="257">
        <v>502</v>
      </c>
      <c r="AE24" s="257">
        <v>221</v>
      </c>
      <c r="AF24" s="257">
        <v>331</v>
      </c>
      <c r="AG24" s="257">
        <v>463</v>
      </c>
      <c r="AH24" s="254">
        <v>1870</v>
      </c>
      <c r="AI24" s="259">
        <v>1975</v>
      </c>
      <c r="AJ24" s="253">
        <v>3</v>
      </c>
      <c r="AK24" s="257">
        <v>12</v>
      </c>
      <c r="AL24" s="254">
        <v>15</v>
      </c>
      <c r="AM24" s="256">
        <v>0</v>
      </c>
      <c r="AN24" s="257">
        <v>123</v>
      </c>
      <c r="AO24" s="257">
        <v>161</v>
      </c>
      <c r="AP24" s="257">
        <v>30</v>
      </c>
      <c r="AQ24" s="257">
        <v>84</v>
      </c>
      <c r="AR24" s="257">
        <v>44</v>
      </c>
      <c r="AS24" s="254">
        <v>442</v>
      </c>
      <c r="AT24" s="259">
        <v>457</v>
      </c>
      <c r="AU24" s="253">
        <v>0</v>
      </c>
      <c r="AV24" s="257">
        <v>0</v>
      </c>
      <c r="AW24" s="254">
        <v>0</v>
      </c>
      <c r="AX24" s="256">
        <v>0</v>
      </c>
      <c r="AY24" s="257">
        <v>916</v>
      </c>
      <c r="AZ24" s="257">
        <v>1017</v>
      </c>
      <c r="BA24" s="257">
        <v>950</v>
      </c>
      <c r="BB24" s="257">
        <v>308</v>
      </c>
      <c r="BC24" s="257">
        <v>167</v>
      </c>
      <c r="BD24" s="258">
        <v>3358</v>
      </c>
      <c r="BE24" s="259">
        <v>3358</v>
      </c>
      <c r="BF24" s="253">
        <v>0</v>
      </c>
      <c r="BG24" s="257">
        <v>0</v>
      </c>
      <c r="BH24" s="254">
        <v>0</v>
      </c>
      <c r="BI24" s="256">
        <v>0</v>
      </c>
      <c r="BJ24" s="257">
        <v>137</v>
      </c>
      <c r="BK24" s="257">
        <v>233</v>
      </c>
      <c r="BL24" s="257">
        <v>124</v>
      </c>
      <c r="BM24" s="257">
        <v>104</v>
      </c>
      <c r="BN24" s="257">
        <v>30</v>
      </c>
      <c r="BO24" s="254">
        <v>628</v>
      </c>
      <c r="BP24" s="259">
        <v>628</v>
      </c>
      <c r="BQ24" s="253">
        <v>0</v>
      </c>
      <c r="BR24" s="257">
        <v>16</v>
      </c>
      <c r="BS24" s="254">
        <v>16</v>
      </c>
      <c r="BT24" s="256">
        <v>0</v>
      </c>
      <c r="BU24" s="257">
        <v>51</v>
      </c>
      <c r="BV24" s="257">
        <v>195</v>
      </c>
      <c r="BW24" s="257">
        <v>302</v>
      </c>
      <c r="BX24" s="257">
        <v>104</v>
      </c>
      <c r="BY24" s="257">
        <v>122</v>
      </c>
      <c r="BZ24" s="254">
        <v>774</v>
      </c>
      <c r="CA24" s="259">
        <v>790</v>
      </c>
      <c r="CB24" s="253">
        <v>0</v>
      </c>
      <c r="CC24" s="257">
        <v>0</v>
      </c>
      <c r="CD24" s="254">
        <v>0</v>
      </c>
      <c r="CE24" s="256">
        <v>0</v>
      </c>
      <c r="CF24" s="257">
        <v>10</v>
      </c>
      <c r="CG24" s="257">
        <v>0</v>
      </c>
      <c r="CH24" s="257">
        <v>8</v>
      </c>
      <c r="CI24" s="257">
        <v>51</v>
      </c>
      <c r="CJ24" s="257">
        <v>13</v>
      </c>
      <c r="CK24" s="254">
        <v>82</v>
      </c>
      <c r="CL24" s="259">
        <v>82</v>
      </c>
      <c r="CM24" s="253">
        <v>0</v>
      </c>
      <c r="CN24" s="257">
        <v>0</v>
      </c>
      <c r="CO24" s="254">
        <v>0</v>
      </c>
      <c r="CP24" s="256">
        <v>0</v>
      </c>
      <c r="CQ24" s="257">
        <v>0</v>
      </c>
      <c r="CR24" s="257">
        <v>0</v>
      </c>
      <c r="CS24" s="257">
        <v>0</v>
      </c>
      <c r="CT24" s="257">
        <v>0</v>
      </c>
      <c r="CU24" s="257">
        <v>0</v>
      </c>
      <c r="CV24" s="254">
        <v>0</v>
      </c>
      <c r="CW24" s="259">
        <v>0</v>
      </c>
      <c r="CX24" s="253">
        <v>0</v>
      </c>
      <c r="CY24" s="257">
        <v>0</v>
      </c>
      <c r="CZ24" s="254">
        <v>0</v>
      </c>
      <c r="DA24" s="256">
        <v>0</v>
      </c>
      <c r="DB24" s="257">
        <v>0</v>
      </c>
      <c r="DC24" s="257">
        <v>0</v>
      </c>
      <c r="DD24" s="257">
        <v>0</v>
      </c>
      <c r="DE24" s="257">
        <v>0</v>
      </c>
      <c r="DF24" s="257">
        <v>0</v>
      </c>
      <c r="DG24" s="254">
        <v>0</v>
      </c>
      <c r="DH24" s="259">
        <v>0</v>
      </c>
    </row>
    <row r="25" spans="2:112" ht="21" customHeight="1" x14ac:dyDescent="0.2">
      <c r="B25" s="437" t="s">
        <v>23</v>
      </c>
      <c r="C25" s="253">
        <v>0</v>
      </c>
      <c r="D25" s="257">
        <v>0</v>
      </c>
      <c r="E25" s="340">
        <v>0</v>
      </c>
      <c r="F25" s="256">
        <v>0</v>
      </c>
      <c r="G25" s="257">
        <v>1634</v>
      </c>
      <c r="H25" s="257">
        <v>2200</v>
      </c>
      <c r="I25" s="257">
        <v>2490</v>
      </c>
      <c r="J25" s="257">
        <v>3640</v>
      </c>
      <c r="K25" s="257">
        <v>2820</v>
      </c>
      <c r="L25" s="258">
        <v>12784</v>
      </c>
      <c r="M25" s="259">
        <v>12784</v>
      </c>
      <c r="N25" s="253">
        <v>0</v>
      </c>
      <c r="O25" s="257">
        <v>0</v>
      </c>
      <c r="P25" s="254">
        <v>0</v>
      </c>
      <c r="Q25" s="256">
        <v>0</v>
      </c>
      <c r="R25" s="257">
        <v>1</v>
      </c>
      <c r="S25" s="257">
        <v>21</v>
      </c>
      <c r="T25" s="257">
        <v>19</v>
      </c>
      <c r="U25" s="257">
        <v>86</v>
      </c>
      <c r="V25" s="257">
        <v>118</v>
      </c>
      <c r="W25" s="254">
        <v>245</v>
      </c>
      <c r="X25" s="259">
        <v>245</v>
      </c>
      <c r="Y25" s="253">
        <v>211</v>
      </c>
      <c r="Z25" s="257">
        <v>541</v>
      </c>
      <c r="AA25" s="254">
        <v>752</v>
      </c>
      <c r="AB25" s="256">
        <v>0</v>
      </c>
      <c r="AC25" s="257">
        <v>796</v>
      </c>
      <c r="AD25" s="257">
        <v>1656</v>
      </c>
      <c r="AE25" s="257">
        <v>909</v>
      </c>
      <c r="AF25" s="257">
        <v>749</v>
      </c>
      <c r="AG25" s="257">
        <v>538</v>
      </c>
      <c r="AH25" s="254">
        <v>4648</v>
      </c>
      <c r="AI25" s="259">
        <v>5400</v>
      </c>
      <c r="AJ25" s="253">
        <v>55</v>
      </c>
      <c r="AK25" s="257">
        <v>143</v>
      </c>
      <c r="AL25" s="254">
        <v>198</v>
      </c>
      <c r="AM25" s="256">
        <v>0</v>
      </c>
      <c r="AN25" s="257">
        <v>105</v>
      </c>
      <c r="AO25" s="257">
        <v>236</v>
      </c>
      <c r="AP25" s="257">
        <v>104</v>
      </c>
      <c r="AQ25" s="257">
        <v>111</v>
      </c>
      <c r="AR25" s="257">
        <v>42</v>
      </c>
      <c r="AS25" s="254">
        <v>598</v>
      </c>
      <c r="AT25" s="259">
        <v>796</v>
      </c>
      <c r="AU25" s="253">
        <v>0</v>
      </c>
      <c r="AV25" s="257">
        <v>0</v>
      </c>
      <c r="AW25" s="254">
        <v>0</v>
      </c>
      <c r="AX25" s="256">
        <v>0</v>
      </c>
      <c r="AY25" s="257">
        <v>2342</v>
      </c>
      <c r="AZ25" s="257">
        <v>2306</v>
      </c>
      <c r="BA25" s="257">
        <v>1605</v>
      </c>
      <c r="BB25" s="257">
        <v>905</v>
      </c>
      <c r="BC25" s="257">
        <v>261</v>
      </c>
      <c r="BD25" s="258">
        <v>7419</v>
      </c>
      <c r="BE25" s="259">
        <v>7419</v>
      </c>
      <c r="BF25" s="253">
        <v>0</v>
      </c>
      <c r="BG25" s="257">
        <v>0</v>
      </c>
      <c r="BH25" s="254">
        <v>0</v>
      </c>
      <c r="BI25" s="256">
        <v>0</v>
      </c>
      <c r="BJ25" s="257">
        <v>289</v>
      </c>
      <c r="BK25" s="257">
        <v>339</v>
      </c>
      <c r="BL25" s="257">
        <v>252</v>
      </c>
      <c r="BM25" s="257">
        <v>159</v>
      </c>
      <c r="BN25" s="257">
        <v>37</v>
      </c>
      <c r="BO25" s="254">
        <v>1076</v>
      </c>
      <c r="BP25" s="259">
        <v>1076</v>
      </c>
      <c r="BQ25" s="253">
        <v>8</v>
      </c>
      <c r="BR25" s="257">
        <v>2</v>
      </c>
      <c r="BS25" s="254">
        <v>10</v>
      </c>
      <c r="BT25" s="256">
        <v>0</v>
      </c>
      <c r="BU25" s="257">
        <v>171</v>
      </c>
      <c r="BV25" s="257">
        <v>356</v>
      </c>
      <c r="BW25" s="257">
        <v>681</v>
      </c>
      <c r="BX25" s="257">
        <v>514</v>
      </c>
      <c r="BY25" s="257">
        <v>139</v>
      </c>
      <c r="BZ25" s="254">
        <v>1861</v>
      </c>
      <c r="CA25" s="259">
        <v>1871</v>
      </c>
      <c r="CB25" s="253">
        <v>0</v>
      </c>
      <c r="CC25" s="257">
        <v>0</v>
      </c>
      <c r="CD25" s="254">
        <v>0</v>
      </c>
      <c r="CE25" s="256">
        <v>0</v>
      </c>
      <c r="CF25" s="257">
        <v>0</v>
      </c>
      <c r="CG25" s="257">
        <v>6</v>
      </c>
      <c r="CH25" s="257">
        <v>0</v>
      </c>
      <c r="CI25" s="257">
        <v>28</v>
      </c>
      <c r="CJ25" s="257">
        <v>25</v>
      </c>
      <c r="CK25" s="254">
        <v>59</v>
      </c>
      <c r="CL25" s="259">
        <v>59</v>
      </c>
      <c r="CM25" s="253">
        <v>0</v>
      </c>
      <c r="CN25" s="257">
        <v>0</v>
      </c>
      <c r="CO25" s="254">
        <v>0</v>
      </c>
      <c r="CP25" s="256">
        <v>0</v>
      </c>
      <c r="CQ25" s="257">
        <v>0</v>
      </c>
      <c r="CR25" s="257">
        <v>0</v>
      </c>
      <c r="CS25" s="257">
        <v>0</v>
      </c>
      <c r="CT25" s="257">
        <v>0</v>
      </c>
      <c r="CU25" s="257">
        <v>0</v>
      </c>
      <c r="CV25" s="254">
        <v>0</v>
      </c>
      <c r="CW25" s="259">
        <v>0</v>
      </c>
      <c r="CX25" s="253">
        <v>0</v>
      </c>
      <c r="CY25" s="257">
        <v>0</v>
      </c>
      <c r="CZ25" s="254">
        <v>0</v>
      </c>
      <c r="DA25" s="256">
        <v>0</v>
      </c>
      <c r="DB25" s="257">
        <v>0</v>
      </c>
      <c r="DC25" s="257">
        <v>0</v>
      </c>
      <c r="DD25" s="257">
        <v>0</v>
      </c>
      <c r="DE25" s="257">
        <v>0</v>
      </c>
      <c r="DF25" s="257">
        <v>0</v>
      </c>
      <c r="DG25" s="254">
        <v>0</v>
      </c>
      <c r="DH25" s="259">
        <v>0</v>
      </c>
    </row>
    <row r="26" spans="2:112" ht="21" customHeight="1" x14ac:dyDescent="0.2">
      <c r="B26" s="437" t="s">
        <v>24</v>
      </c>
      <c r="C26" s="253">
        <v>0</v>
      </c>
      <c r="D26" s="257">
        <v>0</v>
      </c>
      <c r="E26" s="340">
        <v>0</v>
      </c>
      <c r="F26" s="256">
        <v>0</v>
      </c>
      <c r="G26" s="257">
        <v>690</v>
      </c>
      <c r="H26" s="257">
        <v>1109</v>
      </c>
      <c r="I26" s="257">
        <v>1571</v>
      </c>
      <c r="J26" s="257">
        <v>1899</v>
      </c>
      <c r="K26" s="257">
        <v>1423</v>
      </c>
      <c r="L26" s="258">
        <v>6692</v>
      </c>
      <c r="M26" s="259">
        <v>6692</v>
      </c>
      <c r="N26" s="253">
        <v>0</v>
      </c>
      <c r="O26" s="257">
        <v>0</v>
      </c>
      <c r="P26" s="254">
        <v>0</v>
      </c>
      <c r="Q26" s="256">
        <v>0</v>
      </c>
      <c r="R26" s="257">
        <v>4</v>
      </c>
      <c r="S26" s="257">
        <v>15</v>
      </c>
      <c r="T26" s="257">
        <v>11</v>
      </c>
      <c r="U26" s="257">
        <v>39</v>
      </c>
      <c r="V26" s="257">
        <v>116</v>
      </c>
      <c r="W26" s="254">
        <v>185</v>
      </c>
      <c r="X26" s="259">
        <v>185</v>
      </c>
      <c r="Y26" s="253">
        <v>76</v>
      </c>
      <c r="Z26" s="257">
        <v>190</v>
      </c>
      <c r="AA26" s="254">
        <v>266</v>
      </c>
      <c r="AB26" s="256">
        <v>0</v>
      </c>
      <c r="AC26" s="257">
        <v>599</v>
      </c>
      <c r="AD26" s="257">
        <v>574</v>
      </c>
      <c r="AE26" s="257">
        <v>290</v>
      </c>
      <c r="AF26" s="257">
        <v>447</v>
      </c>
      <c r="AG26" s="257">
        <v>358</v>
      </c>
      <c r="AH26" s="254">
        <v>2268</v>
      </c>
      <c r="AI26" s="259">
        <v>2534</v>
      </c>
      <c r="AJ26" s="253">
        <v>0</v>
      </c>
      <c r="AK26" s="257">
        <v>8</v>
      </c>
      <c r="AL26" s="254">
        <v>8</v>
      </c>
      <c r="AM26" s="256">
        <v>0</v>
      </c>
      <c r="AN26" s="257">
        <v>36</v>
      </c>
      <c r="AO26" s="257">
        <v>64</v>
      </c>
      <c r="AP26" s="257">
        <v>42</v>
      </c>
      <c r="AQ26" s="257">
        <v>34</v>
      </c>
      <c r="AR26" s="257">
        <v>41</v>
      </c>
      <c r="AS26" s="254">
        <v>217</v>
      </c>
      <c r="AT26" s="259">
        <v>225</v>
      </c>
      <c r="AU26" s="253">
        <v>0</v>
      </c>
      <c r="AV26" s="257">
        <v>0</v>
      </c>
      <c r="AW26" s="254">
        <v>0</v>
      </c>
      <c r="AX26" s="256">
        <v>0</v>
      </c>
      <c r="AY26" s="257">
        <v>899</v>
      </c>
      <c r="AZ26" s="257">
        <v>793</v>
      </c>
      <c r="BA26" s="257">
        <v>326</v>
      </c>
      <c r="BB26" s="257">
        <v>183</v>
      </c>
      <c r="BC26" s="257">
        <v>145</v>
      </c>
      <c r="BD26" s="258">
        <v>2346</v>
      </c>
      <c r="BE26" s="259">
        <v>2346</v>
      </c>
      <c r="BF26" s="253">
        <v>0</v>
      </c>
      <c r="BG26" s="257">
        <v>0</v>
      </c>
      <c r="BH26" s="254">
        <v>0</v>
      </c>
      <c r="BI26" s="256">
        <v>0</v>
      </c>
      <c r="BJ26" s="257">
        <v>330</v>
      </c>
      <c r="BK26" s="257">
        <v>241</v>
      </c>
      <c r="BL26" s="257">
        <v>219</v>
      </c>
      <c r="BM26" s="257">
        <v>113</v>
      </c>
      <c r="BN26" s="257">
        <v>104</v>
      </c>
      <c r="BO26" s="254">
        <v>1007</v>
      </c>
      <c r="BP26" s="259">
        <v>1007</v>
      </c>
      <c r="BQ26" s="253">
        <v>11</v>
      </c>
      <c r="BR26" s="257">
        <v>3</v>
      </c>
      <c r="BS26" s="254">
        <v>14</v>
      </c>
      <c r="BT26" s="256">
        <v>0</v>
      </c>
      <c r="BU26" s="257">
        <v>147</v>
      </c>
      <c r="BV26" s="257">
        <v>171</v>
      </c>
      <c r="BW26" s="257">
        <v>223</v>
      </c>
      <c r="BX26" s="257">
        <v>336</v>
      </c>
      <c r="BY26" s="257">
        <v>165</v>
      </c>
      <c r="BZ26" s="254">
        <v>1042</v>
      </c>
      <c r="CA26" s="259">
        <v>1056</v>
      </c>
      <c r="CB26" s="253">
        <v>0</v>
      </c>
      <c r="CC26" s="257">
        <v>0</v>
      </c>
      <c r="CD26" s="254">
        <v>0</v>
      </c>
      <c r="CE26" s="256">
        <v>0</v>
      </c>
      <c r="CF26" s="257">
        <v>3</v>
      </c>
      <c r="CG26" s="257">
        <v>0</v>
      </c>
      <c r="CH26" s="257">
        <v>11</v>
      </c>
      <c r="CI26" s="257">
        <v>5</v>
      </c>
      <c r="CJ26" s="257">
        <v>18</v>
      </c>
      <c r="CK26" s="254">
        <v>37</v>
      </c>
      <c r="CL26" s="259">
        <v>37</v>
      </c>
      <c r="CM26" s="253">
        <v>0</v>
      </c>
      <c r="CN26" s="257">
        <v>0</v>
      </c>
      <c r="CO26" s="254">
        <v>0</v>
      </c>
      <c r="CP26" s="256">
        <v>0</v>
      </c>
      <c r="CQ26" s="257">
        <v>0</v>
      </c>
      <c r="CR26" s="257">
        <v>0</v>
      </c>
      <c r="CS26" s="257">
        <v>0</v>
      </c>
      <c r="CT26" s="257">
        <v>0</v>
      </c>
      <c r="CU26" s="257">
        <v>0</v>
      </c>
      <c r="CV26" s="254">
        <v>0</v>
      </c>
      <c r="CW26" s="259">
        <v>0</v>
      </c>
      <c r="CX26" s="253">
        <v>0</v>
      </c>
      <c r="CY26" s="257">
        <v>0</v>
      </c>
      <c r="CZ26" s="254">
        <v>0</v>
      </c>
      <c r="DA26" s="256">
        <v>0</v>
      </c>
      <c r="DB26" s="257">
        <v>0</v>
      </c>
      <c r="DC26" s="257">
        <v>0</v>
      </c>
      <c r="DD26" s="257">
        <v>0</v>
      </c>
      <c r="DE26" s="257">
        <v>0</v>
      </c>
      <c r="DF26" s="257">
        <v>0</v>
      </c>
      <c r="DG26" s="254">
        <v>0</v>
      </c>
      <c r="DH26" s="259">
        <v>0</v>
      </c>
    </row>
    <row r="27" spans="2:112" ht="21" customHeight="1" x14ac:dyDescent="0.2">
      <c r="B27" s="437" t="s">
        <v>25</v>
      </c>
      <c r="C27" s="253">
        <v>0</v>
      </c>
      <c r="D27" s="257">
        <v>0</v>
      </c>
      <c r="E27" s="340">
        <v>0</v>
      </c>
      <c r="F27" s="256">
        <v>0</v>
      </c>
      <c r="G27" s="257">
        <v>1371</v>
      </c>
      <c r="H27" s="257">
        <v>1706</v>
      </c>
      <c r="I27" s="257">
        <v>1608</v>
      </c>
      <c r="J27" s="257">
        <v>2290</v>
      </c>
      <c r="K27" s="257">
        <v>2375</v>
      </c>
      <c r="L27" s="258">
        <v>9350</v>
      </c>
      <c r="M27" s="259">
        <v>9350</v>
      </c>
      <c r="N27" s="253">
        <v>0</v>
      </c>
      <c r="O27" s="257">
        <v>0</v>
      </c>
      <c r="P27" s="254">
        <v>0</v>
      </c>
      <c r="Q27" s="256">
        <v>0</v>
      </c>
      <c r="R27" s="257">
        <v>12</v>
      </c>
      <c r="S27" s="257">
        <v>27</v>
      </c>
      <c r="T27" s="257">
        <v>55</v>
      </c>
      <c r="U27" s="257">
        <v>72</v>
      </c>
      <c r="V27" s="257">
        <v>84</v>
      </c>
      <c r="W27" s="254">
        <v>250</v>
      </c>
      <c r="X27" s="259">
        <v>250</v>
      </c>
      <c r="Y27" s="253">
        <v>80</v>
      </c>
      <c r="Z27" s="257">
        <v>300</v>
      </c>
      <c r="AA27" s="254">
        <v>380</v>
      </c>
      <c r="AB27" s="256">
        <v>0</v>
      </c>
      <c r="AC27" s="257">
        <v>712</v>
      </c>
      <c r="AD27" s="257">
        <v>694</v>
      </c>
      <c r="AE27" s="257">
        <v>451</v>
      </c>
      <c r="AF27" s="257">
        <v>339</v>
      </c>
      <c r="AG27" s="257">
        <v>243</v>
      </c>
      <c r="AH27" s="254">
        <v>2439</v>
      </c>
      <c r="AI27" s="259">
        <v>2819</v>
      </c>
      <c r="AJ27" s="253">
        <v>8</v>
      </c>
      <c r="AK27" s="257">
        <v>50</v>
      </c>
      <c r="AL27" s="254">
        <v>58</v>
      </c>
      <c r="AM27" s="256">
        <v>0</v>
      </c>
      <c r="AN27" s="257">
        <v>12</v>
      </c>
      <c r="AO27" s="257">
        <v>170</v>
      </c>
      <c r="AP27" s="257">
        <v>40</v>
      </c>
      <c r="AQ27" s="257">
        <v>61</v>
      </c>
      <c r="AR27" s="257">
        <v>56</v>
      </c>
      <c r="AS27" s="254">
        <v>339</v>
      </c>
      <c r="AT27" s="259">
        <v>397</v>
      </c>
      <c r="AU27" s="253">
        <v>0</v>
      </c>
      <c r="AV27" s="257">
        <v>0</v>
      </c>
      <c r="AW27" s="254">
        <v>0</v>
      </c>
      <c r="AX27" s="256">
        <v>0</v>
      </c>
      <c r="AY27" s="257">
        <v>1319</v>
      </c>
      <c r="AZ27" s="257">
        <v>977</v>
      </c>
      <c r="BA27" s="257">
        <v>679</v>
      </c>
      <c r="BB27" s="257">
        <v>470</v>
      </c>
      <c r="BC27" s="257">
        <v>139</v>
      </c>
      <c r="BD27" s="258">
        <v>3584</v>
      </c>
      <c r="BE27" s="259">
        <v>3584</v>
      </c>
      <c r="BF27" s="253">
        <v>0</v>
      </c>
      <c r="BG27" s="257">
        <v>0</v>
      </c>
      <c r="BH27" s="254">
        <v>0</v>
      </c>
      <c r="BI27" s="256">
        <v>0</v>
      </c>
      <c r="BJ27" s="257">
        <v>234</v>
      </c>
      <c r="BK27" s="257">
        <v>404</v>
      </c>
      <c r="BL27" s="257">
        <v>202</v>
      </c>
      <c r="BM27" s="257">
        <v>119</v>
      </c>
      <c r="BN27" s="257">
        <v>20</v>
      </c>
      <c r="BO27" s="254">
        <v>979</v>
      </c>
      <c r="BP27" s="259">
        <v>979</v>
      </c>
      <c r="BQ27" s="253">
        <v>0</v>
      </c>
      <c r="BR27" s="257">
        <v>21</v>
      </c>
      <c r="BS27" s="254">
        <v>21</v>
      </c>
      <c r="BT27" s="256">
        <v>0</v>
      </c>
      <c r="BU27" s="257">
        <v>149</v>
      </c>
      <c r="BV27" s="257">
        <v>160</v>
      </c>
      <c r="BW27" s="257">
        <v>290</v>
      </c>
      <c r="BX27" s="257">
        <v>153</v>
      </c>
      <c r="BY27" s="257">
        <v>81</v>
      </c>
      <c r="BZ27" s="254">
        <v>833</v>
      </c>
      <c r="CA27" s="259">
        <v>854</v>
      </c>
      <c r="CB27" s="253">
        <v>0</v>
      </c>
      <c r="CC27" s="257">
        <v>0</v>
      </c>
      <c r="CD27" s="254">
        <v>0</v>
      </c>
      <c r="CE27" s="256">
        <v>0</v>
      </c>
      <c r="CF27" s="257">
        <v>5</v>
      </c>
      <c r="CG27" s="257">
        <v>30</v>
      </c>
      <c r="CH27" s="257">
        <v>53</v>
      </c>
      <c r="CI27" s="257">
        <v>29</v>
      </c>
      <c r="CJ27" s="257">
        <v>13</v>
      </c>
      <c r="CK27" s="254">
        <v>130</v>
      </c>
      <c r="CL27" s="259">
        <v>130</v>
      </c>
      <c r="CM27" s="253">
        <v>0</v>
      </c>
      <c r="CN27" s="257">
        <v>0</v>
      </c>
      <c r="CO27" s="254">
        <v>0</v>
      </c>
      <c r="CP27" s="256">
        <v>0</v>
      </c>
      <c r="CQ27" s="257">
        <v>0</v>
      </c>
      <c r="CR27" s="257">
        <v>0</v>
      </c>
      <c r="CS27" s="257">
        <v>0</v>
      </c>
      <c r="CT27" s="257">
        <v>0</v>
      </c>
      <c r="CU27" s="257">
        <v>0</v>
      </c>
      <c r="CV27" s="254">
        <v>0</v>
      </c>
      <c r="CW27" s="259">
        <v>0</v>
      </c>
      <c r="CX27" s="253">
        <v>0</v>
      </c>
      <c r="CY27" s="257">
        <v>0</v>
      </c>
      <c r="CZ27" s="254">
        <v>0</v>
      </c>
      <c r="DA27" s="256">
        <v>0</v>
      </c>
      <c r="DB27" s="257">
        <v>0</v>
      </c>
      <c r="DC27" s="257">
        <v>0</v>
      </c>
      <c r="DD27" s="257">
        <v>0</v>
      </c>
      <c r="DE27" s="257">
        <v>0</v>
      </c>
      <c r="DF27" s="257">
        <v>0</v>
      </c>
      <c r="DG27" s="254">
        <v>0</v>
      </c>
      <c r="DH27" s="259">
        <v>0</v>
      </c>
    </row>
    <row r="28" spans="2:112" ht="21" customHeight="1" x14ac:dyDescent="0.2">
      <c r="B28" s="437" t="s">
        <v>26</v>
      </c>
      <c r="C28" s="253">
        <v>0</v>
      </c>
      <c r="D28" s="257">
        <v>0</v>
      </c>
      <c r="E28" s="340">
        <v>0</v>
      </c>
      <c r="F28" s="256">
        <v>0</v>
      </c>
      <c r="G28" s="257">
        <v>931</v>
      </c>
      <c r="H28" s="257">
        <v>1383</v>
      </c>
      <c r="I28" s="257">
        <v>1478</v>
      </c>
      <c r="J28" s="257">
        <v>1377</v>
      </c>
      <c r="K28" s="257">
        <v>2427</v>
      </c>
      <c r="L28" s="258">
        <v>7596</v>
      </c>
      <c r="M28" s="259">
        <v>7596</v>
      </c>
      <c r="N28" s="253">
        <v>0</v>
      </c>
      <c r="O28" s="257">
        <v>0</v>
      </c>
      <c r="P28" s="254">
        <v>0</v>
      </c>
      <c r="Q28" s="256">
        <v>0</v>
      </c>
      <c r="R28" s="257">
        <v>0</v>
      </c>
      <c r="S28" s="257">
        <v>4</v>
      </c>
      <c r="T28" s="257">
        <v>17</v>
      </c>
      <c r="U28" s="257">
        <v>47</v>
      </c>
      <c r="V28" s="257">
        <v>84</v>
      </c>
      <c r="W28" s="254">
        <v>152</v>
      </c>
      <c r="X28" s="259">
        <v>152</v>
      </c>
      <c r="Y28" s="253">
        <v>70</v>
      </c>
      <c r="Z28" s="257">
        <v>91</v>
      </c>
      <c r="AA28" s="254">
        <v>161</v>
      </c>
      <c r="AB28" s="256">
        <v>0</v>
      </c>
      <c r="AC28" s="257">
        <v>433</v>
      </c>
      <c r="AD28" s="257">
        <v>506</v>
      </c>
      <c r="AE28" s="257">
        <v>331</v>
      </c>
      <c r="AF28" s="257">
        <v>305</v>
      </c>
      <c r="AG28" s="257">
        <v>454</v>
      </c>
      <c r="AH28" s="254">
        <v>2029</v>
      </c>
      <c r="AI28" s="259">
        <v>2190</v>
      </c>
      <c r="AJ28" s="253">
        <v>0</v>
      </c>
      <c r="AK28" s="257">
        <v>24</v>
      </c>
      <c r="AL28" s="254">
        <v>24</v>
      </c>
      <c r="AM28" s="256">
        <v>0</v>
      </c>
      <c r="AN28" s="257">
        <v>0</v>
      </c>
      <c r="AO28" s="257">
        <v>32</v>
      </c>
      <c r="AP28" s="257">
        <v>87</v>
      </c>
      <c r="AQ28" s="257">
        <v>17</v>
      </c>
      <c r="AR28" s="257">
        <v>49</v>
      </c>
      <c r="AS28" s="254">
        <v>185</v>
      </c>
      <c r="AT28" s="259">
        <v>209</v>
      </c>
      <c r="AU28" s="253">
        <v>0</v>
      </c>
      <c r="AV28" s="257">
        <v>0</v>
      </c>
      <c r="AW28" s="254">
        <v>0</v>
      </c>
      <c r="AX28" s="256">
        <v>0</v>
      </c>
      <c r="AY28" s="257">
        <v>883</v>
      </c>
      <c r="AZ28" s="257">
        <v>813</v>
      </c>
      <c r="BA28" s="257">
        <v>432</v>
      </c>
      <c r="BB28" s="257">
        <v>277</v>
      </c>
      <c r="BC28" s="257">
        <v>176</v>
      </c>
      <c r="BD28" s="258">
        <v>2581</v>
      </c>
      <c r="BE28" s="259">
        <v>2581</v>
      </c>
      <c r="BF28" s="253">
        <v>0</v>
      </c>
      <c r="BG28" s="257">
        <v>0</v>
      </c>
      <c r="BH28" s="254">
        <v>0</v>
      </c>
      <c r="BI28" s="256">
        <v>0</v>
      </c>
      <c r="BJ28" s="257">
        <v>160</v>
      </c>
      <c r="BK28" s="257">
        <v>150</v>
      </c>
      <c r="BL28" s="257">
        <v>116</v>
      </c>
      <c r="BM28" s="257">
        <v>89</v>
      </c>
      <c r="BN28" s="257">
        <v>29</v>
      </c>
      <c r="BO28" s="254">
        <v>544</v>
      </c>
      <c r="BP28" s="259">
        <v>544</v>
      </c>
      <c r="BQ28" s="253">
        <v>3</v>
      </c>
      <c r="BR28" s="257">
        <v>0</v>
      </c>
      <c r="BS28" s="254">
        <v>3</v>
      </c>
      <c r="BT28" s="256">
        <v>0</v>
      </c>
      <c r="BU28" s="257">
        <v>136</v>
      </c>
      <c r="BV28" s="257">
        <v>168</v>
      </c>
      <c r="BW28" s="257">
        <v>326</v>
      </c>
      <c r="BX28" s="257">
        <v>139</v>
      </c>
      <c r="BY28" s="257">
        <v>168</v>
      </c>
      <c r="BZ28" s="254">
        <v>937</v>
      </c>
      <c r="CA28" s="259">
        <v>940</v>
      </c>
      <c r="CB28" s="253">
        <v>0</v>
      </c>
      <c r="CC28" s="257">
        <v>0</v>
      </c>
      <c r="CD28" s="254">
        <v>0</v>
      </c>
      <c r="CE28" s="256">
        <v>0</v>
      </c>
      <c r="CF28" s="257">
        <v>12</v>
      </c>
      <c r="CG28" s="257">
        <v>11</v>
      </c>
      <c r="CH28" s="257">
        <v>34</v>
      </c>
      <c r="CI28" s="257">
        <v>30</v>
      </c>
      <c r="CJ28" s="257">
        <v>6</v>
      </c>
      <c r="CK28" s="254">
        <v>93</v>
      </c>
      <c r="CL28" s="259">
        <v>93</v>
      </c>
      <c r="CM28" s="253">
        <v>0</v>
      </c>
      <c r="CN28" s="257">
        <v>0</v>
      </c>
      <c r="CO28" s="254">
        <v>0</v>
      </c>
      <c r="CP28" s="256">
        <v>0</v>
      </c>
      <c r="CQ28" s="257">
        <v>0</v>
      </c>
      <c r="CR28" s="257">
        <v>0</v>
      </c>
      <c r="CS28" s="257">
        <v>0</v>
      </c>
      <c r="CT28" s="257">
        <v>0</v>
      </c>
      <c r="CU28" s="257">
        <v>0</v>
      </c>
      <c r="CV28" s="254">
        <v>0</v>
      </c>
      <c r="CW28" s="259">
        <v>0</v>
      </c>
      <c r="CX28" s="253">
        <v>0</v>
      </c>
      <c r="CY28" s="257">
        <v>0</v>
      </c>
      <c r="CZ28" s="254">
        <v>0</v>
      </c>
      <c r="DA28" s="256">
        <v>0</v>
      </c>
      <c r="DB28" s="257">
        <v>0</v>
      </c>
      <c r="DC28" s="257">
        <v>0</v>
      </c>
      <c r="DD28" s="257">
        <v>0</v>
      </c>
      <c r="DE28" s="257">
        <v>0</v>
      </c>
      <c r="DF28" s="257">
        <v>0</v>
      </c>
      <c r="DG28" s="254">
        <v>0</v>
      </c>
      <c r="DH28" s="259">
        <v>0</v>
      </c>
    </row>
    <row r="29" spans="2:112" ht="21" customHeight="1" x14ac:dyDescent="0.2">
      <c r="B29" s="437" t="s">
        <v>27</v>
      </c>
      <c r="C29" s="253">
        <v>0</v>
      </c>
      <c r="D29" s="257">
        <v>0</v>
      </c>
      <c r="E29" s="340">
        <v>0</v>
      </c>
      <c r="F29" s="256">
        <v>0</v>
      </c>
      <c r="G29" s="257">
        <v>566</v>
      </c>
      <c r="H29" s="257">
        <v>1030</v>
      </c>
      <c r="I29" s="257">
        <v>1074</v>
      </c>
      <c r="J29" s="257">
        <v>862</v>
      </c>
      <c r="K29" s="257">
        <v>1210</v>
      </c>
      <c r="L29" s="258">
        <v>4742</v>
      </c>
      <c r="M29" s="259">
        <v>4742</v>
      </c>
      <c r="N29" s="253">
        <v>0</v>
      </c>
      <c r="O29" s="257">
        <v>0</v>
      </c>
      <c r="P29" s="254">
        <v>0</v>
      </c>
      <c r="Q29" s="256">
        <v>0</v>
      </c>
      <c r="R29" s="257">
        <v>6</v>
      </c>
      <c r="S29" s="257">
        <v>25</v>
      </c>
      <c r="T29" s="257">
        <v>20</v>
      </c>
      <c r="U29" s="257">
        <v>46</v>
      </c>
      <c r="V29" s="257">
        <v>89</v>
      </c>
      <c r="W29" s="254">
        <v>186</v>
      </c>
      <c r="X29" s="259">
        <v>186</v>
      </c>
      <c r="Y29" s="253">
        <v>89</v>
      </c>
      <c r="Z29" s="257">
        <v>290</v>
      </c>
      <c r="AA29" s="254">
        <v>379</v>
      </c>
      <c r="AB29" s="256">
        <v>0</v>
      </c>
      <c r="AC29" s="257">
        <v>228</v>
      </c>
      <c r="AD29" s="257">
        <v>444</v>
      </c>
      <c r="AE29" s="257">
        <v>288</v>
      </c>
      <c r="AF29" s="257">
        <v>254</v>
      </c>
      <c r="AG29" s="257">
        <v>248</v>
      </c>
      <c r="AH29" s="254">
        <v>1462</v>
      </c>
      <c r="AI29" s="259">
        <v>1841</v>
      </c>
      <c r="AJ29" s="253">
        <v>0</v>
      </c>
      <c r="AK29" s="257">
        <v>16</v>
      </c>
      <c r="AL29" s="254">
        <v>16</v>
      </c>
      <c r="AM29" s="256">
        <v>0</v>
      </c>
      <c r="AN29" s="257">
        <v>24</v>
      </c>
      <c r="AO29" s="257">
        <v>18</v>
      </c>
      <c r="AP29" s="257">
        <v>9</v>
      </c>
      <c r="AQ29" s="257">
        <v>0</v>
      </c>
      <c r="AR29" s="257">
        <v>16</v>
      </c>
      <c r="AS29" s="254">
        <v>67</v>
      </c>
      <c r="AT29" s="259">
        <v>83</v>
      </c>
      <c r="AU29" s="253">
        <v>0</v>
      </c>
      <c r="AV29" s="257">
        <v>0</v>
      </c>
      <c r="AW29" s="254">
        <v>0</v>
      </c>
      <c r="AX29" s="256">
        <v>0</v>
      </c>
      <c r="AY29" s="257">
        <v>953</v>
      </c>
      <c r="AZ29" s="257">
        <v>459</v>
      </c>
      <c r="BA29" s="257">
        <v>341</v>
      </c>
      <c r="BB29" s="257">
        <v>297</v>
      </c>
      <c r="BC29" s="257">
        <v>131</v>
      </c>
      <c r="BD29" s="258">
        <v>2181</v>
      </c>
      <c r="BE29" s="259">
        <v>2181</v>
      </c>
      <c r="BF29" s="253">
        <v>0</v>
      </c>
      <c r="BG29" s="257">
        <v>0</v>
      </c>
      <c r="BH29" s="254">
        <v>0</v>
      </c>
      <c r="BI29" s="256">
        <v>0</v>
      </c>
      <c r="BJ29" s="257">
        <v>136</v>
      </c>
      <c r="BK29" s="257">
        <v>197</v>
      </c>
      <c r="BL29" s="257">
        <v>113</v>
      </c>
      <c r="BM29" s="257">
        <v>18</v>
      </c>
      <c r="BN29" s="257">
        <v>43</v>
      </c>
      <c r="BO29" s="254">
        <v>507</v>
      </c>
      <c r="BP29" s="259">
        <v>507</v>
      </c>
      <c r="BQ29" s="253">
        <v>0</v>
      </c>
      <c r="BR29" s="257">
        <v>0</v>
      </c>
      <c r="BS29" s="254">
        <v>0</v>
      </c>
      <c r="BT29" s="256">
        <v>0</v>
      </c>
      <c r="BU29" s="257">
        <v>82</v>
      </c>
      <c r="BV29" s="257">
        <v>89</v>
      </c>
      <c r="BW29" s="257">
        <v>115</v>
      </c>
      <c r="BX29" s="257">
        <v>101</v>
      </c>
      <c r="BY29" s="257">
        <v>62</v>
      </c>
      <c r="BZ29" s="254">
        <v>449</v>
      </c>
      <c r="CA29" s="259">
        <v>449</v>
      </c>
      <c r="CB29" s="253">
        <v>2</v>
      </c>
      <c r="CC29" s="257">
        <v>0</v>
      </c>
      <c r="CD29" s="254">
        <v>2</v>
      </c>
      <c r="CE29" s="256">
        <v>0</v>
      </c>
      <c r="CF29" s="257">
        <v>0</v>
      </c>
      <c r="CG29" s="257">
        <v>0</v>
      </c>
      <c r="CH29" s="257">
        <v>0</v>
      </c>
      <c r="CI29" s="257">
        <v>15</v>
      </c>
      <c r="CJ29" s="257">
        <v>0</v>
      </c>
      <c r="CK29" s="254">
        <v>15</v>
      </c>
      <c r="CL29" s="259">
        <v>17</v>
      </c>
      <c r="CM29" s="253">
        <v>0</v>
      </c>
      <c r="CN29" s="257">
        <v>0</v>
      </c>
      <c r="CO29" s="254">
        <v>0</v>
      </c>
      <c r="CP29" s="256">
        <v>0</v>
      </c>
      <c r="CQ29" s="257">
        <v>0</v>
      </c>
      <c r="CR29" s="257">
        <v>0</v>
      </c>
      <c r="CS29" s="257">
        <v>0</v>
      </c>
      <c r="CT29" s="257">
        <v>0</v>
      </c>
      <c r="CU29" s="257">
        <v>0</v>
      </c>
      <c r="CV29" s="254">
        <v>0</v>
      </c>
      <c r="CW29" s="259">
        <v>0</v>
      </c>
      <c r="CX29" s="253">
        <v>0</v>
      </c>
      <c r="CY29" s="257">
        <v>0</v>
      </c>
      <c r="CZ29" s="254">
        <v>0</v>
      </c>
      <c r="DA29" s="256">
        <v>0</v>
      </c>
      <c r="DB29" s="257">
        <v>0</v>
      </c>
      <c r="DC29" s="257">
        <v>0</v>
      </c>
      <c r="DD29" s="257">
        <v>0</v>
      </c>
      <c r="DE29" s="257">
        <v>0</v>
      </c>
      <c r="DF29" s="257">
        <v>0</v>
      </c>
      <c r="DG29" s="254">
        <v>0</v>
      </c>
      <c r="DH29" s="259">
        <v>0</v>
      </c>
    </row>
    <row r="30" spans="2:112" ht="21" customHeight="1" x14ac:dyDescent="0.2">
      <c r="B30" s="437" t="s">
        <v>28</v>
      </c>
      <c r="C30" s="253">
        <v>0</v>
      </c>
      <c r="D30" s="257">
        <v>0</v>
      </c>
      <c r="E30" s="340">
        <v>0</v>
      </c>
      <c r="F30" s="256">
        <v>0</v>
      </c>
      <c r="G30" s="257">
        <v>88</v>
      </c>
      <c r="H30" s="257">
        <v>261</v>
      </c>
      <c r="I30" s="257">
        <v>205</v>
      </c>
      <c r="J30" s="257">
        <v>277</v>
      </c>
      <c r="K30" s="257">
        <v>200</v>
      </c>
      <c r="L30" s="258">
        <v>1031</v>
      </c>
      <c r="M30" s="259">
        <v>1031</v>
      </c>
      <c r="N30" s="253">
        <v>0</v>
      </c>
      <c r="O30" s="257">
        <v>0</v>
      </c>
      <c r="P30" s="254">
        <v>0</v>
      </c>
      <c r="Q30" s="256">
        <v>0</v>
      </c>
      <c r="R30" s="257">
        <v>0</v>
      </c>
      <c r="S30" s="257">
        <v>0</v>
      </c>
      <c r="T30" s="257">
        <v>8</v>
      </c>
      <c r="U30" s="257">
        <v>13</v>
      </c>
      <c r="V30" s="257">
        <v>17</v>
      </c>
      <c r="W30" s="254">
        <v>38</v>
      </c>
      <c r="X30" s="259">
        <v>38</v>
      </c>
      <c r="Y30" s="253">
        <v>4</v>
      </c>
      <c r="Z30" s="257">
        <v>16</v>
      </c>
      <c r="AA30" s="254">
        <v>20</v>
      </c>
      <c r="AB30" s="256">
        <v>0</v>
      </c>
      <c r="AC30" s="257">
        <v>59</v>
      </c>
      <c r="AD30" s="257">
        <v>79</v>
      </c>
      <c r="AE30" s="257">
        <v>48</v>
      </c>
      <c r="AF30" s="257">
        <v>82</v>
      </c>
      <c r="AG30" s="257">
        <v>47</v>
      </c>
      <c r="AH30" s="254">
        <v>315</v>
      </c>
      <c r="AI30" s="259">
        <v>335</v>
      </c>
      <c r="AJ30" s="253">
        <v>0</v>
      </c>
      <c r="AK30" s="257">
        <v>0</v>
      </c>
      <c r="AL30" s="254">
        <v>0</v>
      </c>
      <c r="AM30" s="256">
        <v>0</v>
      </c>
      <c r="AN30" s="257">
        <v>8</v>
      </c>
      <c r="AO30" s="257">
        <v>0</v>
      </c>
      <c r="AP30" s="257">
        <v>0</v>
      </c>
      <c r="AQ30" s="257">
        <v>12</v>
      </c>
      <c r="AR30" s="257">
        <v>14</v>
      </c>
      <c r="AS30" s="254">
        <v>34</v>
      </c>
      <c r="AT30" s="259">
        <v>34</v>
      </c>
      <c r="AU30" s="253">
        <v>0</v>
      </c>
      <c r="AV30" s="257">
        <v>0</v>
      </c>
      <c r="AW30" s="254">
        <v>0</v>
      </c>
      <c r="AX30" s="256">
        <v>0</v>
      </c>
      <c r="AY30" s="257">
        <v>192</v>
      </c>
      <c r="AZ30" s="257">
        <v>309</v>
      </c>
      <c r="BA30" s="257">
        <v>200</v>
      </c>
      <c r="BB30" s="257">
        <v>159</v>
      </c>
      <c r="BC30" s="257">
        <v>51</v>
      </c>
      <c r="BD30" s="258">
        <v>911</v>
      </c>
      <c r="BE30" s="259">
        <v>911</v>
      </c>
      <c r="BF30" s="253">
        <v>0</v>
      </c>
      <c r="BG30" s="257">
        <v>0</v>
      </c>
      <c r="BH30" s="254">
        <v>0</v>
      </c>
      <c r="BI30" s="256">
        <v>0</v>
      </c>
      <c r="BJ30" s="257">
        <v>68</v>
      </c>
      <c r="BK30" s="257">
        <v>99</v>
      </c>
      <c r="BL30" s="257">
        <v>43</v>
      </c>
      <c r="BM30" s="257">
        <v>48</v>
      </c>
      <c r="BN30" s="257">
        <v>24</v>
      </c>
      <c r="BO30" s="254">
        <v>282</v>
      </c>
      <c r="BP30" s="259">
        <v>282</v>
      </c>
      <c r="BQ30" s="253">
        <v>0</v>
      </c>
      <c r="BR30" s="257">
        <v>4</v>
      </c>
      <c r="BS30" s="254">
        <v>4</v>
      </c>
      <c r="BT30" s="256">
        <v>0</v>
      </c>
      <c r="BU30" s="257">
        <v>3</v>
      </c>
      <c r="BV30" s="257">
        <v>42</v>
      </c>
      <c r="BW30" s="257">
        <v>40</v>
      </c>
      <c r="BX30" s="257">
        <v>41</v>
      </c>
      <c r="BY30" s="257">
        <v>41</v>
      </c>
      <c r="BZ30" s="254">
        <v>167</v>
      </c>
      <c r="CA30" s="259">
        <v>171</v>
      </c>
      <c r="CB30" s="253">
        <v>0</v>
      </c>
      <c r="CC30" s="257">
        <v>0</v>
      </c>
      <c r="CD30" s="254">
        <v>0</v>
      </c>
      <c r="CE30" s="256">
        <v>0</v>
      </c>
      <c r="CF30" s="257">
        <v>18</v>
      </c>
      <c r="CG30" s="257">
        <v>5</v>
      </c>
      <c r="CH30" s="257">
        <v>82</v>
      </c>
      <c r="CI30" s="257">
        <v>0</v>
      </c>
      <c r="CJ30" s="257">
        <v>2</v>
      </c>
      <c r="CK30" s="254">
        <v>107</v>
      </c>
      <c r="CL30" s="259">
        <v>107</v>
      </c>
      <c r="CM30" s="253">
        <v>0</v>
      </c>
      <c r="CN30" s="257">
        <v>0</v>
      </c>
      <c r="CO30" s="254">
        <v>0</v>
      </c>
      <c r="CP30" s="256">
        <v>0</v>
      </c>
      <c r="CQ30" s="257">
        <v>0</v>
      </c>
      <c r="CR30" s="257">
        <v>0</v>
      </c>
      <c r="CS30" s="257">
        <v>0</v>
      </c>
      <c r="CT30" s="257">
        <v>0</v>
      </c>
      <c r="CU30" s="257">
        <v>0</v>
      </c>
      <c r="CV30" s="254">
        <v>0</v>
      </c>
      <c r="CW30" s="259">
        <v>0</v>
      </c>
      <c r="CX30" s="253">
        <v>0</v>
      </c>
      <c r="CY30" s="257">
        <v>0</v>
      </c>
      <c r="CZ30" s="254">
        <v>0</v>
      </c>
      <c r="DA30" s="256">
        <v>0</v>
      </c>
      <c r="DB30" s="257">
        <v>0</v>
      </c>
      <c r="DC30" s="257">
        <v>0</v>
      </c>
      <c r="DD30" s="257">
        <v>0</v>
      </c>
      <c r="DE30" s="257">
        <v>0</v>
      </c>
      <c r="DF30" s="257">
        <v>0</v>
      </c>
      <c r="DG30" s="254">
        <v>0</v>
      </c>
      <c r="DH30" s="259">
        <v>0</v>
      </c>
    </row>
    <row r="31" spans="2:112" ht="21" customHeight="1" x14ac:dyDescent="0.2">
      <c r="B31" s="437" t="s">
        <v>29</v>
      </c>
      <c r="C31" s="253">
        <v>0</v>
      </c>
      <c r="D31" s="257">
        <v>0</v>
      </c>
      <c r="E31" s="340">
        <v>0</v>
      </c>
      <c r="F31" s="256">
        <v>0</v>
      </c>
      <c r="G31" s="257">
        <v>239</v>
      </c>
      <c r="H31" s="257">
        <v>306</v>
      </c>
      <c r="I31" s="257">
        <v>561</v>
      </c>
      <c r="J31" s="257">
        <v>772</v>
      </c>
      <c r="K31" s="257">
        <v>867</v>
      </c>
      <c r="L31" s="258">
        <v>2745</v>
      </c>
      <c r="M31" s="259">
        <v>2745</v>
      </c>
      <c r="N31" s="253">
        <v>0</v>
      </c>
      <c r="O31" s="257">
        <v>0</v>
      </c>
      <c r="P31" s="254">
        <v>0</v>
      </c>
      <c r="Q31" s="256">
        <v>0</v>
      </c>
      <c r="R31" s="257">
        <v>0</v>
      </c>
      <c r="S31" s="257">
        <v>0</v>
      </c>
      <c r="T31" s="257">
        <v>1</v>
      </c>
      <c r="U31" s="257">
        <v>11</v>
      </c>
      <c r="V31" s="257">
        <v>43</v>
      </c>
      <c r="W31" s="254">
        <v>55</v>
      </c>
      <c r="X31" s="259">
        <v>55</v>
      </c>
      <c r="Y31" s="253">
        <v>3</v>
      </c>
      <c r="Z31" s="257">
        <v>17</v>
      </c>
      <c r="AA31" s="254">
        <v>20</v>
      </c>
      <c r="AB31" s="256">
        <v>0</v>
      </c>
      <c r="AC31" s="257">
        <v>162</v>
      </c>
      <c r="AD31" s="257">
        <v>165</v>
      </c>
      <c r="AE31" s="257">
        <v>149</v>
      </c>
      <c r="AF31" s="257">
        <v>69</v>
      </c>
      <c r="AG31" s="257">
        <v>118</v>
      </c>
      <c r="AH31" s="254">
        <v>663</v>
      </c>
      <c r="AI31" s="259">
        <v>683</v>
      </c>
      <c r="AJ31" s="253">
        <v>0</v>
      </c>
      <c r="AK31" s="257">
        <v>12</v>
      </c>
      <c r="AL31" s="254">
        <v>12</v>
      </c>
      <c r="AM31" s="256">
        <v>0</v>
      </c>
      <c r="AN31" s="257">
        <v>39</v>
      </c>
      <c r="AO31" s="257">
        <v>12</v>
      </c>
      <c r="AP31" s="257">
        <v>24</v>
      </c>
      <c r="AQ31" s="257">
        <v>20</v>
      </c>
      <c r="AR31" s="257">
        <v>0</v>
      </c>
      <c r="AS31" s="254">
        <v>95</v>
      </c>
      <c r="AT31" s="259">
        <v>107</v>
      </c>
      <c r="AU31" s="253">
        <v>0</v>
      </c>
      <c r="AV31" s="257">
        <v>0</v>
      </c>
      <c r="AW31" s="254">
        <v>0</v>
      </c>
      <c r="AX31" s="256">
        <v>0</v>
      </c>
      <c r="AY31" s="257">
        <v>267</v>
      </c>
      <c r="AZ31" s="257">
        <v>356</v>
      </c>
      <c r="BA31" s="257">
        <v>305</v>
      </c>
      <c r="BB31" s="257">
        <v>124</v>
      </c>
      <c r="BC31" s="257">
        <v>74</v>
      </c>
      <c r="BD31" s="258">
        <v>1126</v>
      </c>
      <c r="BE31" s="259">
        <v>1126</v>
      </c>
      <c r="BF31" s="253">
        <v>0</v>
      </c>
      <c r="BG31" s="257">
        <v>0</v>
      </c>
      <c r="BH31" s="254">
        <v>0</v>
      </c>
      <c r="BI31" s="256">
        <v>0</v>
      </c>
      <c r="BJ31" s="257">
        <v>64</v>
      </c>
      <c r="BK31" s="257">
        <v>73</v>
      </c>
      <c r="BL31" s="257">
        <v>88</v>
      </c>
      <c r="BM31" s="257">
        <v>20</v>
      </c>
      <c r="BN31" s="257">
        <v>11</v>
      </c>
      <c r="BO31" s="254">
        <v>256</v>
      </c>
      <c r="BP31" s="259">
        <v>256</v>
      </c>
      <c r="BQ31" s="253">
        <v>0</v>
      </c>
      <c r="BR31" s="257">
        <v>0</v>
      </c>
      <c r="BS31" s="254">
        <v>0</v>
      </c>
      <c r="BT31" s="256">
        <v>0</v>
      </c>
      <c r="BU31" s="257">
        <v>36</v>
      </c>
      <c r="BV31" s="257">
        <v>78</v>
      </c>
      <c r="BW31" s="257">
        <v>174</v>
      </c>
      <c r="BX31" s="257">
        <v>91</v>
      </c>
      <c r="BY31" s="257">
        <v>54</v>
      </c>
      <c r="BZ31" s="254">
        <v>433</v>
      </c>
      <c r="CA31" s="259">
        <v>433</v>
      </c>
      <c r="CB31" s="253">
        <v>0</v>
      </c>
      <c r="CC31" s="257">
        <v>0</v>
      </c>
      <c r="CD31" s="254">
        <v>0</v>
      </c>
      <c r="CE31" s="256">
        <v>0</v>
      </c>
      <c r="CF31" s="257">
        <v>7</v>
      </c>
      <c r="CG31" s="257">
        <v>6</v>
      </c>
      <c r="CH31" s="257">
        <v>4</v>
      </c>
      <c r="CI31" s="257">
        <v>3</v>
      </c>
      <c r="CJ31" s="257">
        <v>0</v>
      </c>
      <c r="CK31" s="254">
        <v>20</v>
      </c>
      <c r="CL31" s="259">
        <v>20</v>
      </c>
      <c r="CM31" s="253">
        <v>0</v>
      </c>
      <c r="CN31" s="257">
        <v>0</v>
      </c>
      <c r="CO31" s="254">
        <v>0</v>
      </c>
      <c r="CP31" s="256">
        <v>0</v>
      </c>
      <c r="CQ31" s="257">
        <v>0</v>
      </c>
      <c r="CR31" s="257">
        <v>0</v>
      </c>
      <c r="CS31" s="257">
        <v>0</v>
      </c>
      <c r="CT31" s="257">
        <v>0</v>
      </c>
      <c r="CU31" s="257">
        <v>0</v>
      </c>
      <c r="CV31" s="254">
        <v>0</v>
      </c>
      <c r="CW31" s="259">
        <v>0</v>
      </c>
      <c r="CX31" s="253">
        <v>0</v>
      </c>
      <c r="CY31" s="257">
        <v>0</v>
      </c>
      <c r="CZ31" s="254">
        <v>0</v>
      </c>
      <c r="DA31" s="256">
        <v>0</v>
      </c>
      <c r="DB31" s="257">
        <v>0</v>
      </c>
      <c r="DC31" s="257">
        <v>0</v>
      </c>
      <c r="DD31" s="257">
        <v>0</v>
      </c>
      <c r="DE31" s="257">
        <v>0</v>
      </c>
      <c r="DF31" s="257">
        <v>0</v>
      </c>
      <c r="DG31" s="254">
        <v>0</v>
      </c>
      <c r="DH31" s="259">
        <v>0</v>
      </c>
    </row>
    <row r="32" spans="2:112" ht="21" customHeight="1" x14ac:dyDescent="0.2">
      <c r="B32" s="437" t="s">
        <v>30</v>
      </c>
      <c r="C32" s="253">
        <v>0</v>
      </c>
      <c r="D32" s="257">
        <v>0</v>
      </c>
      <c r="E32" s="340">
        <v>0</v>
      </c>
      <c r="F32" s="256">
        <v>0</v>
      </c>
      <c r="G32" s="257">
        <v>137</v>
      </c>
      <c r="H32" s="257">
        <v>346</v>
      </c>
      <c r="I32" s="257">
        <v>531</v>
      </c>
      <c r="J32" s="257">
        <v>1050</v>
      </c>
      <c r="K32" s="257">
        <v>414</v>
      </c>
      <c r="L32" s="258">
        <v>2478</v>
      </c>
      <c r="M32" s="259">
        <v>2478</v>
      </c>
      <c r="N32" s="253">
        <v>0</v>
      </c>
      <c r="O32" s="257">
        <v>0</v>
      </c>
      <c r="P32" s="254">
        <v>0</v>
      </c>
      <c r="Q32" s="256">
        <v>0</v>
      </c>
      <c r="R32" s="257">
        <v>4</v>
      </c>
      <c r="S32" s="257">
        <v>3</v>
      </c>
      <c r="T32" s="257">
        <v>14</v>
      </c>
      <c r="U32" s="257">
        <v>33</v>
      </c>
      <c r="V32" s="257">
        <v>15</v>
      </c>
      <c r="W32" s="254">
        <v>69</v>
      </c>
      <c r="X32" s="259">
        <v>69</v>
      </c>
      <c r="Y32" s="253">
        <v>1</v>
      </c>
      <c r="Z32" s="257">
        <v>0</v>
      </c>
      <c r="AA32" s="254">
        <v>1</v>
      </c>
      <c r="AB32" s="256">
        <v>0</v>
      </c>
      <c r="AC32" s="257">
        <v>228</v>
      </c>
      <c r="AD32" s="257">
        <v>134</v>
      </c>
      <c r="AE32" s="257">
        <v>139</v>
      </c>
      <c r="AF32" s="257">
        <v>96</v>
      </c>
      <c r="AG32" s="257">
        <v>36</v>
      </c>
      <c r="AH32" s="254">
        <v>633</v>
      </c>
      <c r="AI32" s="259">
        <v>634</v>
      </c>
      <c r="AJ32" s="253">
        <v>0</v>
      </c>
      <c r="AK32" s="257">
        <v>0</v>
      </c>
      <c r="AL32" s="254">
        <v>0</v>
      </c>
      <c r="AM32" s="256">
        <v>0</v>
      </c>
      <c r="AN32" s="257">
        <v>21</v>
      </c>
      <c r="AO32" s="257">
        <v>26</v>
      </c>
      <c r="AP32" s="257">
        <v>36</v>
      </c>
      <c r="AQ32" s="257">
        <v>27</v>
      </c>
      <c r="AR32" s="257">
        <v>0</v>
      </c>
      <c r="AS32" s="254">
        <v>110</v>
      </c>
      <c r="AT32" s="259">
        <v>110</v>
      </c>
      <c r="AU32" s="253">
        <v>0</v>
      </c>
      <c r="AV32" s="257">
        <v>0</v>
      </c>
      <c r="AW32" s="254">
        <v>0</v>
      </c>
      <c r="AX32" s="256">
        <v>0</v>
      </c>
      <c r="AY32" s="257">
        <v>205</v>
      </c>
      <c r="AZ32" s="257">
        <v>229</v>
      </c>
      <c r="BA32" s="257">
        <v>155</v>
      </c>
      <c r="BB32" s="257">
        <v>90</v>
      </c>
      <c r="BC32" s="257">
        <v>15</v>
      </c>
      <c r="BD32" s="258">
        <v>694</v>
      </c>
      <c r="BE32" s="259">
        <v>694</v>
      </c>
      <c r="BF32" s="253">
        <v>0</v>
      </c>
      <c r="BG32" s="257">
        <v>0</v>
      </c>
      <c r="BH32" s="254">
        <v>0</v>
      </c>
      <c r="BI32" s="256">
        <v>0</v>
      </c>
      <c r="BJ32" s="257">
        <v>39</v>
      </c>
      <c r="BK32" s="257">
        <v>54</v>
      </c>
      <c r="BL32" s="257">
        <v>28</v>
      </c>
      <c r="BM32" s="257">
        <v>26</v>
      </c>
      <c r="BN32" s="257">
        <v>8</v>
      </c>
      <c r="BO32" s="254">
        <v>155</v>
      </c>
      <c r="BP32" s="259">
        <v>155</v>
      </c>
      <c r="BQ32" s="253">
        <v>0</v>
      </c>
      <c r="BR32" s="257">
        <v>0</v>
      </c>
      <c r="BS32" s="254">
        <v>0</v>
      </c>
      <c r="BT32" s="256">
        <v>0</v>
      </c>
      <c r="BU32" s="257">
        <v>23</v>
      </c>
      <c r="BV32" s="257">
        <v>77</v>
      </c>
      <c r="BW32" s="257">
        <v>77</v>
      </c>
      <c r="BX32" s="257">
        <v>39</v>
      </c>
      <c r="BY32" s="257">
        <v>5</v>
      </c>
      <c r="BZ32" s="254">
        <v>221</v>
      </c>
      <c r="CA32" s="259">
        <v>221</v>
      </c>
      <c r="CB32" s="253">
        <v>0</v>
      </c>
      <c r="CC32" s="257">
        <v>0</v>
      </c>
      <c r="CD32" s="254">
        <v>0</v>
      </c>
      <c r="CE32" s="256">
        <v>0</v>
      </c>
      <c r="CF32" s="257">
        <v>2</v>
      </c>
      <c r="CG32" s="257">
        <v>15</v>
      </c>
      <c r="CH32" s="257">
        <v>0</v>
      </c>
      <c r="CI32" s="257">
        <v>0</v>
      </c>
      <c r="CJ32" s="257">
        <v>5</v>
      </c>
      <c r="CK32" s="254">
        <v>22</v>
      </c>
      <c r="CL32" s="259">
        <v>22</v>
      </c>
      <c r="CM32" s="253">
        <v>0</v>
      </c>
      <c r="CN32" s="257">
        <v>0</v>
      </c>
      <c r="CO32" s="254">
        <v>0</v>
      </c>
      <c r="CP32" s="256">
        <v>0</v>
      </c>
      <c r="CQ32" s="257">
        <v>0</v>
      </c>
      <c r="CR32" s="257">
        <v>0</v>
      </c>
      <c r="CS32" s="257">
        <v>0</v>
      </c>
      <c r="CT32" s="257">
        <v>0</v>
      </c>
      <c r="CU32" s="257">
        <v>0</v>
      </c>
      <c r="CV32" s="254">
        <v>0</v>
      </c>
      <c r="CW32" s="259">
        <v>0</v>
      </c>
      <c r="CX32" s="253">
        <v>0</v>
      </c>
      <c r="CY32" s="257">
        <v>0</v>
      </c>
      <c r="CZ32" s="254">
        <v>0</v>
      </c>
      <c r="DA32" s="256">
        <v>0</v>
      </c>
      <c r="DB32" s="257">
        <v>0</v>
      </c>
      <c r="DC32" s="257">
        <v>0</v>
      </c>
      <c r="DD32" s="257">
        <v>0</v>
      </c>
      <c r="DE32" s="257">
        <v>0</v>
      </c>
      <c r="DF32" s="257">
        <v>0</v>
      </c>
      <c r="DG32" s="254">
        <v>0</v>
      </c>
      <c r="DH32" s="259">
        <v>0</v>
      </c>
    </row>
    <row r="33" spans="2:112" ht="21" customHeight="1" x14ac:dyDescent="0.2">
      <c r="B33" s="437" t="s">
        <v>31</v>
      </c>
      <c r="C33" s="253">
        <v>0</v>
      </c>
      <c r="D33" s="257">
        <v>0</v>
      </c>
      <c r="E33" s="340">
        <v>0</v>
      </c>
      <c r="F33" s="256">
        <v>0</v>
      </c>
      <c r="G33" s="257">
        <v>213</v>
      </c>
      <c r="H33" s="257">
        <v>128</v>
      </c>
      <c r="I33" s="257">
        <v>248</v>
      </c>
      <c r="J33" s="257">
        <v>280</v>
      </c>
      <c r="K33" s="257">
        <v>305</v>
      </c>
      <c r="L33" s="258">
        <v>1174</v>
      </c>
      <c r="M33" s="259">
        <v>1174</v>
      </c>
      <c r="N33" s="253">
        <v>0</v>
      </c>
      <c r="O33" s="257">
        <v>0</v>
      </c>
      <c r="P33" s="254">
        <v>0</v>
      </c>
      <c r="Q33" s="256">
        <v>0</v>
      </c>
      <c r="R33" s="257">
        <v>6</v>
      </c>
      <c r="S33" s="257">
        <v>4</v>
      </c>
      <c r="T33" s="257">
        <v>24</v>
      </c>
      <c r="U33" s="257">
        <v>37</v>
      </c>
      <c r="V33" s="257">
        <v>22</v>
      </c>
      <c r="W33" s="254">
        <v>93</v>
      </c>
      <c r="X33" s="259">
        <v>93</v>
      </c>
      <c r="Y33" s="253">
        <v>12</v>
      </c>
      <c r="Z33" s="257">
        <v>28</v>
      </c>
      <c r="AA33" s="254">
        <v>40</v>
      </c>
      <c r="AB33" s="256">
        <v>0</v>
      </c>
      <c r="AC33" s="257">
        <v>124</v>
      </c>
      <c r="AD33" s="257">
        <v>111</v>
      </c>
      <c r="AE33" s="257">
        <v>116</v>
      </c>
      <c r="AF33" s="257">
        <v>120</v>
      </c>
      <c r="AG33" s="257">
        <v>101</v>
      </c>
      <c r="AH33" s="254">
        <v>572</v>
      </c>
      <c r="AI33" s="259">
        <v>612</v>
      </c>
      <c r="AJ33" s="253">
        <v>12</v>
      </c>
      <c r="AK33" s="257">
        <v>21</v>
      </c>
      <c r="AL33" s="254">
        <v>33</v>
      </c>
      <c r="AM33" s="256">
        <v>0</v>
      </c>
      <c r="AN33" s="257">
        <v>24</v>
      </c>
      <c r="AO33" s="257">
        <v>12</v>
      </c>
      <c r="AP33" s="257">
        <v>18</v>
      </c>
      <c r="AQ33" s="257">
        <v>36</v>
      </c>
      <c r="AR33" s="257">
        <v>0</v>
      </c>
      <c r="AS33" s="254">
        <v>90</v>
      </c>
      <c r="AT33" s="259">
        <v>123</v>
      </c>
      <c r="AU33" s="253">
        <v>0</v>
      </c>
      <c r="AV33" s="257">
        <v>0</v>
      </c>
      <c r="AW33" s="254">
        <v>0</v>
      </c>
      <c r="AX33" s="256">
        <v>0</v>
      </c>
      <c r="AY33" s="257">
        <v>355</v>
      </c>
      <c r="AZ33" s="257">
        <v>369</v>
      </c>
      <c r="BA33" s="257">
        <v>162</v>
      </c>
      <c r="BB33" s="257">
        <v>71</v>
      </c>
      <c r="BC33" s="257">
        <v>77</v>
      </c>
      <c r="BD33" s="258">
        <v>1034</v>
      </c>
      <c r="BE33" s="259">
        <v>1034</v>
      </c>
      <c r="BF33" s="253">
        <v>0</v>
      </c>
      <c r="BG33" s="257">
        <v>0</v>
      </c>
      <c r="BH33" s="254">
        <v>0</v>
      </c>
      <c r="BI33" s="256">
        <v>0</v>
      </c>
      <c r="BJ33" s="257">
        <v>36</v>
      </c>
      <c r="BK33" s="257">
        <v>45</v>
      </c>
      <c r="BL33" s="257">
        <v>96</v>
      </c>
      <c r="BM33" s="257">
        <v>17</v>
      </c>
      <c r="BN33" s="257">
        <v>7</v>
      </c>
      <c r="BO33" s="254">
        <v>201</v>
      </c>
      <c r="BP33" s="259">
        <v>201</v>
      </c>
      <c r="BQ33" s="253">
        <v>0</v>
      </c>
      <c r="BR33" s="257">
        <v>6</v>
      </c>
      <c r="BS33" s="254">
        <v>6</v>
      </c>
      <c r="BT33" s="256">
        <v>0</v>
      </c>
      <c r="BU33" s="257">
        <v>22</v>
      </c>
      <c r="BV33" s="257">
        <v>43</v>
      </c>
      <c r="BW33" s="257">
        <v>106</v>
      </c>
      <c r="BX33" s="257">
        <v>76</v>
      </c>
      <c r="BY33" s="257">
        <v>58</v>
      </c>
      <c r="BZ33" s="254">
        <v>305</v>
      </c>
      <c r="CA33" s="259">
        <v>311</v>
      </c>
      <c r="CB33" s="253">
        <v>0</v>
      </c>
      <c r="CC33" s="257">
        <v>0</v>
      </c>
      <c r="CD33" s="254">
        <v>0</v>
      </c>
      <c r="CE33" s="256">
        <v>0</v>
      </c>
      <c r="CF33" s="257">
        <v>12</v>
      </c>
      <c r="CG33" s="257">
        <v>4</v>
      </c>
      <c r="CH33" s="257">
        <v>4</v>
      </c>
      <c r="CI33" s="257">
        <v>0</v>
      </c>
      <c r="CJ33" s="257">
        <v>5</v>
      </c>
      <c r="CK33" s="254">
        <v>25</v>
      </c>
      <c r="CL33" s="259">
        <v>25</v>
      </c>
      <c r="CM33" s="253">
        <v>0</v>
      </c>
      <c r="CN33" s="257">
        <v>0</v>
      </c>
      <c r="CO33" s="254">
        <v>0</v>
      </c>
      <c r="CP33" s="256">
        <v>0</v>
      </c>
      <c r="CQ33" s="257">
        <v>0</v>
      </c>
      <c r="CR33" s="257">
        <v>0</v>
      </c>
      <c r="CS33" s="257">
        <v>0</v>
      </c>
      <c r="CT33" s="257">
        <v>0</v>
      </c>
      <c r="CU33" s="257">
        <v>0</v>
      </c>
      <c r="CV33" s="254">
        <v>0</v>
      </c>
      <c r="CW33" s="259">
        <v>0</v>
      </c>
      <c r="CX33" s="253">
        <v>0</v>
      </c>
      <c r="CY33" s="257">
        <v>0</v>
      </c>
      <c r="CZ33" s="254">
        <v>0</v>
      </c>
      <c r="DA33" s="256">
        <v>0</v>
      </c>
      <c r="DB33" s="257">
        <v>0</v>
      </c>
      <c r="DC33" s="257">
        <v>0</v>
      </c>
      <c r="DD33" s="257">
        <v>0</v>
      </c>
      <c r="DE33" s="257">
        <v>0</v>
      </c>
      <c r="DF33" s="257">
        <v>0</v>
      </c>
      <c r="DG33" s="254">
        <v>0</v>
      </c>
      <c r="DH33" s="259">
        <v>0</v>
      </c>
    </row>
    <row r="34" spans="2:112" ht="21" customHeight="1" x14ac:dyDescent="0.2">
      <c r="B34" s="437" t="s">
        <v>32</v>
      </c>
      <c r="C34" s="253">
        <v>0</v>
      </c>
      <c r="D34" s="257">
        <v>0</v>
      </c>
      <c r="E34" s="340">
        <v>0</v>
      </c>
      <c r="F34" s="256">
        <v>0</v>
      </c>
      <c r="G34" s="257">
        <v>371</v>
      </c>
      <c r="H34" s="257">
        <v>372</v>
      </c>
      <c r="I34" s="257">
        <v>617</v>
      </c>
      <c r="J34" s="257">
        <v>122</v>
      </c>
      <c r="K34" s="257">
        <v>437</v>
      </c>
      <c r="L34" s="258">
        <v>1919</v>
      </c>
      <c r="M34" s="259">
        <v>1919</v>
      </c>
      <c r="N34" s="253">
        <v>0</v>
      </c>
      <c r="O34" s="257">
        <v>0</v>
      </c>
      <c r="P34" s="254">
        <v>0</v>
      </c>
      <c r="Q34" s="256">
        <v>0</v>
      </c>
      <c r="R34" s="257">
        <v>1</v>
      </c>
      <c r="S34" s="257">
        <v>2</v>
      </c>
      <c r="T34" s="257">
        <v>3</v>
      </c>
      <c r="U34" s="257">
        <v>24</v>
      </c>
      <c r="V34" s="257">
        <v>31</v>
      </c>
      <c r="W34" s="254">
        <v>61</v>
      </c>
      <c r="X34" s="259">
        <v>61</v>
      </c>
      <c r="Y34" s="253">
        <v>13</v>
      </c>
      <c r="Z34" s="257">
        <v>29</v>
      </c>
      <c r="AA34" s="254">
        <v>42</v>
      </c>
      <c r="AB34" s="256">
        <v>0</v>
      </c>
      <c r="AC34" s="257">
        <v>276</v>
      </c>
      <c r="AD34" s="257">
        <v>211</v>
      </c>
      <c r="AE34" s="257">
        <v>124</v>
      </c>
      <c r="AF34" s="257">
        <v>98</v>
      </c>
      <c r="AG34" s="257">
        <v>55</v>
      </c>
      <c r="AH34" s="254">
        <v>764</v>
      </c>
      <c r="AI34" s="259">
        <v>806</v>
      </c>
      <c r="AJ34" s="253">
        <v>0</v>
      </c>
      <c r="AK34" s="257">
        <v>12</v>
      </c>
      <c r="AL34" s="254">
        <v>12</v>
      </c>
      <c r="AM34" s="256">
        <v>0</v>
      </c>
      <c r="AN34" s="257">
        <v>45</v>
      </c>
      <c r="AO34" s="257">
        <v>18</v>
      </c>
      <c r="AP34" s="257">
        <v>0</v>
      </c>
      <c r="AQ34" s="257">
        <v>18</v>
      </c>
      <c r="AR34" s="257">
        <v>24</v>
      </c>
      <c r="AS34" s="254">
        <v>105</v>
      </c>
      <c r="AT34" s="259">
        <v>117</v>
      </c>
      <c r="AU34" s="253">
        <v>0</v>
      </c>
      <c r="AV34" s="257">
        <v>0</v>
      </c>
      <c r="AW34" s="254">
        <v>0</v>
      </c>
      <c r="AX34" s="256">
        <v>0</v>
      </c>
      <c r="AY34" s="257">
        <v>496</v>
      </c>
      <c r="AZ34" s="257">
        <v>466</v>
      </c>
      <c r="BA34" s="257">
        <v>218</v>
      </c>
      <c r="BB34" s="257">
        <v>208</v>
      </c>
      <c r="BC34" s="257">
        <v>68</v>
      </c>
      <c r="BD34" s="258">
        <v>1456</v>
      </c>
      <c r="BE34" s="259">
        <v>1456</v>
      </c>
      <c r="BF34" s="253">
        <v>0</v>
      </c>
      <c r="BG34" s="257">
        <v>0</v>
      </c>
      <c r="BH34" s="254">
        <v>0</v>
      </c>
      <c r="BI34" s="256">
        <v>0</v>
      </c>
      <c r="BJ34" s="257">
        <v>78</v>
      </c>
      <c r="BK34" s="257">
        <v>98</v>
      </c>
      <c r="BL34" s="257">
        <v>19</v>
      </c>
      <c r="BM34" s="257">
        <v>46</v>
      </c>
      <c r="BN34" s="257">
        <v>19</v>
      </c>
      <c r="BO34" s="254">
        <v>260</v>
      </c>
      <c r="BP34" s="259">
        <v>260</v>
      </c>
      <c r="BQ34" s="253">
        <v>0</v>
      </c>
      <c r="BR34" s="257">
        <v>1</v>
      </c>
      <c r="BS34" s="254">
        <v>1</v>
      </c>
      <c r="BT34" s="256">
        <v>0</v>
      </c>
      <c r="BU34" s="257">
        <v>15</v>
      </c>
      <c r="BV34" s="257">
        <v>46</v>
      </c>
      <c r="BW34" s="257">
        <v>169</v>
      </c>
      <c r="BX34" s="257">
        <v>71</v>
      </c>
      <c r="BY34" s="257">
        <v>54</v>
      </c>
      <c r="BZ34" s="254">
        <v>355</v>
      </c>
      <c r="CA34" s="259">
        <v>356</v>
      </c>
      <c r="CB34" s="253">
        <v>0</v>
      </c>
      <c r="CC34" s="257">
        <v>0</v>
      </c>
      <c r="CD34" s="254">
        <v>0</v>
      </c>
      <c r="CE34" s="256">
        <v>0</v>
      </c>
      <c r="CF34" s="257">
        <v>2</v>
      </c>
      <c r="CG34" s="257">
        <v>35</v>
      </c>
      <c r="CH34" s="257">
        <v>0</v>
      </c>
      <c r="CI34" s="257">
        <v>13</v>
      </c>
      <c r="CJ34" s="257">
        <v>3</v>
      </c>
      <c r="CK34" s="254">
        <v>53</v>
      </c>
      <c r="CL34" s="259">
        <v>53</v>
      </c>
      <c r="CM34" s="253">
        <v>0</v>
      </c>
      <c r="CN34" s="257">
        <v>0</v>
      </c>
      <c r="CO34" s="254">
        <v>0</v>
      </c>
      <c r="CP34" s="256">
        <v>0</v>
      </c>
      <c r="CQ34" s="257">
        <v>0</v>
      </c>
      <c r="CR34" s="257">
        <v>0</v>
      </c>
      <c r="CS34" s="257">
        <v>0</v>
      </c>
      <c r="CT34" s="257">
        <v>0</v>
      </c>
      <c r="CU34" s="257">
        <v>0</v>
      </c>
      <c r="CV34" s="254">
        <v>0</v>
      </c>
      <c r="CW34" s="259">
        <v>0</v>
      </c>
      <c r="CX34" s="253">
        <v>0</v>
      </c>
      <c r="CY34" s="257">
        <v>0</v>
      </c>
      <c r="CZ34" s="254">
        <v>0</v>
      </c>
      <c r="DA34" s="256">
        <v>0</v>
      </c>
      <c r="DB34" s="257">
        <v>0</v>
      </c>
      <c r="DC34" s="257">
        <v>0</v>
      </c>
      <c r="DD34" s="257">
        <v>0</v>
      </c>
      <c r="DE34" s="257">
        <v>0</v>
      </c>
      <c r="DF34" s="257">
        <v>0</v>
      </c>
      <c r="DG34" s="254">
        <v>0</v>
      </c>
      <c r="DH34" s="259">
        <v>0</v>
      </c>
    </row>
    <row r="35" spans="2:112" ht="21" customHeight="1" x14ac:dyDescent="0.2">
      <c r="B35" s="437" t="s">
        <v>33</v>
      </c>
      <c r="C35" s="253">
        <v>0</v>
      </c>
      <c r="D35" s="257">
        <v>0</v>
      </c>
      <c r="E35" s="340">
        <v>0</v>
      </c>
      <c r="F35" s="256">
        <v>0</v>
      </c>
      <c r="G35" s="257">
        <v>234</v>
      </c>
      <c r="H35" s="257">
        <v>258</v>
      </c>
      <c r="I35" s="257">
        <v>524</v>
      </c>
      <c r="J35" s="257">
        <v>306</v>
      </c>
      <c r="K35" s="257">
        <v>555</v>
      </c>
      <c r="L35" s="258">
        <v>1877</v>
      </c>
      <c r="M35" s="259">
        <v>1877</v>
      </c>
      <c r="N35" s="253">
        <v>0</v>
      </c>
      <c r="O35" s="257">
        <v>0</v>
      </c>
      <c r="P35" s="254">
        <v>0</v>
      </c>
      <c r="Q35" s="256">
        <v>0</v>
      </c>
      <c r="R35" s="257">
        <v>16</v>
      </c>
      <c r="S35" s="257">
        <v>2</v>
      </c>
      <c r="T35" s="257">
        <v>4</v>
      </c>
      <c r="U35" s="257">
        <v>4</v>
      </c>
      <c r="V35" s="257">
        <v>32</v>
      </c>
      <c r="W35" s="254">
        <v>58</v>
      </c>
      <c r="X35" s="259">
        <v>58</v>
      </c>
      <c r="Y35" s="253">
        <v>0</v>
      </c>
      <c r="Z35" s="257">
        <v>14</v>
      </c>
      <c r="AA35" s="254">
        <v>14</v>
      </c>
      <c r="AB35" s="256">
        <v>0</v>
      </c>
      <c r="AC35" s="257">
        <v>131</v>
      </c>
      <c r="AD35" s="257">
        <v>104</v>
      </c>
      <c r="AE35" s="257">
        <v>47</v>
      </c>
      <c r="AF35" s="257">
        <v>48</v>
      </c>
      <c r="AG35" s="257">
        <v>21</v>
      </c>
      <c r="AH35" s="254">
        <v>351</v>
      </c>
      <c r="AI35" s="259">
        <v>365</v>
      </c>
      <c r="AJ35" s="253">
        <v>98</v>
      </c>
      <c r="AK35" s="257">
        <v>211</v>
      </c>
      <c r="AL35" s="254">
        <v>309</v>
      </c>
      <c r="AM35" s="256">
        <v>0</v>
      </c>
      <c r="AN35" s="257">
        <v>608</v>
      </c>
      <c r="AO35" s="257">
        <v>429</v>
      </c>
      <c r="AP35" s="257">
        <v>255</v>
      </c>
      <c r="AQ35" s="257">
        <v>165</v>
      </c>
      <c r="AR35" s="257">
        <v>58</v>
      </c>
      <c r="AS35" s="254">
        <v>1515</v>
      </c>
      <c r="AT35" s="259">
        <v>1824</v>
      </c>
      <c r="AU35" s="253">
        <v>0</v>
      </c>
      <c r="AV35" s="257">
        <v>0</v>
      </c>
      <c r="AW35" s="254">
        <v>0</v>
      </c>
      <c r="AX35" s="256">
        <v>0</v>
      </c>
      <c r="AY35" s="257">
        <v>56</v>
      </c>
      <c r="AZ35" s="257">
        <v>81</v>
      </c>
      <c r="BA35" s="257">
        <v>52</v>
      </c>
      <c r="BB35" s="257">
        <v>32</v>
      </c>
      <c r="BC35" s="257">
        <v>59</v>
      </c>
      <c r="BD35" s="258">
        <v>280</v>
      </c>
      <c r="BE35" s="259">
        <v>280</v>
      </c>
      <c r="BF35" s="253">
        <v>0</v>
      </c>
      <c r="BG35" s="257">
        <v>0</v>
      </c>
      <c r="BH35" s="254">
        <v>0</v>
      </c>
      <c r="BI35" s="256">
        <v>0</v>
      </c>
      <c r="BJ35" s="257">
        <v>209</v>
      </c>
      <c r="BK35" s="257">
        <v>189</v>
      </c>
      <c r="BL35" s="257">
        <v>112</v>
      </c>
      <c r="BM35" s="257">
        <v>16</v>
      </c>
      <c r="BN35" s="257">
        <v>7</v>
      </c>
      <c r="BO35" s="254">
        <v>533</v>
      </c>
      <c r="BP35" s="259">
        <v>533</v>
      </c>
      <c r="BQ35" s="253">
        <v>0</v>
      </c>
      <c r="BR35" s="257">
        <v>0</v>
      </c>
      <c r="BS35" s="254">
        <v>0</v>
      </c>
      <c r="BT35" s="256">
        <v>0</v>
      </c>
      <c r="BU35" s="257">
        <v>4</v>
      </c>
      <c r="BV35" s="257">
        <v>72</v>
      </c>
      <c r="BW35" s="257">
        <v>191</v>
      </c>
      <c r="BX35" s="257">
        <v>68</v>
      </c>
      <c r="BY35" s="257">
        <v>41</v>
      </c>
      <c r="BZ35" s="254">
        <v>376</v>
      </c>
      <c r="CA35" s="259">
        <v>376</v>
      </c>
      <c r="CB35" s="253">
        <v>0</v>
      </c>
      <c r="CC35" s="257">
        <v>0</v>
      </c>
      <c r="CD35" s="254">
        <v>0</v>
      </c>
      <c r="CE35" s="256">
        <v>0</v>
      </c>
      <c r="CF35" s="257">
        <v>17</v>
      </c>
      <c r="CG35" s="257">
        <v>21</v>
      </c>
      <c r="CH35" s="257">
        <v>0</v>
      </c>
      <c r="CI35" s="257">
        <v>21</v>
      </c>
      <c r="CJ35" s="257">
        <v>0</v>
      </c>
      <c r="CK35" s="254">
        <v>59</v>
      </c>
      <c r="CL35" s="259">
        <v>59</v>
      </c>
      <c r="CM35" s="253">
        <v>0</v>
      </c>
      <c r="CN35" s="257">
        <v>0</v>
      </c>
      <c r="CO35" s="254">
        <v>0</v>
      </c>
      <c r="CP35" s="256">
        <v>0</v>
      </c>
      <c r="CQ35" s="257">
        <v>0</v>
      </c>
      <c r="CR35" s="257">
        <v>0</v>
      </c>
      <c r="CS35" s="257">
        <v>0</v>
      </c>
      <c r="CT35" s="257">
        <v>0</v>
      </c>
      <c r="CU35" s="257">
        <v>0</v>
      </c>
      <c r="CV35" s="254">
        <v>0</v>
      </c>
      <c r="CW35" s="259">
        <v>0</v>
      </c>
      <c r="CX35" s="253">
        <v>0</v>
      </c>
      <c r="CY35" s="257">
        <v>0</v>
      </c>
      <c r="CZ35" s="254">
        <v>0</v>
      </c>
      <c r="DA35" s="256">
        <v>0</v>
      </c>
      <c r="DB35" s="257">
        <v>0</v>
      </c>
      <c r="DC35" s="257">
        <v>0</v>
      </c>
      <c r="DD35" s="257">
        <v>0</v>
      </c>
      <c r="DE35" s="257">
        <v>0</v>
      </c>
      <c r="DF35" s="257">
        <v>0</v>
      </c>
      <c r="DG35" s="254">
        <v>0</v>
      </c>
      <c r="DH35" s="259">
        <v>0</v>
      </c>
    </row>
    <row r="36" spans="2:112" ht="21" customHeight="1" x14ac:dyDescent="0.2">
      <c r="B36" s="437" t="s">
        <v>34</v>
      </c>
      <c r="C36" s="253">
        <v>0</v>
      </c>
      <c r="D36" s="257">
        <v>0</v>
      </c>
      <c r="E36" s="340">
        <v>0</v>
      </c>
      <c r="F36" s="256">
        <v>0</v>
      </c>
      <c r="G36" s="257">
        <v>195</v>
      </c>
      <c r="H36" s="257">
        <v>256</v>
      </c>
      <c r="I36" s="257">
        <v>87</v>
      </c>
      <c r="J36" s="257">
        <v>191</v>
      </c>
      <c r="K36" s="257">
        <v>191</v>
      </c>
      <c r="L36" s="258">
        <v>920</v>
      </c>
      <c r="M36" s="259">
        <v>920</v>
      </c>
      <c r="N36" s="253">
        <v>0</v>
      </c>
      <c r="O36" s="257">
        <v>0</v>
      </c>
      <c r="P36" s="254">
        <v>0</v>
      </c>
      <c r="Q36" s="256">
        <v>0</v>
      </c>
      <c r="R36" s="257">
        <v>0</v>
      </c>
      <c r="S36" s="257">
        <v>3</v>
      </c>
      <c r="T36" s="257">
        <v>3</v>
      </c>
      <c r="U36" s="257">
        <v>4</v>
      </c>
      <c r="V36" s="257">
        <v>35</v>
      </c>
      <c r="W36" s="254">
        <v>45</v>
      </c>
      <c r="X36" s="259">
        <v>45</v>
      </c>
      <c r="Y36" s="253">
        <v>0</v>
      </c>
      <c r="Z36" s="257">
        <v>88</v>
      </c>
      <c r="AA36" s="254">
        <v>88</v>
      </c>
      <c r="AB36" s="256">
        <v>0</v>
      </c>
      <c r="AC36" s="257">
        <v>116</v>
      </c>
      <c r="AD36" s="257">
        <v>96</v>
      </c>
      <c r="AE36" s="257">
        <v>34</v>
      </c>
      <c r="AF36" s="257">
        <v>42</v>
      </c>
      <c r="AG36" s="257">
        <v>84</v>
      </c>
      <c r="AH36" s="254">
        <v>372</v>
      </c>
      <c r="AI36" s="259">
        <v>460</v>
      </c>
      <c r="AJ36" s="253">
        <v>0</v>
      </c>
      <c r="AK36" s="257">
        <v>12</v>
      </c>
      <c r="AL36" s="254">
        <v>12</v>
      </c>
      <c r="AM36" s="256">
        <v>0</v>
      </c>
      <c r="AN36" s="257">
        <v>90</v>
      </c>
      <c r="AO36" s="257">
        <v>32</v>
      </c>
      <c r="AP36" s="257">
        <v>56</v>
      </c>
      <c r="AQ36" s="257">
        <v>12</v>
      </c>
      <c r="AR36" s="257">
        <v>16</v>
      </c>
      <c r="AS36" s="254">
        <v>206</v>
      </c>
      <c r="AT36" s="259">
        <v>218</v>
      </c>
      <c r="AU36" s="253">
        <v>0</v>
      </c>
      <c r="AV36" s="257">
        <v>0</v>
      </c>
      <c r="AW36" s="254">
        <v>0</v>
      </c>
      <c r="AX36" s="256">
        <v>0</v>
      </c>
      <c r="AY36" s="257">
        <v>222</v>
      </c>
      <c r="AZ36" s="257">
        <v>206</v>
      </c>
      <c r="BA36" s="257">
        <v>201</v>
      </c>
      <c r="BB36" s="257">
        <v>100</v>
      </c>
      <c r="BC36" s="257">
        <v>0</v>
      </c>
      <c r="BD36" s="258">
        <v>729</v>
      </c>
      <c r="BE36" s="259">
        <v>729</v>
      </c>
      <c r="BF36" s="253">
        <v>0</v>
      </c>
      <c r="BG36" s="257">
        <v>0</v>
      </c>
      <c r="BH36" s="254">
        <v>0</v>
      </c>
      <c r="BI36" s="256">
        <v>0</v>
      </c>
      <c r="BJ36" s="257">
        <v>27</v>
      </c>
      <c r="BK36" s="257">
        <v>8</v>
      </c>
      <c r="BL36" s="257">
        <v>12</v>
      </c>
      <c r="BM36" s="257">
        <v>6</v>
      </c>
      <c r="BN36" s="257">
        <v>0</v>
      </c>
      <c r="BO36" s="254">
        <v>53</v>
      </c>
      <c r="BP36" s="259">
        <v>53</v>
      </c>
      <c r="BQ36" s="253">
        <v>0</v>
      </c>
      <c r="BR36" s="257">
        <v>0</v>
      </c>
      <c r="BS36" s="254">
        <v>0</v>
      </c>
      <c r="BT36" s="256">
        <v>0</v>
      </c>
      <c r="BU36" s="257">
        <v>17</v>
      </c>
      <c r="BV36" s="257">
        <v>13</v>
      </c>
      <c r="BW36" s="257">
        <v>57</v>
      </c>
      <c r="BX36" s="257">
        <v>61</v>
      </c>
      <c r="BY36" s="257">
        <v>25</v>
      </c>
      <c r="BZ36" s="254">
        <v>173</v>
      </c>
      <c r="CA36" s="259">
        <v>173</v>
      </c>
      <c r="CB36" s="253">
        <v>0</v>
      </c>
      <c r="CC36" s="257">
        <v>0</v>
      </c>
      <c r="CD36" s="254">
        <v>0</v>
      </c>
      <c r="CE36" s="256">
        <v>0</v>
      </c>
      <c r="CF36" s="257">
        <v>0</v>
      </c>
      <c r="CG36" s="257">
        <v>0</v>
      </c>
      <c r="CH36" s="257">
        <v>8</v>
      </c>
      <c r="CI36" s="257">
        <v>0</v>
      </c>
      <c r="CJ36" s="257">
        <v>9</v>
      </c>
      <c r="CK36" s="254">
        <v>17</v>
      </c>
      <c r="CL36" s="259">
        <v>17</v>
      </c>
      <c r="CM36" s="253">
        <v>0</v>
      </c>
      <c r="CN36" s="257">
        <v>0</v>
      </c>
      <c r="CO36" s="254">
        <v>0</v>
      </c>
      <c r="CP36" s="256">
        <v>0</v>
      </c>
      <c r="CQ36" s="257">
        <v>0</v>
      </c>
      <c r="CR36" s="257">
        <v>0</v>
      </c>
      <c r="CS36" s="257">
        <v>0</v>
      </c>
      <c r="CT36" s="257">
        <v>0</v>
      </c>
      <c r="CU36" s="257">
        <v>0</v>
      </c>
      <c r="CV36" s="254">
        <v>0</v>
      </c>
      <c r="CW36" s="259">
        <v>0</v>
      </c>
      <c r="CX36" s="253">
        <v>0</v>
      </c>
      <c r="CY36" s="257">
        <v>0</v>
      </c>
      <c r="CZ36" s="254">
        <v>0</v>
      </c>
      <c r="DA36" s="256">
        <v>0</v>
      </c>
      <c r="DB36" s="257">
        <v>0</v>
      </c>
      <c r="DC36" s="257">
        <v>0</v>
      </c>
      <c r="DD36" s="257">
        <v>0</v>
      </c>
      <c r="DE36" s="257">
        <v>0</v>
      </c>
      <c r="DF36" s="257">
        <v>0</v>
      </c>
      <c r="DG36" s="254">
        <v>0</v>
      </c>
      <c r="DH36" s="259">
        <v>0</v>
      </c>
    </row>
    <row r="37" spans="2:112" ht="21" customHeight="1" x14ac:dyDescent="0.2">
      <c r="B37" s="437" t="s">
        <v>35</v>
      </c>
      <c r="C37" s="253">
        <v>0</v>
      </c>
      <c r="D37" s="257">
        <v>0</v>
      </c>
      <c r="E37" s="340">
        <v>0</v>
      </c>
      <c r="F37" s="256">
        <v>0</v>
      </c>
      <c r="G37" s="257">
        <v>1042</v>
      </c>
      <c r="H37" s="257">
        <v>997</v>
      </c>
      <c r="I37" s="257">
        <v>1496</v>
      </c>
      <c r="J37" s="257">
        <v>1625</v>
      </c>
      <c r="K37" s="257">
        <v>785</v>
      </c>
      <c r="L37" s="258">
        <v>5945</v>
      </c>
      <c r="M37" s="259">
        <v>5945</v>
      </c>
      <c r="N37" s="253">
        <v>0</v>
      </c>
      <c r="O37" s="257">
        <v>0</v>
      </c>
      <c r="P37" s="254">
        <v>0</v>
      </c>
      <c r="Q37" s="256">
        <v>0</v>
      </c>
      <c r="R37" s="257">
        <v>2</v>
      </c>
      <c r="S37" s="257">
        <v>21</v>
      </c>
      <c r="T37" s="257">
        <v>20</v>
      </c>
      <c r="U37" s="257">
        <v>64</v>
      </c>
      <c r="V37" s="257">
        <v>49</v>
      </c>
      <c r="W37" s="254">
        <v>156</v>
      </c>
      <c r="X37" s="259">
        <v>156</v>
      </c>
      <c r="Y37" s="253">
        <v>0</v>
      </c>
      <c r="Z37" s="257">
        <v>14</v>
      </c>
      <c r="AA37" s="254">
        <v>14</v>
      </c>
      <c r="AB37" s="256">
        <v>0</v>
      </c>
      <c r="AC37" s="257">
        <v>517</v>
      </c>
      <c r="AD37" s="257">
        <v>253</v>
      </c>
      <c r="AE37" s="257">
        <v>296</v>
      </c>
      <c r="AF37" s="257">
        <v>180</v>
      </c>
      <c r="AG37" s="257">
        <v>144</v>
      </c>
      <c r="AH37" s="254">
        <v>1390</v>
      </c>
      <c r="AI37" s="259">
        <v>1404</v>
      </c>
      <c r="AJ37" s="253">
        <v>0</v>
      </c>
      <c r="AK37" s="257">
        <v>2</v>
      </c>
      <c r="AL37" s="254">
        <v>2</v>
      </c>
      <c r="AM37" s="256">
        <v>0</v>
      </c>
      <c r="AN37" s="257">
        <v>210</v>
      </c>
      <c r="AO37" s="257">
        <v>143</v>
      </c>
      <c r="AP37" s="257">
        <v>99</v>
      </c>
      <c r="AQ37" s="257">
        <v>124</v>
      </c>
      <c r="AR37" s="257">
        <v>32</v>
      </c>
      <c r="AS37" s="254">
        <v>608</v>
      </c>
      <c r="AT37" s="259">
        <v>610</v>
      </c>
      <c r="AU37" s="253">
        <v>0</v>
      </c>
      <c r="AV37" s="257">
        <v>0</v>
      </c>
      <c r="AW37" s="254">
        <v>0</v>
      </c>
      <c r="AX37" s="256">
        <v>0</v>
      </c>
      <c r="AY37" s="257">
        <v>1153</v>
      </c>
      <c r="AZ37" s="257">
        <v>795</v>
      </c>
      <c r="BA37" s="257">
        <v>586</v>
      </c>
      <c r="BB37" s="257">
        <v>365</v>
      </c>
      <c r="BC37" s="257">
        <v>214</v>
      </c>
      <c r="BD37" s="258">
        <v>3113</v>
      </c>
      <c r="BE37" s="259">
        <v>3113</v>
      </c>
      <c r="BF37" s="253">
        <v>0</v>
      </c>
      <c r="BG37" s="257">
        <v>0</v>
      </c>
      <c r="BH37" s="254">
        <v>0</v>
      </c>
      <c r="BI37" s="256">
        <v>0</v>
      </c>
      <c r="BJ37" s="257">
        <v>355</v>
      </c>
      <c r="BK37" s="257">
        <v>141</v>
      </c>
      <c r="BL37" s="257">
        <v>71</v>
      </c>
      <c r="BM37" s="257">
        <v>75</v>
      </c>
      <c r="BN37" s="257">
        <v>6</v>
      </c>
      <c r="BO37" s="254">
        <v>648</v>
      </c>
      <c r="BP37" s="259">
        <v>648</v>
      </c>
      <c r="BQ37" s="253">
        <v>0</v>
      </c>
      <c r="BR37" s="257">
        <v>0</v>
      </c>
      <c r="BS37" s="254">
        <v>0</v>
      </c>
      <c r="BT37" s="256">
        <v>0</v>
      </c>
      <c r="BU37" s="257">
        <v>60</v>
      </c>
      <c r="BV37" s="257">
        <v>31</v>
      </c>
      <c r="BW37" s="257">
        <v>127</v>
      </c>
      <c r="BX37" s="257">
        <v>104</v>
      </c>
      <c r="BY37" s="257">
        <v>38</v>
      </c>
      <c r="BZ37" s="254">
        <v>360</v>
      </c>
      <c r="CA37" s="259">
        <v>360</v>
      </c>
      <c r="CB37" s="253">
        <v>0</v>
      </c>
      <c r="CC37" s="257">
        <v>0</v>
      </c>
      <c r="CD37" s="254">
        <v>0</v>
      </c>
      <c r="CE37" s="256">
        <v>0</v>
      </c>
      <c r="CF37" s="257">
        <v>10</v>
      </c>
      <c r="CG37" s="257">
        <v>16</v>
      </c>
      <c r="CH37" s="257">
        <v>3</v>
      </c>
      <c r="CI37" s="257">
        <v>12</v>
      </c>
      <c r="CJ37" s="257">
        <v>4</v>
      </c>
      <c r="CK37" s="254">
        <v>45</v>
      </c>
      <c r="CL37" s="259">
        <v>45</v>
      </c>
      <c r="CM37" s="253">
        <v>0</v>
      </c>
      <c r="CN37" s="257">
        <v>0</v>
      </c>
      <c r="CO37" s="254">
        <v>0</v>
      </c>
      <c r="CP37" s="256">
        <v>0</v>
      </c>
      <c r="CQ37" s="257">
        <v>0</v>
      </c>
      <c r="CR37" s="257">
        <v>0</v>
      </c>
      <c r="CS37" s="257">
        <v>0</v>
      </c>
      <c r="CT37" s="257">
        <v>0</v>
      </c>
      <c r="CU37" s="257">
        <v>0</v>
      </c>
      <c r="CV37" s="254">
        <v>0</v>
      </c>
      <c r="CW37" s="259">
        <v>0</v>
      </c>
      <c r="CX37" s="253">
        <v>0</v>
      </c>
      <c r="CY37" s="257">
        <v>0</v>
      </c>
      <c r="CZ37" s="254">
        <v>0</v>
      </c>
      <c r="DA37" s="256">
        <v>0</v>
      </c>
      <c r="DB37" s="257">
        <v>0</v>
      </c>
      <c r="DC37" s="257">
        <v>0</v>
      </c>
      <c r="DD37" s="257">
        <v>0</v>
      </c>
      <c r="DE37" s="257">
        <v>0</v>
      </c>
      <c r="DF37" s="257">
        <v>0</v>
      </c>
      <c r="DG37" s="254">
        <v>0</v>
      </c>
      <c r="DH37" s="259">
        <v>0</v>
      </c>
    </row>
    <row r="38" spans="2:112" ht="21" customHeight="1" x14ac:dyDescent="0.2">
      <c r="B38" s="437" t="s">
        <v>36</v>
      </c>
      <c r="C38" s="253">
        <v>0</v>
      </c>
      <c r="D38" s="257">
        <v>0</v>
      </c>
      <c r="E38" s="340">
        <v>0</v>
      </c>
      <c r="F38" s="256">
        <v>0</v>
      </c>
      <c r="G38" s="257">
        <v>654</v>
      </c>
      <c r="H38" s="257">
        <v>1305</v>
      </c>
      <c r="I38" s="257">
        <v>1251</v>
      </c>
      <c r="J38" s="257">
        <v>1339</v>
      </c>
      <c r="K38" s="257">
        <v>2359</v>
      </c>
      <c r="L38" s="258">
        <v>6908</v>
      </c>
      <c r="M38" s="259">
        <v>6908</v>
      </c>
      <c r="N38" s="253">
        <v>0</v>
      </c>
      <c r="O38" s="257">
        <v>3</v>
      </c>
      <c r="P38" s="254">
        <v>3</v>
      </c>
      <c r="Q38" s="256">
        <v>0</v>
      </c>
      <c r="R38" s="257">
        <v>4</v>
      </c>
      <c r="S38" s="257">
        <v>23</v>
      </c>
      <c r="T38" s="257">
        <v>44</v>
      </c>
      <c r="U38" s="257">
        <v>44</v>
      </c>
      <c r="V38" s="257">
        <v>41</v>
      </c>
      <c r="W38" s="254">
        <v>156</v>
      </c>
      <c r="X38" s="259">
        <v>159</v>
      </c>
      <c r="Y38" s="253">
        <v>56</v>
      </c>
      <c r="Z38" s="257">
        <v>152</v>
      </c>
      <c r="AA38" s="254">
        <v>208</v>
      </c>
      <c r="AB38" s="256">
        <v>0</v>
      </c>
      <c r="AC38" s="257">
        <v>444</v>
      </c>
      <c r="AD38" s="257">
        <v>537</v>
      </c>
      <c r="AE38" s="257">
        <v>416</v>
      </c>
      <c r="AF38" s="257">
        <v>367</v>
      </c>
      <c r="AG38" s="257">
        <v>337</v>
      </c>
      <c r="AH38" s="254">
        <v>2101</v>
      </c>
      <c r="AI38" s="259">
        <v>2309</v>
      </c>
      <c r="AJ38" s="253">
        <v>14</v>
      </c>
      <c r="AK38" s="257">
        <v>104</v>
      </c>
      <c r="AL38" s="254">
        <v>118</v>
      </c>
      <c r="AM38" s="256">
        <v>0</v>
      </c>
      <c r="AN38" s="257">
        <v>190</v>
      </c>
      <c r="AO38" s="257">
        <v>191</v>
      </c>
      <c r="AP38" s="257">
        <v>44</v>
      </c>
      <c r="AQ38" s="257">
        <v>84</v>
      </c>
      <c r="AR38" s="257">
        <v>56</v>
      </c>
      <c r="AS38" s="254">
        <v>565</v>
      </c>
      <c r="AT38" s="259">
        <v>683</v>
      </c>
      <c r="AU38" s="253">
        <v>0</v>
      </c>
      <c r="AV38" s="257">
        <v>0</v>
      </c>
      <c r="AW38" s="254">
        <v>0</v>
      </c>
      <c r="AX38" s="256">
        <v>0</v>
      </c>
      <c r="AY38" s="257">
        <v>675</v>
      </c>
      <c r="AZ38" s="257">
        <v>994</v>
      </c>
      <c r="BA38" s="257">
        <v>409</v>
      </c>
      <c r="BB38" s="257">
        <v>298</v>
      </c>
      <c r="BC38" s="257">
        <v>175</v>
      </c>
      <c r="BD38" s="258">
        <v>2551</v>
      </c>
      <c r="BE38" s="259">
        <v>2551</v>
      </c>
      <c r="BF38" s="253">
        <v>0</v>
      </c>
      <c r="BG38" s="257">
        <v>0</v>
      </c>
      <c r="BH38" s="254">
        <v>0</v>
      </c>
      <c r="BI38" s="256">
        <v>0</v>
      </c>
      <c r="BJ38" s="257">
        <v>173</v>
      </c>
      <c r="BK38" s="257">
        <v>236</v>
      </c>
      <c r="BL38" s="257">
        <v>133</v>
      </c>
      <c r="BM38" s="257">
        <v>39</v>
      </c>
      <c r="BN38" s="257">
        <v>18</v>
      </c>
      <c r="BO38" s="254">
        <v>599</v>
      </c>
      <c r="BP38" s="259">
        <v>599</v>
      </c>
      <c r="BQ38" s="253">
        <v>0</v>
      </c>
      <c r="BR38" s="257">
        <v>0</v>
      </c>
      <c r="BS38" s="254">
        <v>0</v>
      </c>
      <c r="BT38" s="256">
        <v>0</v>
      </c>
      <c r="BU38" s="257">
        <v>97</v>
      </c>
      <c r="BV38" s="257">
        <v>207</v>
      </c>
      <c r="BW38" s="257">
        <v>260</v>
      </c>
      <c r="BX38" s="257">
        <v>359</v>
      </c>
      <c r="BY38" s="257">
        <v>127</v>
      </c>
      <c r="BZ38" s="254">
        <v>1050</v>
      </c>
      <c r="CA38" s="259">
        <v>1050</v>
      </c>
      <c r="CB38" s="253">
        <v>0</v>
      </c>
      <c r="CC38" s="257">
        <v>0</v>
      </c>
      <c r="CD38" s="254">
        <v>0</v>
      </c>
      <c r="CE38" s="256">
        <v>0</v>
      </c>
      <c r="CF38" s="257">
        <v>9</v>
      </c>
      <c r="CG38" s="257">
        <v>4</v>
      </c>
      <c r="CH38" s="257">
        <v>0</v>
      </c>
      <c r="CI38" s="257">
        <v>3</v>
      </c>
      <c r="CJ38" s="257">
        <v>0</v>
      </c>
      <c r="CK38" s="254">
        <v>16</v>
      </c>
      <c r="CL38" s="259">
        <v>16</v>
      </c>
      <c r="CM38" s="253">
        <v>0</v>
      </c>
      <c r="CN38" s="257">
        <v>0</v>
      </c>
      <c r="CO38" s="254">
        <v>0</v>
      </c>
      <c r="CP38" s="256">
        <v>0</v>
      </c>
      <c r="CQ38" s="257">
        <v>0</v>
      </c>
      <c r="CR38" s="257">
        <v>0</v>
      </c>
      <c r="CS38" s="257">
        <v>0</v>
      </c>
      <c r="CT38" s="257">
        <v>0</v>
      </c>
      <c r="CU38" s="257">
        <v>0</v>
      </c>
      <c r="CV38" s="254">
        <v>0</v>
      </c>
      <c r="CW38" s="259">
        <v>0</v>
      </c>
      <c r="CX38" s="253">
        <v>0</v>
      </c>
      <c r="CY38" s="257">
        <v>0</v>
      </c>
      <c r="CZ38" s="254">
        <v>0</v>
      </c>
      <c r="DA38" s="256">
        <v>0</v>
      </c>
      <c r="DB38" s="257">
        <v>0</v>
      </c>
      <c r="DC38" s="257">
        <v>0</v>
      </c>
      <c r="DD38" s="257">
        <v>0</v>
      </c>
      <c r="DE38" s="257">
        <v>0</v>
      </c>
      <c r="DF38" s="257">
        <v>0</v>
      </c>
      <c r="DG38" s="254">
        <v>0</v>
      </c>
      <c r="DH38" s="259">
        <v>0</v>
      </c>
    </row>
    <row r="39" spans="2:112" ht="21" customHeight="1" thickBot="1" x14ac:dyDescent="0.25">
      <c r="B39" s="438" t="s">
        <v>37</v>
      </c>
      <c r="C39" s="260">
        <v>0</v>
      </c>
      <c r="D39" s="264">
        <v>0</v>
      </c>
      <c r="E39" s="341">
        <v>0</v>
      </c>
      <c r="F39" s="263">
        <v>0</v>
      </c>
      <c r="G39" s="264">
        <v>41</v>
      </c>
      <c r="H39" s="264">
        <v>43</v>
      </c>
      <c r="I39" s="264">
        <v>145</v>
      </c>
      <c r="J39" s="264">
        <v>70</v>
      </c>
      <c r="K39" s="264">
        <v>126</v>
      </c>
      <c r="L39" s="265">
        <v>425</v>
      </c>
      <c r="M39" s="266">
        <v>425</v>
      </c>
      <c r="N39" s="260">
        <v>0</v>
      </c>
      <c r="O39" s="264">
        <v>0</v>
      </c>
      <c r="P39" s="261">
        <v>0</v>
      </c>
      <c r="Q39" s="263">
        <v>0</v>
      </c>
      <c r="R39" s="264">
        <v>0</v>
      </c>
      <c r="S39" s="264">
        <v>0</v>
      </c>
      <c r="T39" s="264">
        <v>0</v>
      </c>
      <c r="U39" s="264">
        <v>0</v>
      </c>
      <c r="V39" s="264">
        <v>2</v>
      </c>
      <c r="W39" s="261">
        <v>2</v>
      </c>
      <c r="X39" s="266">
        <v>2</v>
      </c>
      <c r="Y39" s="260">
        <v>8</v>
      </c>
      <c r="Z39" s="264">
        <v>0</v>
      </c>
      <c r="AA39" s="261">
        <v>8</v>
      </c>
      <c r="AB39" s="263">
        <v>0</v>
      </c>
      <c r="AC39" s="264">
        <v>16</v>
      </c>
      <c r="AD39" s="264">
        <v>26</v>
      </c>
      <c r="AE39" s="264">
        <v>13</v>
      </c>
      <c r="AF39" s="264">
        <v>56</v>
      </c>
      <c r="AG39" s="264">
        <v>41</v>
      </c>
      <c r="AH39" s="261">
        <v>152</v>
      </c>
      <c r="AI39" s="266">
        <v>160</v>
      </c>
      <c r="AJ39" s="260">
        <v>0</v>
      </c>
      <c r="AK39" s="264">
        <v>0</v>
      </c>
      <c r="AL39" s="261">
        <v>0</v>
      </c>
      <c r="AM39" s="263">
        <v>0</v>
      </c>
      <c r="AN39" s="264">
        <v>2</v>
      </c>
      <c r="AO39" s="264">
        <v>8</v>
      </c>
      <c r="AP39" s="264">
        <v>0</v>
      </c>
      <c r="AQ39" s="264">
        <v>12</v>
      </c>
      <c r="AR39" s="264">
        <v>4</v>
      </c>
      <c r="AS39" s="261">
        <v>26</v>
      </c>
      <c r="AT39" s="266">
        <v>26</v>
      </c>
      <c r="AU39" s="260">
        <v>0</v>
      </c>
      <c r="AV39" s="264">
        <v>0</v>
      </c>
      <c r="AW39" s="261">
        <v>0</v>
      </c>
      <c r="AX39" s="263">
        <v>0</v>
      </c>
      <c r="AY39" s="264">
        <v>46</v>
      </c>
      <c r="AZ39" s="264">
        <v>50</v>
      </c>
      <c r="BA39" s="264">
        <v>66</v>
      </c>
      <c r="BB39" s="264">
        <v>44</v>
      </c>
      <c r="BC39" s="264">
        <v>8</v>
      </c>
      <c r="BD39" s="265">
        <v>214</v>
      </c>
      <c r="BE39" s="266">
        <v>214</v>
      </c>
      <c r="BF39" s="260">
        <v>0</v>
      </c>
      <c r="BG39" s="264">
        <v>0</v>
      </c>
      <c r="BH39" s="261">
        <v>0</v>
      </c>
      <c r="BI39" s="263">
        <v>0</v>
      </c>
      <c r="BJ39" s="264">
        <v>34</v>
      </c>
      <c r="BK39" s="264">
        <v>36</v>
      </c>
      <c r="BL39" s="264">
        <v>7</v>
      </c>
      <c r="BM39" s="264">
        <v>18</v>
      </c>
      <c r="BN39" s="264">
        <v>6</v>
      </c>
      <c r="BO39" s="261">
        <v>101</v>
      </c>
      <c r="BP39" s="266">
        <v>101</v>
      </c>
      <c r="BQ39" s="260">
        <v>0</v>
      </c>
      <c r="BR39" s="264">
        <v>0</v>
      </c>
      <c r="BS39" s="261">
        <v>0</v>
      </c>
      <c r="BT39" s="263">
        <v>0</v>
      </c>
      <c r="BU39" s="264">
        <v>0</v>
      </c>
      <c r="BV39" s="264">
        <v>6</v>
      </c>
      <c r="BW39" s="264">
        <v>23</v>
      </c>
      <c r="BX39" s="264">
        <v>14</v>
      </c>
      <c r="BY39" s="264">
        <v>0</v>
      </c>
      <c r="BZ39" s="261">
        <v>43</v>
      </c>
      <c r="CA39" s="266">
        <v>43</v>
      </c>
      <c r="CB39" s="260">
        <v>0</v>
      </c>
      <c r="CC39" s="264">
        <v>0</v>
      </c>
      <c r="CD39" s="261">
        <v>0</v>
      </c>
      <c r="CE39" s="263">
        <v>0</v>
      </c>
      <c r="CF39" s="264">
        <v>0</v>
      </c>
      <c r="CG39" s="264">
        <v>0</v>
      </c>
      <c r="CH39" s="264">
        <v>0</v>
      </c>
      <c r="CI39" s="264">
        <v>7</v>
      </c>
      <c r="CJ39" s="264">
        <v>4</v>
      </c>
      <c r="CK39" s="261">
        <v>11</v>
      </c>
      <c r="CL39" s="266">
        <v>11</v>
      </c>
      <c r="CM39" s="260">
        <v>0</v>
      </c>
      <c r="CN39" s="264">
        <v>0</v>
      </c>
      <c r="CO39" s="261">
        <v>0</v>
      </c>
      <c r="CP39" s="263">
        <v>0</v>
      </c>
      <c r="CQ39" s="264">
        <v>0</v>
      </c>
      <c r="CR39" s="264">
        <v>0</v>
      </c>
      <c r="CS39" s="264">
        <v>0</v>
      </c>
      <c r="CT39" s="264">
        <v>0</v>
      </c>
      <c r="CU39" s="264">
        <v>0</v>
      </c>
      <c r="CV39" s="261">
        <v>0</v>
      </c>
      <c r="CW39" s="266">
        <v>0</v>
      </c>
      <c r="CX39" s="260">
        <v>0</v>
      </c>
      <c r="CY39" s="264">
        <v>0</v>
      </c>
      <c r="CZ39" s="261">
        <v>0</v>
      </c>
      <c r="DA39" s="263">
        <v>0</v>
      </c>
      <c r="DB39" s="264">
        <v>0</v>
      </c>
      <c r="DC39" s="264">
        <v>0</v>
      </c>
      <c r="DD39" s="264">
        <v>0</v>
      </c>
      <c r="DE39" s="264">
        <v>0</v>
      </c>
      <c r="DF39" s="264">
        <v>0</v>
      </c>
      <c r="DG39" s="261">
        <v>0</v>
      </c>
      <c r="DH39" s="266">
        <v>0</v>
      </c>
    </row>
    <row r="40" spans="2:112" ht="27" customHeight="1" x14ac:dyDescent="0.2"/>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4-06-24T01:42:56Z</dcterms:modified>
</cp:coreProperties>
</file>